
<file path=[Content_Types].xml><?xml version="1.0" encoding="utf-8"?>
<Types xmlns="http://schemas.openxmlformats.org/package/2006/content-types">
  <Default Extension="emf" ContentType="image/x-emf"/>
  <Default Extension="gif" ContentType="image/gif"/>
  <Default Extension="glb" ContentType="model/gltf.binary"/>
  <Default Extension="jpeg" ContentType="image/jpeg"/>
  <Default Extension="png" ContentType="image/png"/>
  <Default Extension="rels" ContentType="application/vnd.openxmlformats-package.relationships+xml"/>
  <Default Extension="svg" ContentType="image/svg+xml"/>
  <Default Extension="tif" ContentType="image/tiff"/>
  <Default Extension="tiff" ContentType="image/tiff"/>
  <Default Extension="wdp" ContentType="image/vnd.ms-photo"/>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4.xml" ContentType="application/vnd.openxmlformats-officedocument.presentationml.notesSlide+xml"/>
  <Override PartName="/ppt/notesSlides/notesSlide5.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6.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7.xml" ContentType="application/vnd.openxmlformats-officedocument.presentationml.notesSlid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8.xml" ContentType="application/vnd.openxmlformats-officedocument.presentationml.notesSlide+xml"/>
  <Override PartName="/ppt/charts/chart5.xml" ContentType="application/vnd.openxmlformats-officedocument.drawingml.chart+xml"/>
  <Override PartName="/ppt/charts/style5.xml" ContentType="application/vnd.ms-office.chartstyle+xml"/>
  <Override PartName="/ppt/charts/colors5.xml" ContentType="application/vnd.ms-office.chartcolorstyl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charts/chart6.xml" ContentType="application/vnd.openxmlformats-officedocument.drawingml.chart+xml"/>
  <Override PartName="/ppt/charts/style6.xml" ContentType="application/vnd.ms-office.chartstyle+xml"/>
  <Override PartName="/ppt/charts/colors6.xml" ContentType="application/vnd.ms-office.chartcolorstyle+xml"/>
  <Override PartName="/ppt/notesSlides/notesSlide17.xml" ContentType="application/vnd.openxmlformats-officedocument.presentationml.notesSlide+xml"/>
  <Override PartName="/ppt/charts/chart7.xml" ContentType="application/vnd.openxmlformats-officedocument.drawingml.chart+xml"/>
  <Override PartName="/ppt/charts/style7.xml" ContentType="application/vnd.ms-office.chartstyle+xml"/>
  <Override PartName="/ppt/charts/colors7.xml" ContentType="application/vnd.ms-office.chartcolorstyl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charts/chart8.xml" ContentType="application/vnd.openxmlformats-officedocument.drawingml.chart+xml"/>
  <Override PartName="/ppt/charts/style8.xml" ContentType="application/vnd.ms-office.chartstyle+xml"/>
  <Override PartName="/ppt/charts/colors8.xml" ContentType="application/vnd.ms-office.chartcolorstyle+xml"/>
  <Override PartName="/ppt/notesSlides/notesSlide20.xml" ContentType="application/vnd.openxmlformats-officedocument.presentationml.notesSlide+xml"/>
  <Override PartName="/ppt/charts/chart9.xml" ContentType="application/vnd.openxmlformats-officedocument.drawingml.chart+xml"/>
  <Override PartName="/ppt/charts/style9.xml" ContentType="application/vnd.ms-office.chartstyle+xml"/>
  <Override PartName="/ppt/charts/colors9.xml" ContentType="application/vnd.ms-office.chartcolorstyl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charts/chart10.xml" ContentType="application/vnd.openxmlformats-officedocument.drawingml.chart+xml"/>
  <Override PartName="/ppt/charts/style10.xml" ContentType="application/vnd.ms-office.chartstyle+xml"/>
  <Override PartName="/ppt/charts/colors10.xml" ContentType="application/vnd.ms-office.chartcolorstyle+xml"/>
  <Override PartName="/ppt/notesSlides/notesSlide25.xml" ContentType="application/vnd.openxmlformats-officedocument.presentationml.notesSlide+xml"/>
  <Override PartName="/ppt/notesSlides/notesSlide2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60" r:id="rId1"/>
    <p:sldMasterId id="2147483686" r:id="rId2"/>
  </p:sldMasterIdLst>
  <p:notesMasterIdLst>
    <p:notesMasterId r:id="rId29"/>
  </p:notesMasterIdLst>
  <p:sldIdLst>
    <p:sldId id="570" r:id="rId3"/>
    <p:sldId id="571" r:id="rId4"/>
    <p:sldId id="573" r:id="rId5"/>
    <p:sldId id="578" r:id="rId6"/>
    <p:sldId id="579" r:id="rId7"/>
    <p:sldId id="581" r:id="rId8"/>
    <p:sldId id="582" r:id="rId9"/>
    <p:sldId id="583" r:id="rId10"/>
    <p:sldId id="584" r:id="rId11"/>
    <p:sldId id="585" r:id="rId12"/>
    <p:sldId id="586" r:id="rId13"/>
    <p:sldId id="587" r:id="rId14"/>
    <p:sldId id="588" r:id="rId15"/>
    <p:sldId id="589" r:id="rId16"/>
    <p:sldId id="590" r:id="rId17"/>
    <p:sldId id="580" r:id="rId18"/>
    <p:sldId id="591" r:id="rId19"/>
    <p:sldId id="592" r:id="rId20"/>
    <p:sldId id="593" r:id="rId21"/>
    <p:sldId id="594" r:id="rId22"/>
    <p:sldId id="595" r:id="rId23"/>
    <p:sldId id="596" r:id="rId24"/>
    <p:sldId id="597" r:id="rId25"/>
    <p:sldId id="598" r:id="rId26"/>
    <p:sldId id="599" r:id="rId27"/>
    <p:sldId id="467" r:id="rId28"/>
  </p:sldIdLst>
  <p:sldSz cx="9144000" cy="5143500" type="screen16x9"/>
  <p:notesSz cx="6858000" cy="9144000"/>
  <p:defaultTextStyle>
    <a:defPPr>
      <a:defRPr lang="nl-NL"/>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defaultTextStyle>
  <p:extLst>
    <p:ext uri="{521415D9-36F7-43E2-AB2F-B90AF26B5E84}">
      <p14:sectionLst xmlns:p14="http://schemas.microsoft.com/office/powerpoint/2010/main">
        <p14:section name="Intro" id="{1FD36004-E7F9-492F-8A19-67CBCE00802B}">
          <p14:sldIdLst>
            <p14:sldId id="570"/>
            <p14:sldId id="571"/>
          </p14:sldIdLst>
        </p14:section>
        <p14:section name="Hydrogen" id="{76A80BFB-E1FB-4F1F-8587-51CAB7FC161C}">
          <p14:sldIdLst>
            <p14:sldId id="573"/>
            <p14:sldId id="578"/>
            <p14:sldId id="579"/>
          </p14:sldIdLst>
        </p14:section>
        <p14:section name="Ammonia Decomposition" id="{4310BB82-0904-457C-8DEC-0E8467A1DD80}">
          <p14:sldIdLst>
            <p14:sldId id="581"/>
            <p14:sldId id="582"/>
          </p14:sldIdLst>
        </p14:section>
        <p14:section name="Catalyst" id="{B74AE79F-F3FA-401A-B7D8-747B4DA387E0}">
          <p14:sldIdLst>
            <p14:sldId id="583"/>
            <p14:sldId id="584"/>
            <p14:sldId id="585"/>
            <p14:sldId id="586"/>
            <p14:sldId id="587"/>
            <p14:sldId id="588"/>
            <p14:sldId id="589"/>
          </p14:sldIdLst>
        </p14:section>
        <p14:section name="Experimental setup" id="{44B777F1-FDCC-4EC2-B7CC-D2A7F0633A57}">
          <p14:sldIdLst>
            <p14:sldId id="590"/>
          </p14:sldIdLst>
        </p14:section>
        <p14:section name="Results" id="{2E60CA33-3751-4B40-8117-78F779445EF5}">
          <p14:sldIdLst>
            <p14:sldId id="580"/>
            <p14:sldId id="591"/>
            <p14:sldId id="592"/>
            <p14:sldId id="593"/>
            <p14:sldId id="594"/>
            <p14:sldId id="595"/>
            <p14:sldId id="596"/>
            <p14:sldId id="597"/>
            <p14:sldId id="598"/>
          </p14:sldIdLst>
        </p14:section>
        <p14:section name="Conclusion and Outlooks" id="{9B081B89-B87A-4A38-BB04-C60B80E56557}">
          <p14:sldIdLst>
            <p14:sldId id="599"/>
            <p14:sldId id="467"/>
          </p14:sldIdLst>
        </p14:section>
      </p14:sectionLst>
    </p:ext>
    <p:ext uri="{EFAFB233-063F-42B5-8137-9DF3F51BA10A}">
      <p15:sldGuideLst xmlns:p15="http://schemas.microsoft.com/office/powerpoint/2012/main">
        <p15:guide id="1" orient="horz" pos="463" userDrawn="1">
          <p15:clr>
            <a:srgbClr val="A4A3A4"/>
          </p15:clr>
        </p15:guide>
        <p15:guide id="2" pos="288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00000"/>
    <a:srgbClr val="FEFEFE"/>
    <a:srgbClr val="969696"/>
    <a:srgbClr val="FFFFFF"/>
    <a:srgbClr val="363681"/>
    <a:srgbClr val="289DBF"/>
    <a:srgbClr val="454584"/>
    <a:srgbClr val="0092B5"/>
    <a:srgbClr val="0070C0"/>
    <a:srgbClr val="FF9A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Stijl, gemiddeld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8500" autoAdjust="0"/>
    <p:restoredTop sz="72034" autoAdjust="0"/>
  </p:normalViewPr>
  <p:slideViewPr>
    <p:cSldViewPr snapToGrid="0">
      <p:cViewPr varScale="1">
        <p:scale>
          <a:sx n="100" d="100"/>
          <a:sy n="100" d="100"/>
        </p:scale>
        <p:origin x="2244" y="78"/>
      </p:cViewPr>
      <p:guideLst>
        <p:guide orient="horz" pos="463"/>
        <p:guide pos="2880"/>
      </p:guideLst>
    </p:cSldViewPr>
  </p:slideViewPr>
  <p:notesTextViewPr>
    <p:cViewPr>
      <p:scale>
        <a:sx n="125" d="100"/>
        <a:sy n="125" d="100"/>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 Type="http://schemas.openxmlformats.org/officeDocument/2006/relationships/slide" Target="slides/slide1.xml"/><Relationship Id="rId21" Type="http://schemas.openxmlformats.org/officeDocument/2006/relationships/slide" Target="slides/slide19.xml"/><Relationship Id="rId7" Type="http://schemas.openxmlformats.org/officeDocument/2006/relationships/slide" Target="slides/slide5.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tableStyles" Target="tableStyles.xml"/><Relationship Id="rId2" Type="http://schemas.openxmlformats.org/officeDocument/2006/relationships/slideMaster" Target="slideMasters/slideMaster2.xml"/><Relationship Id="rId16" Type="http://schemas.openxmlformats.org/officeDocument/2006/relationships/slide" Target="slides/slide14.xml"/><Relationship Id="rId20" Type="http://schemas.openxmlformats.org/officeDocument/2006/relationships/slide" Target="slides/slide18.xml"/><Relationship Id="rId29"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4.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theme" Target="theme/theme1.xml"/><Relationship Id="rId5" Type="http://schemas.openxmlformats.org/officeDocument/2006/relationships/slide" Target="slides/slide3.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10" Type="http://schemas.openxmlformats.org/officeDocument/2006/relationships/slide" Target="slides/slide8.xml"/><Relationship Id="rId19" Type="http://schemas.openxmlformats.org/officeDocument/2006/relationships/slide" Target="slides/slide17.xml"/><Relationship Id="rId31" Type="http://schemas.openxmlformats.org/officeDocument/2006/relationships/viewProps" Target="viewProps.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presProps" Target="presProps.xml"/><Relationship Id="rId8" Type="http://schemas.openxmlformats.org/officeDocument/2006/relationships/slide" Target="slides/slide6.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3" Type="http://schemas.openxmlformats.org/officeDocument/2006/relationships/oleObject" Target="file:///C:\Users\20193127\Dropbox\00%20-%20L4E\00%20-%20L4E%20Gaetano\2024%2006%2016%20-%20ISCRE28%20(Turku-Abo,%20Finland)\02%20-%20Data%20and%20Graphs\ISCRE28%20-%20Data%20and%20Graphs.xlsx" TargetMode="External"/><Relationship Id="rId2" Type="http://schemas.microsoft.com/office/2011/relationships/chartColorStyle" Target="colors10.xml"/><Relationship Id="rId1" Type="http://schemas.microsoft.com/office/2011/relationships/chartStyle" Target="style10.xml"/></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oleObject" Target="file:///C:\Users\s174692\Desktop\Publications\Drafts\Advances%20and%20perspectives%20on%20H2%20production%20from%20NH3%20decomposition\Equilibrium%20conversion.xlsx" TargetMode="External"/><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3" Type="http://schemas.openxmlformats.org/officeDocument/2006/relationships/oleObject" Target="file:///C:\Users\s174692\Desktop\Publications\Drafts\Advances%20and%20perspectives%20on%20H2%20production%20from%20NH3%20decomposition\Equilibrium%20conversion.xlsx" TargetMode="External"/><Relationship Id="rId2" Type="http://schemas.microsoft.com/office/2011/relationships/chartColorStyle" Target="colors4.xml"/><Relationship Id="rId1" Type="http://schemas.microsoft.com/office/2011/relationships/chartStyle" Target="style4.xml"/></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Worksheet2.xlsx"/><Relationship Id="rId2" Type="http://schemas.microsoft.com/office/2011/relationships/chartColorStyle" Target="colors5.xml"/><Relationship Id="rId1" Type="http://schemas.microsoft.com/office/2011/relationships/chartStyle" Target="style5.xml"/></Relationships>
</file>

<file path=ppt/charts/_rels/chart6.xml.rels><?xml version="1.0" encoding="UTF-8" standalone="yes"?>
<Relationships xmlns="http://schemas.openxmlformats.org/package/2006/relationships"><Relationship Id="rId3" Type="http://schemas.openxmlformats.org/officeDocument/2006/relationships/oleObject" Target="file:///C:\Users\20193127\Dropbox\00%20-%20L4E\00%20-%20L4E%20Gaetano\2024%2006%2016%20-%20ISCRE28%20(Turku-Abo,%20Finland)\02%20-%20Data%20and%20Graphs\Ru%20Investigaion%20and%20Cs%20investigationCHECK.xlsx" TargetMode="External"/><Relationship Id="rId2" Type="http://schemas.microsoft.com/office/2011/relationships/chartColorStyle" Target="colors6.xml"/><Relationship Id="rId1" Type="http://schemas.microsoft.com/office/2011/relationships/chartStyle" Target="style6.xml"/></Relationships>
</file>

<file path=ppt/charts/_rels/chart7.xml.rels><?xml version="1.0" encoding="UTF-8" standalone="yes"?>
<Relationships xmlns="http://schemas.openxmlformats.org/package/2006/relationships"><Relationship Id="rId3" Type="http://schemas.openxmlformats.org/officeDocument/2006/relationships/package" Target="../embeddings/Microsoft_Excel_Worksheet3.xlsx"/><Relationship Id="rId2" Type="http://schemas.microsoft.com/office/2011/relationships/chartColorStyle" Target="colors7.xml"/><Relationship Id="rId1" Type="http://schemas.microsoft.com/office/2011/relationships/chartStyle" Target="style7.xml"/></Relationships>
</file>

<file path=ppt/charts/_rels/chart8.xml.rels><?xml version="1.0" encoding="UTF-8" standalone="yes"?>
<Relationships xmlns="http://schemas.openxmlformats.org/package/2006/relationships"><Relationship Id="rId3" Type="http://schemas.openxmlformats.org/officeDocument/2006/relationships/oleObject" Target="file:///C:\Users\20193127\Dropbox\00%20-%20L4E\00%20-%20L4E%20Gaetano\2024%2006%2016%20-%20ISCRE28%20(Turku-Abo,%20Finland)\02%20-%20Data%20and%20Graphs\ISCRE28%20-%20Data%20and%20Graphs.xlsx" TargetMode="External"/><Relationship Id="rId2" Type="http://schemas.microsoft.com/office/2011/relationships/chartColorStyle" Target="colors8.xml"/><Relationship Id="rId1" Type="http://schemas.microsoft.com/office/2011/relationships/chartStyle" Target="style8.xml"/></Relationships>
</file>

<file path=ppt/charts/_rels/chart9.xml.rels><?xml version="1.0" encoding="UTF-8" standalone="yes"?>
<Relationships xmlns="http://schemas.openxmlformats.org/package/2006/relationships"><Relationship Id="rId3" Type="http://schemas.openxmlformats.org/officeDocument/2006/relationships/oleObject" Target="file:///C:\Users\20193127\Dropbox\00%20-%20L4E\00%20-%20L4E%20Gaetano\2024%2006%2016%20-%20ISCRE28%20(Turku-Abo,%20Finland)\02%20-%20Data%20and%20Graphs\ISCRE28%20-%20Data%20and%20Graphs.xlsx" TargetMode="External"/><Relationship Id="rId2" Type="http://schemas.microsoft.com/office/2011/relationships/chartColorStyle" Target="colors9.xml"/><Relationship Id="rId1" Type="http://schemas.microsoft.com/office/2011/relationships/chartStyle" Target="style9.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doughnutChart>
        <c:varyColors val="1"/>
        <c:ser>
          <c:idx val="0"/>
          <c:order val="0"/>
          <c:tx>
            <c:strRef>
              <c:f>Sheet1!$B$1</c:f>
              <c:strCache>
                <c:ptCount val="1"/>
                <c:pt idx="0">
                  <c:v>Sales</c:v>
                </c:pt>
              </c:strCache>
            </c:strRef>
          </c:tx>
          <c:dPt>
            <c:idx val="0"/>
            <c:bubble3D val="0"/>
            <c:spPr>
              <a:solidFill>
                <a:srgbClr val="7F7F7F"/>
              </a:solidFill>
              <a:ln w="19050">
                <a:solidFill>
                  <a:schemeClr val="lt1"/>
                </a:solidFill>
              </a:ln>
              <a:effectLst/>
            </c:spPr>
            <c:extLst>
              <c:ext xmlns:c16="http://schemas.microsoft.com/office/drawing/2014/chart" uri="{C3380CC4-5D6E-409C-BE32-E72D297353CC}">
                <c16:uniqueId val="{00000001-E4D8-4A24-845F-1A5DF6C8F1EB}"/>
              </c:ext>
            </c:extLst>
          </c:dPt>
          <c:dPt>
            <c:idx val="1"/>
            <c:bubble3D val="0"/>
            <c:spPr>
              <a:solidFill>
                <a:srgbClr val="009195"/>
              </a:solidFill>
              <a:ln w="19050">
                <a:solidFill>
                  <a:schemeClr val="lt1"/>
                </a:solidFill>
              </a:ln>
              <a:effectLst/>
            </c:spPr>
            <c:extLst>
              <c:ext xmlns:c16="http://schemas.microsoft.com/office/drawing/2014/chart" uri="{C3380CC4-5D6E-409C-BE32-E72D297353CC}">
                <c16:uniqueId val="{00000003-E4D8-4A24-845F-1A5DF6C8F1EB}"/>
              </c:ext>
            </c:extLst>
          </c:dPt>
          <c:dPt>
            <c:idx val="2"/>
            <c:bubble3D val="0"/>
            <c:spPr>
              <a:solidFill>
                <a:srgbClr val="3B8EBC"/>
              </a:solidFill>
              <a:ln w="19050">
                <a:solidFill>
                  <a:schemeClr val="lt1"/>
                </a:solidFill>
              </a:ln>
              <a:effectLst/>
            </c:spPr>
            <c:extLst>
              <c:ext xmlns:c16="http://schemas.microsoft.com/office/drawing/2014/chart" uri="{C3380CC4-5D6E-409C-BE32-E72D297353CC}">
                <c16:uniqueId val="{00000005-E4D8-4A24-845F-1A5DF6C8F1EB}"/>
              </c:ext>
            </c:extLst>
          </c:dPt>
          <c:dPt>
            <c:idx val="3"/>
            <c:bubble3D val="0"/>
            <c:spPr>
              <a:solidFill>
                <a:srgbClr val="009242"/>
              </a:solidFill>
              <a:ln w="19050">
                <a:solidFill>
                  <a:schemeClr val="lt1"/>
                </a:solidFill>
              </a:ln>
              <a:effectLst/>
            </c:spPr>
            <c:extLst>
              <c:ext xmlns:c16="http://schemas.microsoft.com/office/drawing/2014/chart" uri="{C3380CC4-5D6E-409C-BE32-E72D297353CC}">
                <c16:uniqueId val="{00000007-E4D8-4A24-845F-1A5DF6C8F1EB}"/>
              </c:ext>
            </c:extLst>
          </c:dPt>
          <c:cat>
            <c:strRef>
              <c:f>Sheet1!$A$2:$A$5</c:f>
              <c:strCache>
                <c:ptCount val="4"/>
                <c:pt idx="0">
                  <c:v>1st Qtr</c:v>
                </c:pt>
                <c:pt idx="1">
                  <c:v>2nd Qtr</c:v>
                </c:pt>
                <c:pt idx="2">
                  <c:v>3rd Qtr</c:v>
                </c:pt>
                <c:pt idx="3">
                  <c:v>4th Qtr</c:v>
                </c:pt>
              </c:strCache>
            </c:strRef>
          </c:cat>
          <c:val>
            <c:numRef>
              <c:f>Sheet1!$B$2:$B$5</c:f>
              <c:numCache>
                <c:formatCode>General</c:formatCode>
                <c:ptCount val="4"/>
                <c:pt idx="0">
                  <c:v>48</c:v>
                </c:pt>
                <c:pt idx="1">
                  <c:v>30</c:v>
                </c:pt>
                <c:pt idx="2">
                  <c:v>13</c:v>
                </c:pt>
                <c:pt idx="3">
                  <c:v>4</c:v>
                </c:pt>
              </c:numCache>
            </c:numRef>
          </c:val>
          <c:extLst>
            <c:ext xmlns:c16="http://schemas.microsoft.com/office/drawing/2014/chart" uri="{C3380CC4-5D6E-409C-BE32-E72D297353CC}">
              <c16:uniqueId val="{00000008-E4D8-4A24-845F-1A5DF6C8F1EB}"/>
            </c:ext>
          </c:extLst>
        </c:ser>
        <c:dLbls>
          <c:showLegendKey val="0"/>
          <c:showVal val="0"/>
          <c:showCatName val="0"/>
          <c:showSerName val="0"/>
          <c:showPercent val="0"/>
          <c:showBubbleSize val="0"/>
          <c:showLeaderLines val="1"/>
        </c:dLbls>
        <c:firstSliceAng val="0"/>
        <c:holeSize val="50"/>
      </c:doughnut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n-NL"/>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990225760868707"/>
          <c:y val="3.8814491235672523E-2"/>
          <c:w val="0.78525847272104621"/>
          <c:h val="0.80272777777777782"/>
        </c:manualLayout>
      </c:layout>
      <c:barChart>
        <c:barDir val="col"/>
        <c:grouping val="clustered"/>
        <c:varyColors val="0"/>
        <c:ser>
          <c:idx val="1"/>
          <c:order val="0"/>
          <c:tx>
            <c:strRef>
              <c:f>'005 - 1-7 bar'!$D$2</c:f>
              <c:strCache>
                <c:ptCount val="1"/>
                <c:pt idx="0">
                  <c:v>P = 1 bar</c:v>
                </c:pt>
              </c:strCache>
            </c:strRef>
          </c:tx>
          <c:spPr>
            <a:gradFill rotWithShape="1">
              <a:gsLst>
                <a:gs pos="0">
                  <a:schemeClr val="accent3">
                    <a:satMod val="103000"/>
                    <a:lumMod val="102000"/>
                    <a:tint val="94000"/>
                  </a:schemeClr>
                </a:gs>
                <a:gs pos="50000">
                  <a:schemeClr val="accent3">
                    <a:satMod val="110000"/>
                    <a:lumMod val="100000"/>
                    <a:shade val="100000"/>
                  </a:schemeClr>
                </a:gs>
                <a:gs pos="100000">
                  <a:schemeClr val="accent3">
                    <a:lumMod val="99000"/>
                    <a:satMod val="120000"/>
                    <a:shade val="78000"/>
                  </a:schemeClr>
                </a:gs>
              </a:gsLst>
              <a:lin ang="5400000" scaled="0"/>
            </a:gradFill>
            <a:ln>
              <a:noFill/>
            </a:ln>
            <a:effectLst/>
          </c:spPr>
          <c:invertIfNegative val="0"/>
          <c:cat>
            <c:numRef>
              <c:f>'005 - 1-7 bar'!$B$4:$B$10</c:f>
              <c:numCache>
                <c:formatCode>General</c:formatCode>
                <c:ptCount val="7"/>
                <c:pt idx="0">
                  <c:v>250</c:v>
                </c:pt>
                <c:pt idx="1">
                  <c:v>275</c:v>
                </c:pt>
                <c:pt idx="2">
                  <c:v>300</c:v>
                </c:pt>
                <c:pt idx="3">
                  <c:v>325</c:v>
                </c:pt>
                <c:pt idx="4">
                  <c:v>350</c:v>
                </c:pt>
                <c:pt idx="5">
                  <c:v>375</c:v>
                </c:pt>
                <c:pt idx="6">
                  <c:v>400</c:v>
                </c:pt>
              </c:numCache>
            </c:numRef>
          </c:cat>
          <c:val>
            <c:numRef>
              <c:f>'005 - 1-7 bar'!$D$4:$D$10</c:f>
              <c:numCache>
                <c:formatCode>0.00000</c:formatCode>
                <c:ptCount val="7"/>
                <c:pt idx="0">
                  <c:v>6.83E-2</c:v>
                </c:pt>
                <c:pt idx="1">
                  <c:v>0.13089999999999999</c:v>
                </c:pt>
                <c:pt idx="2">
                  <c:v>0.24454999999999999</c:v>
                </c:pt>
                <c:pt idx="3">
                  <c:v>0.42341000000000001</c:v>
                </c:pt>
                <c:pt idx="4">
                  <c:v>0.68010999999999999</c:v>
                </c:pt>
                <c:pt idx="5">
                  <c:v>0.92334000000000005</c:v>
                </c:pt>
                <c:pt idx="6">
                  <c:v>0.98848000000000003</c:v>
                </c:pt>
              </c:numCache>
            </c:numRef>
          </c:val>
          <c:extLst>
            <c:ext xmlns:c16="http://schemas.microsoft.com/office/drawing/2014/chart" uri="{C3380CC4-5D6E-409C-BE32-E72D297353CC}">
              <c16:uniqueId val="{00000000-3CC8-4D75-97DC-375B89B92B60}"/>
            </c:ext>
          </c:extLst>
        </c:ser>
        <c:ser>
          <c:idx val="2"/>
          <c:order val="1"/>
          <c:tx>
            <c:strRef>
              <c:f>'005 - 1-7 bar'!$G$2</c:f>
              <c:strCache>
                <c:ptCount val="1"/>
                <c:pt idx="0">
                  <c:v>P = 3 bar</c:v>
                </c:pt>
              </c:strCache>
            </c:strRef>
          </c:tx>
          <c:spPr>
            <a:gradFill rotWithShape="1">
              <a:gsLst>
                <a:gs pos="0">
                  <a:schemeClr val="accent5">
                    <a:satMod val="103000"/>
                    <a:lumMod val="102000"/>
                    <a:tint val="94000"/>
                  </a:schemeClr>
                </a:gs>
                <a:gs pos="50000">
                  <a:schemeClr val="accent5">
                    <a:satMod val="110000"/>
                    <a:lumMod val="100000"/>
                    <a:shade val="100000"/>
                  </a:schemeClr>
                </a:gs>
                <a:gs pos="100000">
                  <a:schemeClr val="accent5">
                    <a:lumMod val="99000"/>
                    <a:satMod val="120000"/>
                    <a:shade val="78000"/>
                  </a:schemeClr>
                </a:gs>
              </a:gsLst>
              <a:lin ang="5400000" scaled="0"/>
            </a:gradFill>
            <a:ln>
              <a:noFill/>
            </a:ln>
            <a:effectLst/>
          </c:spPr>
          <c:invertIfNegative val="0"/>
          <c:cat>
            <c:numRef>
              <c:f>'005 - 1-7 bar'!$B$4:$B$10</c:f>
              <c:numCache>
                <c:formatCode>General</c:formatCode>
                <c:ptCount val="7"/>
                <c:pt idx="0">
                  <c:v>250</c:v>
                </c:pt>
                <c:pt idx="1">
                  <c:v>275</c:v>
                </c:pt>
                <c:pt idx="2">
                  <c:v>300</c:v>
                </c:pt>
                <c:pt idx="3">
                  <c:v>325</c:v>
                </c:pt>
                <c:pt idx="4">
                  <c:v>350</c:v>
                </c:pt>
                <c:pt idx="5">
                  <c:v>375</c:v>
                </c:pt>
                <c:pt idx="6">
                  <c:v>400</c:v>
                </c:pt>
              </c:numCache>
            </c:numRef>
          </c:cat>
          <c:val>
            <c:numRef>
              <c:f>'005 - 1-7 bar'!$G$4:$G$10</c:f>
              <c:numCache>
                <c:formatCode>0.00000</c:formatCode>
                <c:ptCount val="7"/>
                <c:pt idx="0">
                  <c:v>5.5489999999999998E-2</c:v>
                </c:pt>
                <c:pt idx="1">
                  <c:v>0.10730000000000001</c:v>
                </c:pt>
                <c:pt idx="2">
                  <c:v>0.20652999999999999</c:v>
                </c:pt>
                <c:pt idx="3">
                  <c:v>0.37002000000000002</c:v>
                </c:pt>
                <c:pt idx="4">
                  <c:v>0.60758999999999996</c:v>
                </c:pt>
                <c:pt idx="5">
                  <c:v>0.84684999999999999</c:v>
                </c:pt>
                <c:pt idx="6">
                  <c:v>0.96177999999999997</c:v>
                </c:pt>
              </c:numCache>
            </c:numRef>
          </c:val>
          <c:extLst>
            <c:ext xmlns:c16="http://schemas.microsoft.com/office/drawing/2014/chart" uri="{C3380CC4-5D6E-409C-BE32-E72D297353CC}">
              <c16:uniqueId val="{00000001-3CC8-4D75-97DC-375B89B92B60}"/>
            </c:ext>
          </c:extLst>
        </c:ser>
        <c:ser>
          <c:idx val="0"/>
          <c:order val="2"/>
          <c:tx>
            <c:strRef>
              <c:f>'005 - 1-7 bar'!$J$2</c:f>
              <c:strCache>
                <c:ptCount val="1"/>
                <c:pt idx="0">
                  <c:v>P = 5 bar</c:v>
                </c:pt>
              </c:strCache>
            </c:strRef>
          </c:tx>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c:spPr>
          <c:invertIfNegative val="0"/>
          <c:cat>
            <c:numRef>
              <c:f>'005 - 1-7 bar'!$B$4:$B$10</c:f>
              <c:numCache>
                <c:formatCode>General</c:formatCode>
                <c:ptCount val="7"/>
                <c:pt idx="0">
                  <c:v>250</c:v>
                </c:pt>
                <c:pt idx="1">
                  <c:v>275</c:v>
                </c:pt>
                <c:pt idx="2">
                  <c:v>300</c:v>
                </c:pt>
                <c:pt idx="3">
                  <c:v>325</c:v>
                </c:pt>
                <c:pt idx="4">
                  <c:v>350</c:v>
                </c:pt>
                <c:pt idx="5">
                  <c:v>375</c:v>
                </c:pt>
                <c:pt idx="6">
                  <c:v>400</c:v>
                </c:pt>
              </c:numCache>
            </c:numRef>
          </c:cat>
          <c:val>
            <c:numRef>
              <c:f>'005 - 1-7 bar'!$J$4:$J$10</c:f>
              <c:numCache>
                <c:formatCode>0.00000</c:formatCode>
                <c:ptCount val="7"/>
                <c:pt idx="0">
                  <c:v>4.9950000000000001E-2</c:v>
                </c:pt>
                <c:pt idx="1">
                  <c:v>9.7780000000000006E-2</c:v>
                </c:pt>
                <c:pt idx="2">
                  <c:v>0.19045999999999999</c:v>
                </c:pt>
                <c:pt idx="3">
                  <c:v>0.34439999999999998</c:v>
                </c:pt>
                <c:pt idx="4">
                  <c:v>0.55944000000000005</c:v>
                </c:pt>
                <c:pt idx="5">
                  <c:v>0.79035999999999995</c:v>
                </c:pt>
                <c:pt idx="6">
                  <c:v>0.92962999999999996</c:v>
                </c:pt>
              </c:numCache>
            </c:numRef>
          </c:val>
          <c:extLst>
            <c:ext xmlns:c16="http://schemas.microsoft.com/office/drawing/2014/chart" uri="{C3380CC4-5D6E-409C-BE32-E72D297353CC}">
              <c16:uniqueId val="{00000002-3CC8-4D75-97DC-375B89B92B60}"/>
            </c:ext>
          </c:extLst>
        </c:ser>
        <c:ser>
          <c:idx val="3"/>
          <c:order val="3"/>
          <c:tx>
            <c:strRef>
              <c:f>'005 - 1-7 bar'!$M$2</c:f>
              <c:strCache>
                <c:ptCount val="1"/>
                <c:pt idx="0">
                  <c:v>P = 7 bar</c:v>
                </c:pt>
              </c:strCache>
            </c:strRef>
          </c:tx>
          <c:spPr>
            <a:gradFill rotWithShape="1">
              <a:gsLst>
                <a:gs pos="0">
                  <a:schemeClr val="accent1">
                    <a:lumMod val="60000"/>
                    <a:satMod val="103000"/>
                    <a:lumMod val="102000"/>
                    <a:tint val="94000"/>
                  </a:schemeClr>
                </a:gs>
                <a:gs pos="50000">
                  <a:schemeClr val="accent1">
                    <a:lumMod val="60000"/>
                    <a:satMod val="110000"/>
                    <a:lumMod val="100000"/>
                    <a:shade val="100000"/>
                  </a:schemeClr>
                </a:gs>
                <a:gs pos="100000">
                  <a:schemeClr val="accent1">
                    <a:lumMod val="60000"/>
                    <a:lumMod val="99000"/>
                    <a:satMod val="120000"/>
                    <a:shade val="78000"/>
                  </a:schemeClr>
                </a:gs>
              </a:gsLst>
              <a:lin ang="5400000" scaled="0"/>
            </a:gradFill>
            <a:ln>
              <a:noFill/>
            </a:ln>
            <a:effectLst/>
          </c:spPr>
          <c:invertIfNegative val="0"/>
          <c:cat>
            <c:numRef>
              <c:f>'005 - 1-7 bar'!$B$4:$B$10</c:f>
              <c:numCache>
                <c:formatCode>General</c:formatCode>
                <c:ptCount val="7"/>
                <c:pt idx="0">
                  <c:v>250</c:v>
                </c:pt>
                <c:pt idx="1">
                  <c:v>275</c:v>
                </c:pt>
                <c:pt idx="2">
                  <c:v>300</c:v>
                </c:pt>
                <c:pt idx="3">
                  <c:v>325</c:v>
                </c:pt>
                <c:pt idx="4">
                  <c:v>350</c:v>
                </c:pt>
                <c:pt idx="5">
                  <c:v>375</c:v>
                </c:pt>
                <c:pt idx="6">
                  <c:v>400</c:v>
                </c:pt>
              </c:numCache>
            </c:numRef>
          </c:cat>
          <c:val>
            <c:numRef>
              <c:f>'005 - 1-7 bar'!$M$4:$M$10</c:f>
              <c:numCache>
                <c:formatCode>0.00000</c:formatCode>
                <c:ptCount val="7"/>
                <c:pt idx="0">
                  <c:v>4.6609999999999999E-2</c:v>
                </c:pt>
                <c:pt idx="1">
                  <c:v>9.1850000000000001E-2</c:v>
                </c:pt>
                <c:pt idx="2">
                  <c:v>0.18082999999999999</c:v>
                </c:pt>
                <c:pt idx="3">
                  <c:v>0.32572000000000001</c:v>
                </c:pt>
                <c:pt idx="4">
                  <c:v>0.52312000000000003</c:v>
                </c:pt>
                <c:pt idx="5">
                  <c:v>0.74602999999999997</c:v>
                </c:pt>
                <c:pt idx="6">
                  <c:v>0.90963000000000005</c:v>
                </c:pt>
              </c:numCache>
            </c:numRef>
          </c:val>
          <c:extLst>
            <c:ext xmlns:c16="http://schemas.microsoft.com/office/drawing/2014/chart" uri="{C3380CC4-5D6E-409C-BE32-E72D297353CC}">
              <c16:uniqueId val="{00000003-3CC8-4D75-97DC-375B89B92B60}"/>
            </c:ext>
          </c:extLst>
        </c:ser>
        <c:dLbls>
          <c:showLegendKey val="0"/>
          <c:showVal val="0"/>
          <c:showCatName val="0"/>
          <c:showSerName val="0"/>
          <c:showPercent val="0"/>
          <c:showBubbleSize val="0"/>
        </c:dLbls>
        <c:gapWidth val="150"/>
        <c:axId val="1529579279"/>
        <c:axId val="1529562959"/>
      </c:barChart>
      <c:catAx>
        <c:axId val="1529579279"/>
        <c:scaling>
          <c:orientation val="minMax"/>
        </c:scaling>
        <c:delete val="0"/>
        <c:axPos val="b"/>
        <c:title>
          <c:tx>
            <c:rich>
              <a:bodyPr rot="0" spcFirstLastPara="1" vertOverflow="ellipsis" vert="horz" wrap="square" anchor="ctr" anchorCtr="1"/>
              <a:lstStyle/>
              <a:p>
                <a:pPr>
                  <a:defRPr sz="1400" b="1" i="0" u="none" strike="noStrike" kern="1200" baseline="0">
                    <a:solidFill>
                      <a:srgbClr val="002060"/>
                    </a:solidFill>
                    <a:latin typeface="+mj-lt"/>
                    <a:ea typeface="+mn-ea"/>
                    <a:cs typeface="Times New Roman" panose="02020603050405020304" pitchFamily="18" charset="0"/>
                  </a:defRPr>
                </a:pPr>
                <a:r>
                  <a:rPr lang="en-US" sz="1400">
                    <a:solidFill>
                      <a:srgbClr val="002060"/>
                    </a:solidFill>
                    <a:latin typeface="+mj-lt"/>
                  </a:rPr>
                  <a:t>Temperature (°C)</a:t>
                </a:r>
              </a:p>
            </c:rich>
          </c:tx>
          <c:overlay val="0"/>
          <c:spPr>
            <a:noFill/>
            <a:ln>
              <a:noFill/>
            </a:ln>
            <a:effectLst/>
          </c:spPr>
          <c:txPr>
            <a:bodyPr rot="0" spcFirstLastPara="1" vertOverflow="ellipsis" vert="horz" wrap="square" anchor="ctr" anchorCtr="1"/>
            <a:lstStyle/>
            <a:p>
              <a:pPr>
                <a:defRPr sz="1400" b="1" i="0" u="none" strike="noStrike" kern="1200" baseline="0">
                  <a:solidFill>
                    <a:srgbClr val="002060"/>
                  </a:solidFill>
                  <a:latin typeface="+mj-lt"/>
                  <a:ea typeface="+mn-ea"/>
                  <a:cs typeface="Times New Roman" panose="02020603050405020304" pitchFamily="18" charset="0"/>
                </a:defRPr>
              </a:pPr>
              <a:endParaRPr lang="en-NL"/>
            </a:p>
          </c:txPr>
        </c:title>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100" b="1" i="0" u="none" strike="noStrike" kern="1200" baseline="0">
                <a:solidFill>
                  <a:srgbClr val="002060"/>
                </a:solidFill>
                <a:latin typeface="+mn-lt"/>
                <a:ea typeface="+mn-ea"/>
                <a:cs typeface="Times New Roman" panose="02020603050405020304" pitchFamily="18" charset="0"/>
              </a:defRPr>
            </a:pPr>
            <a:endParaRPr lang="en-NL"/>
          </a:p>
        </c:txPr>
        <c:crossAx val="1529562959"/>
        <c:crosses val="autoZero"/>
        <c:auto val="1"/>
        <c:lblAlgn val="ctr"/>
        <c:lblOffset val="100"/>
        <c:noMultiLvlLbl val="0"/>
      </c:catAx>
      <c:valAx>
        <c:axId val="1529562959"/>
        <c:scaling>
          <c:orientation val="minMax"/>
          <c:max val="1"/>
          <c:min val="0"/>
        </c:scaling>
        <c:delete val="0"/>
        <c:axPos val="l"/>
        <c:title>
          <c:tx>
            <c:rich>
              <a:bodyPr rot="-5400000" spcFirstLastPara="1" vertOverflow="ellipsis" vert="horz" wrap="square" anchor="ctr" anchorCtr="1"/>
              <a:lstStyle/>
              <a:p>
                <a:pPr>
                  <a:defRPr sz="1400" b="1" i="0" u="none" strike="noStrike" kern="1200" baseline="0">
                    <a:solidFill>
                      <a:srgbClr val="002060"/>
                    </a:solidFill>
                    <a:latin typeface="Calibri "/>
                    <a:ea typeface="+mn-ea"/>
                    <a:cs typeface="Times New Roman" panose="02020603050405020304" pitchFamily="18" charset="0"/>
                  </a:defRPr>
                </a:pPr>
                <a:r>
                  <a:rPr lang="it-IT" sz="1400">
                    <a:solidFill>
                      <a:srgbClr val="002060"/>
                    </a:solidFill>
                    <a:latin typeface="Calibri "/>
                  </a:rPr>
                  <a:t>Ammonia conversion</a:t>
                </a:r>
              </a:p>
            </c:rich>
          </c:tx>
          <c:layout>
            <c:manualLayout>
              <c:xMode val="edge"/>
              <c:yMode val="edge"/>
              <c:x val="1.2777777777777779E-2"/>
              <c:y val="0.21424000000000001"/>
            </c:manualLayout>
          </c:layout>
          <c:overlay val="0"/>
          <c:spPr>
            <a:noFill/>
            <a:ln>
              <a:noFill/>
            </a:ln>
            <a:effectLst/>
          </c:spPr>
          <c:txPr>
            <a:bodyPr rot="-5400000" spcFirstLastPara="1" vertOverflow="ellipsis" vert="horz" wrap="square" anchor="ctr" anchorCtr="1"/>
            <a:lstStyle/>
            <a:p>
              <a:pPr>
                <a:defRPr sz="1400" b="1" i="0" u="none" strike="noStrike" kern="1200" baseline="0">
                  <a:solidFill>
                    <a:srgbClr val="002060"/>
                  </a:solidFill>
                  <a:latin typeface="Calibri "/>
                  <a:ea typeface="+mn-ea"/>
                  <a:cs typeface="Times New Roman" panose="02020603050405020304" pitchFamily="18" charset="0"/>
                </a:defRPr>
              </a:pPr>
              <a:endParaRPr lang="en-NL"/>
            </a:p>
          </c:txPr>
        </c:title>
        <c:numFmt formatCode="0%" sourceLinked="0"/>
        <c:majorTickMark val="none"/>
        <c:minorTickMark val="none"/>
        <c:tickLblPos val="nextTo"/>
        <c:spPr>
          <a:noFill/>
          <a:ln>
            <a:solidFill>
              <a:schemeClr val="tx1"/>
            </a:solidFill>
          </a:ln>
          <a:effectLst/>
        </c:spPr>
        <c:txPr>
          <a:bodyPr rot="-60000000" spcFirstLastPara="1" vertOverflow="ellipsis" vert="horz" wrap="square" anchor="ctr" anchorCtr="1"/>
          <a:lstStyle/>
          <a:p>
            <a:pPr>
              <a:defRPr sz="1100" b="1" i="0" u="none" strike="noStrike" kern="1200" baseline="0">
                <a:solidFill>
                  <a:srgbClr val="002060"/>
                </a:solidFill>
                <a:latin typeface="+mn-lt"/>
                <a:ea typeface="+mn-ea"/>
                <a:cs typeface="Times New Roman" panose="02020603050405020304" pitchFamily="18" charset="0"/>
              </a:defRPr>
            </a:pPr>
            <a:endParaRPr lang="en-NL"/>
          </a:p>
        </c:txPr>
        <c:crossAx val="1529579279"/>
        <c:crosses val="autoZero"/>
        <c:crossBetween val="between"/>
        <c:majorUnit val="0.2"/>
      </c:valAx>
      <c:spPr>
        <a:noFill/>
        <a:ln>
          <a:solidFill>
            <a:schemeClr val="tx1"/>
          </a:solidFill>
        </a:ln>
        <a:effectLst/>
      </c:spPr>
    </c:plotArea>
    <c:legend>
      <c:legendPos val="r"/>
      <c:layout>
        <c:manualLayout>
          <c:xMode val="edge"/>
          <c:yMode val="edge"/>
          <c:x val="0.19412312647233582"/>
          <c:y val="6.7490376221424037E-2"/>
          <c:w val="0.20238216544506124"/>
          <c:h val="0.23675015266897725"/>
        </c:manualLayout>
      </c:layout>
      <c:overlay val="0"/>
      <c:spPr>
        <a:noFill/>
        <a:ln>
          <a:noFill/>
        </a:ln>
        <a:effectLst/>
      </c:spPr>
      <c:txPr>
        <a:bodyPr rot="0" spcFirstLastPara="1" vertOverflow="ellipsis" vert="horz" wrap="square" anchor="ctr" anchorCtr="1"/>
        <a:lstStyle/>
        <a:p>
          <a:pPr>
            <a:defRPr sz="1100" b="0" i="0" u="none" strike="noStrike" kern="1200" baseline="0">
              <a:solidFill>
                <a:srgbClr val="002060"/>
              </a:solidFill>
              <a:latin typeface="+mn-lt"/>
              <a:ea typeface="+mn-ea"/>
              <a:cs typeface="Times New Roman" panose="02020603050405020304" pitchFamily="18" charset="0"/>
            </a:defRPr>
          </a:pPr>
          <a:endParaRPr lang="en-N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19050" cap="flat" cmpd="sng" algn="ctr">
      <a:noFill/>
      <a:round/>
    </a:ln>
    <a:effectLst/>
  </c:spPr>
  <c:txPr>
    <a:bodyPr/>
    <a:lstStyle/>
    <a:p>
      <a:pPr>
        <a:defRPr sz="1100">
          <a:latin typeface="Times New Roman" panose="02020603050405020304" pitchFamily="18" charset="0"/>
          <a:cs typeface="Times New Roman" panose="02020603050405020304" pitchFamily="18" charset="0"/>
        </a:defRPr>
      </a:pPr>
      <a:endParaRPr lang="en-NL"/>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doughnutChart>
        <c:varyColors val="1"/>
        <c:ser>
          <c:idx val="0"/>
          <c:order val="0"/>
          <c:tx>
            <c:strRef>
              <c:f>Sheet1!$B$1</c:f>
              <c:strCache>
                <c:ptCount val="1"/>
                <c:pt idx="0">
                  <c:v>Sales</c:v>
                </c:pt>
              </c:strCache>
            </c:strRef>
          </c:tx>
          <c:spPr>
            <a:solidFill>
              <a:schemeClr val="bg1">
                <a:lumMod val="95000"/>
              </a:schemeClr>
            </a:solidFill>
            <a:ln>
              <a:solidFill>
                <a:schemeClr val="bg1">
                  <a:lumMod val="65000"/>
                </a:schemeClr>
              </a:solidFill>
            </a:ln>
          </c:spPr>
          <c:dPt>
            <c:idx val="0"/>
            <c:bubble3D val="0"/>
            <c:spPr>
              <a:solidFill>
                <a:schemeClr val="bg1">
                  <a:lumMod val="95000"/>
                </a:schemeClr>
              </a:solidFill>
              <a:ln w="19050">
                <a:solidFill>
                  <a:schemeClr val="bg1">
                    <a:lumMod val="65000"/>
                  </a:schemeClr>
                </a:solidFill>
              </a:ln>
              <a:effectLst/>
            </c:spPr>
            <c:extLst>
              <c:ext xmlns:c16="http://schemas.microsoft.com/office/drawing/2014/chart" uri="{C3380CC4-5D6E-409C-BE32-E72D297353CC}">
                <c16:uniqueId val="{00000001-E10F-4C1B-AA19-D990AB4BA5BB}"/>
              </c:ext>
            </c:extLst>
          </c:dPt>
          <c:dPt>
            <c:idx val="1"/>
            <c:bubble3D val="0"/>
            <c:spPr>
              <a:solidFill>
                <a:schemeClr val="bg1">
                  <a:lumMod val="95000"/>
                </a:schemeClr>
              </a:solidFill>
              <a:ln w="19050">
                <a:solidFill>
                  <a:schemeClr val="bg1">
                    <a:lumMod val="65000"/>
                  </a:schemeClr>
                </a:solidFill>
              </a:ln>
              <a:effectLst/>
            </c:spPr>
            <c:extLst>
              <c:ext xmlns:c16="http://schemas.microsoft.com/office/drawing/2014/chart" uri="{C3380CC4-5D6E-409C-BE32-E72D297353CC}">
                <c16:uniqueId val="{00000003-E10F-4C1B-AA19-D990AB4BA5BB}"/>
              </c:ext>
            </c:extLst>
          </c:dPt>
          <c:dPt>
            <c:idx val="2"/>
            <c:bubble3D val="0"/>
            <c:spPr>
              <a:solidFill>
                <a:schemeClr val="bg1">
                  <a:lumMod val="95000"/>
                </a:schemeClr>
              </a:solidFill>
              <a:ln w="19050">
                <a:solidFill>
                  <a:schemeClr val="bg1">
                    <a:lumMod val="65000"/>
                  </a:schemeClr>
                </a:solidFill>
              </a:ln>
              <a:effectLst/>
            </c:spPr>
            <c:extLst>
              <c:ext xmlns:c16="http://schemas.microsoft.com/office/drawing/2014/chart" uri="{C3380CC4-5D6E-409C-BE32-E72D297353CC}">
                <c16:uniqueId val="{00000005-E10F-4C1B-AA19-D990AB4BA5BB}"/>
              </c:ext>
            </c:extLst>
          </c:dPt>
          <c:dPt>
            <c:idx val="3"/>
            <c:bubble3D val="0"/>
            <c:spPr>
              <a:solidFill>
                <a:schemeClr val="bg1">
                  <a:lumMod val="95000"/>
                </a:schemeClr>
              </a:solidFill>
              <a:ln w="19050">
                <a:solidFill>
                  <a:schemeClr val="bg1">
                    <a:lumMod val="65000"/>
                  </a:schemeClr>
                </a:solidFill>
              </a:ln>
              <a:effectLst/>
            </c:spPr>
            <c:extLst>
              <c:ext xmlns:c16="http://schemas.microsoft.com/office/drawing/2014/chart" uri="{C3380CC4-5D6E-409C-BE32-E72D297353CC}">
                <c16:uniqueId val="{00000007-E10F-4C1B-AA19-D990AB4BA5BB}"/>
              </c:ext>
            </c:extLst>
          </c:dPt>
          <c:cat>
            <c:strRef>
              <c:f>Sheet1!$A$2:$A$5</c:f>
              <c:strCache>
                <c:ptCount val="1"/>
                <c:pt idx="0">
                  <c:v>1st Qtr</c:v>
                </c:pt>
              </c:strCache>
            </c:strRef>
          </c:cat>
          <c:val>
            <c:numRef>
              <c:f>Sheet1!$B$2:$B$5</c:f>
              <c:numCache>
                <c:formatCode>General</c:formatCode>
                <c:ptCount val="4"/>
                <c:pt idx="0">
                  <c:v>30</c:v>
                </c:pt>
              </c:numCache>
            </c:numRef>
          </c:val>
          <c:extLst>
            <c:ext xmlns:c16="http://schemas.microsoft.com/office/drawing/2014/chart" uri="{C3380CC4-5D6E-409C-BE32-E72D297353CC}">
              <c16:uniqueId val="{00000008-E10F-4C1B-AA19-D990AB4BA5BB}"/>
            </c:ext>
          </c:extLst>
        </c:ser>
        <c:dLbls>
          <c:showLegendKey val="0"/>
          <c:showVal val="0"/>
          <c:showCatName val="0"/>
          <c:showSerName val="0"/>
          <c:showPercent val="0"/>
          <c:showBubbleSize val="0"/>
          <c:showLeaderLines val="1"/>
        </c:dLbls>
        <c:firstSliceAng val="0"/>
        <c:holeSize val="50"/>
      </c:doughnutChart>
      <c:spPr>
        <a:noFill/>
        <a:ln>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n-NL"/>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037951388888892"/>
          <c:y val="5.0961315728515172E-2"/>
          <c:w val="0.79746041666666667"/>
          <c:h val="0.76125846111341344"/>
        </c:manualLayout>
      </c:layout>
      <c:scatterChart>
        <c:scatterStyle val="smoothMarker"/>
        <c:varyColors val="0"/>
        <c:ser>
          <c:idx val="0"/>
          <c:order val="0"/>
          <c:tx>
            <c:v>1 bar</c:v>
          </c:tx>
          <c:spPr>
            <a:ln w="12700" cap="rnd">
              <a:solidFill>
                <a:srgbClr val="00206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C$4:$C$16</c:f>
              <c:numCache>
                <c:formatCode>0.00%</c:formatCode>
                <c:ptCount val="13"/>
                <c:pt idx="0">
                  <c:v>0.74375844999999996</c:v>
                </c:pt>
                <c:pt idx="1">
                  <c:v>0.89775766899999998</c:v>
                </c:pt>
                <c:pt idx="2">
                  <c:v>0.95903972500000001</c:v>
                </c:pt>
                <c:pt idx="3">
                  <c:v>0.98211176</c:v>
                </c:pt>
                <c:pt idx="4">
                  <c:v>0.99138969399999999</c:v>
                </c:pt>
                <c:pt idx="5">
                  <c:v>0.99547531</c:v>
                </c:pt>
                <c:pt idx="6">
                  <c:v>0.99743694500000002</c:v>
                </c:pt>
                <c:pt idx="7">
                  <c:v>0.99845298199999999</c:v>
                </c:pt>
                <c:pt idx="8">
                  <c:v>0.999014654</c:v>
                </c:pt>
                <c:pt idx="9">
                  <c:v>0.99934296899999997</c:v>
                </c:pt>
                <c:pt idx="10">
                  <c:v>0.99954431499999996</c:v>
                </c:pt>
                <c:pt idx="11">
                  <c:v>0.99967303100000005</c:v>
                </c:pt>
                <c:pt idx="12">
                  <c:v>0.99975834600000002</c:v>
                </c:pt>
              </c:numCache>
            </c:numRef>
          </c:yVal>
          <c:smooth val="1"/>
          <c:extLst xmlns="http://schemas.openxmlformats.org/drawingml/2006/chart">
            <c:ext xmlns:c16="http://schemas.microsoft.com/office/drawing/2014/chart" uri="{C3380CC4-5D6E-409C-BE32-E72D297353CC}">
              <c16:uniqueId val="{00000000-E9B6-4E13-9620-632619D0F2E8}"/>
            </c:ext>
          </c:extLst>
        </c:ser>
        <c:ser>
          <c:idx val="1"/>
          <c:order val="1"/>
          <c:tx>
            <c:v>5 bar</c:v>
          </c:tx>
          <c:spPr>
            <a:ln w="12700" cap="rnd">
              <a:solidFill>
                <a:srgbClr val="C0000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D$4:$D$16</c:f>
              <c:numCache>
                <c:formatCode>0.00%</c:formatCode>
                <c:ptCount val="13"/>
                <c:pt idx="0">
                  <c:v>0.44338966200000002</c:v>
                </c:pt>
                <c:pt idx="1">
                  <c:v>0.67265648499999997</c:v>
                </c:pt>
                <c:pt idx="2">
                  <c:v>0.83409501399999997</c:v>
                </c:pt>
                <c:pt idx="3">
                  <c:v>0.91898427699999996</c:v>
                </c:pt>
                <c:pt idx="4">
                  <c:v>0.95900545800000003</c:v>
                </c:pt>
                <c:pt idx="5">
                  <c:v>0.97795507400000004</c:v>
                </c:pt>
                <c:pt idx="6">
                  <c:v>0.98737073399999997</c:v>
                </c:pt>
                <c:pt idx="7">
                  <c:v>0.99233222200000004</c:v>
                </c:pt>
                <c:pt idx="8">
                  <c:v>0.99510025300000005</c:v>
                </c:pt>
                <c:pt idx="9">
                  <c:v>0.99672665500000002</c:v>
                </c:pt>
                <c:pt idx="10">
                  <c:v>0.99772715300000003</c:v>
                </c:pt>
                <c:pt idx="11">
                  <c:v>0.99836796900000002</c:v>
                </c:pt>
                <c:pt idx="12">
                  <c:v>0.998793237</c:v>
                </c:pt>
              </c:numCache>
            </c:numRef>
          </c:yVal>
          <c:smooth val="1"/>
          <c:extLst xmlns="http://schemas.openxmlformats.org/drawingml/2006/chart">
            <c:ext xmlns:c16="http://schemas.microsoft.com/office/drawing/2014/chart" uri="{C3380CC4-5D6E-409C-BE32-E72D297353CC}">
              <c16:uniqueId val="{00000001-E9B6-4E13-9620-632619D0F2E8}"/>
            </c:ext>
          </c:extLst>
        </c:ser>
        <c:ser>
          <c:idx val="2"/>
          <c:order val="2"/>
          <c:tx>
            <c:v>10 bar</c:v>
          </c:tx>
          <c:spPr>
            <a:ln w="12700" cap="rnd">
              <a:solidFill>
                <a:srgbClr val="00B05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E$4:$E$16</c:f>
              <c:numCache>
                <c:formatCode>0.00%</c:formatCode>
                <c:ptCount val="13"/>
                <c:pt idx="0">
                  <c:v>0.32714146700000002</c:v>
                </c:pt>
                <c:pt idx="1">
                  <c:v>0.53876709300000003</c:v>
                </c:pt>
                <c:pt idx="2">
                  <c:v>0.72949967500000001</c:v>
                </c:pt>
                <c:pt idx="3">
                  <c:v>0.85462122900000004</c:v>
                </c:pt>
                <c:pt idx="4">
                  <c:v>0.92255977300000003</c:v>
                </c:pt>
                <c:pt idx="5">
                  <c:v>0.957261798</c:v>
                </c:pt>
                <c:pt idx="6">
                  <c:v>0.97518834600000004</c:v>
                </c:pt>
                <c:pt idx="7">
                  <c:v>0.98482858799999995</c:v>
                </c:pt>
                <c:pt idx="8">
                  <c:v>0.99026685699999994</c:v>
                </c:pt>
                <c:pt idx="9">
                  <c:v>0.99348250199999999</c:v>
                </c:pt>
                <c:pt idx="10">
                  <c:v>0.99546813700000003</c:v>
                </c:pt>
                <c:pt idx="11">
                  <c:v>0.99674293000000003</c:v>
                </c:pt>
                <c:pt idx="12">
                  <c:v>0.997590215</c:v>
                </c:pt>
              </c:numCache>
            </c:numRef>
          </c:yVal>
          <c:smooth val="1"/>
          <c:extLst xmlns="http://schemas.openxmlformats.org/drawingml/2006/chart">
            <c:ext xmlns:c16="http://schemas.microsoft.com/office/drawing/2014/chart" uri="{C3380CC4-5D6E-409C-BE32-E72D297353CC}">
              <c16:uniqueId val="{00000002-E9B6-4E13-9620-632619D0F2E8}"/>
            </c:ext>
          </c:extLst>
        </c:ser>
        <c:ser>
          <c:idx val="3"/>
          <c:order val="3"/>
          <c:tx>
            <c:v>20 bar</c:v>
          </c:tx>
          <c:spPr>
            <a:ln w="12700" cap="rnd">
              <a:solidFill>
                <a:schemeClr val="accent4"/>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F$4:$F$16</c:f>
              <c:numCache>
                <c:formatCode>0.00%</c:formatCode>
                <c:ptCount val="13"/>
                <c:pt idx="0">
                  <c:v>0.23225504599999999</c:v>
                </c:pt>
                <c:pt idx="1">
                  <c:v>0.40744949699999999</c:v>
                </c:pt>
                <c:pt idx="2">
                  <c:v>0.59948084999999995</c:v>
                </c:pt>
                <c:pt idx="3">
                  <c:v>0.757303065</c:v>
                </c:pt>
                <c:pt idx="4">
                  <c:v>0.86024694999999995</c:v>
                </c:pt>
                <c:pt idx="5">
                  <c:v>0.91938448299999997</c:v>
                </c:pt>
                <c:pt idx="6">
                  <c:v>0.95205337899999998</c:v>
                </c:pt>
                <c:pt idx="7">
                  <c:v>0.97028768300000001</c:v>
                </c:pt>
                <c:pt idx="8">
                  <c:v>0.980792051</c:v>
                </c:pt>
                <c:pt idx="9">
                  <c:v>0.98707957999999996</c:v>
                </c:pt>
                <c:pt idx="10">
                  <c:v>0.99099083300000002</c:v>
                </c:pt>
                <c:pt idx="11">
                  <c:v>0.99351353099999995</c:v>
                </c:pt>
                <c:pt idx="12">
                  <c:v>0.99519526800000002</c:v>
                </c:pt>
              </c:numCache>
            </c:numRef>
          </c:yVal>
          <c:smooth val="1"/>
          <c:extLst xmlns="http://schemas.openxmlformats.org/drawingml/2006/chart">
            <c:ext xmlns:c16="http://schemas.microsoft.com/office/drawing/2014/chart" uri="{C3380CC4-5D6E-409C-BE32-E72D297353CC}">
              <c16:uniqueId val="{00000003-E9B6-4E13-9620-632619D0F2E8}"/>
            </c:ext>
          </c:extLst>
        </c:ser>
        <c:dLbls>
          <c:showLegendKey val="0"/>
          <c:showVal val="0"/>
          <c:showCatName val="0"/>
          <c:showSerName val="0"/>
          <c:showPercent val="0"/>
          <c:showBubbleSize val="0"/>
        </c:dLbls>
        <c:axId val="2094259983"/>
        <c:axId val="574170479"/>
      </c:scatterChart>
      <c:valAx>
        <c:axId val="2094259983"/>
        <c:scaling>
          <c:orientation val="minMax"/>
          <c:max val="800"/>
          <c:min val="200"/>
        </c:scaling>
        <c:delete val="0"/>
        <c:axPos val="b"/>
        <c:title>
          <c:tx>
            <c:rich>
              <a:bodyPr rot="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r>
                  <a:rPr lang="en-US" b="1"/>
                  <a:t>Temperature [°C]</a:t>
                </a:r>
              </a:p>
            </c:rich>
          </c:tx>
          <c:layout>
            <c:manualLayout>
              <c:xMode val="edge"/>
              <c:yMode val="edge"/>
              <c:x val="0.40677400793650792"/>
              <c:y val="0.91261493055555554"/>
            </c:manualLayout>
          </c:layout>
          <c:overlay val="0"/>
          <c:spPr>
            <a:noFill/>
            <a:ln>
              <a:noFill/>
            </a:ln>
            <a:effectLst/>
          </c:spPr>
          <c:txPr>
            <a:bodyPr rot="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endParaRPr lang="en-NL"/>
            </a:p>
          </c:txPr>
        </c:title>
        <c:numFmt formatCode="General" sourceLinked="1"/>
        <c:majorTickMark val="none"/>
        <c:minorTickMark val="none"/>
        <c:tickLblPos val="nextTo"/>
        <c:spPr>
          <a:noFill/>
          <a:ln w="9525" cap="flat" cmpd="sng" algn="ctr">
            <a:solidFill>
              <a:srgbClr val="002060"/>
            </a:solidFill>
            <a:round/>
          </a:ln>
          <a:effectLst/>
        </c:spPr>
        <c:txPr>
          <a:bodyPr rot="-6000000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endParaRPr lang="en-NL"/>
          </a:p>
        </c:txPr>
        <c:crossAx val="574170479"/>
        <c:crosses val="autoZero"/>
        <c:crossBetween val="midCat"/>
        <c:majorUnit val="100"/>
      </c:valAx>
      <c:valAx>
        <c:axId val="574170479"/>
        <c:scaling>
          <c:orientation val="minMax"/>
          <c:max val="1"/>
          <c:min val="0.2"/>
        </c:scaling>
        <c:delete val="0"/>
        <c:axPos val="l"/>
        <c:title>
          <c:tx>
            <c:rich>
              <a:bodyPr rot="-540000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r>
                  <a:rPr lang="en-US" b="1" dirty="0"/>
                  <a:t>NH</a:t>
                </a:r>
                <a:r>
                  <a:rPr lang="en-US" b="1" baseline="-25000" dirty="0"/>
                  <a:t>3</a:t>
                </a:r>
                <a:r>
                  <a:rPr lang="en-US" b="1" dirty="0"/>
                  <a:t> conversion [-]</a:t>
                </a:r>
              </a:p>
            </c:rich>
          </c:tx>
          <c:layout>
            <c:manualLayout>
              <c:xMode val="edge"/>
              <c:yMode val="edge"/>
              <c:x val="1.1534126984126983E-2"/>
              <c:y val="0.24824305555555556"/>
            </c:manualLayout>
          </c:layout>
          <c:overlay val="0"/>
          <c:spPr>
            <a:noFill/>
            <a:ln>
              <a:noFill/>
            </a:ln>
            <a:effectLst/>
          </c:spPr>
          <c:txPr>
            <a:bodyPr rot="-540000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endParaRPr lang="en-NL"/>
            </a:p>
          </c:txPr>
        </c:title>
        <c:numFmt formatCode="0%" sourceLinked="0"/>
        <c:majorTickMark val="none"/>
        <c:minorTickMark val="none"/>
        <c:tickLblPos val="nextTo"/>
        <c:spPr>
          <a:noFill/>
          <a:ln w="9525" cap="flat" cmpd="sng" algn="ctr">
            <a:solidFill>
              <a:srgbClr val="002060"/>
            </a:solidFill>
            <a:round/>
          </a:ln>
          <a:effectLst/>
        </c:spPr>
        <c:txPr>
          <a:bodyPr rot="-6000000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endParaRPr lang="en-NL"/>
          </a:p>
        </c:txPr>
        <c:crossAx val="2094259983"/>
        <c:crosses val="autoZero"/>
        <c:crossBetween val="midCat"/>
      </c:valAx>
      <c:spPr>
        <a:solidFill>
          <a:schemeClr val="bg1"/>
        </a:solidFill>
        <a:ln>
          <a:solidFill>
            <a:srgbClr val="002060"/>
          </a:solidFill>
        </a:ln>
        <a:effectLst/>
      </c:spPr>
    </c:plotArea>
    <c:legend>
      <c:legendPos val="l"/>
      <c:layout>
        <c:manualLayout>
          <c:xMode val="edge"/>
          <c:yMode val="edge"/>
          <c:x val="0.68488502415458941"/>
          <c:y val="0.5413648148148148"/>
          <c:w val="0.23251714975845414"/>
          <c:h val="0.24527314814814816"/>
        </c:manualLayout>
      </c:layout>
      <c:overlay val="0"/>
      <c:spPr>
        <a:noFill/>
        <a:ln>
          <a:solidFill>
            <a:sysClr val="windowText" lastClr="000000"/>
          </a:solidFill>
        </a:ln>
        <a:effectLst/>
      </c:spPr>
      <c:txPr>
        <a:bodyPr rot="0" spcFirstLastPara="1" vertOverflow="ellipsis" vert="horz" wrap="square" anchor="ctr" anchorCtr="1"/>
        <a:lstStyle/>
        <a:p>
          <a:pPr>
            <a:defRPr sz="1200" b="0" i="0" u="none" strike="noStrike" kern="1200" baseline="0">
              <a:solidFill>
                <a:srgbClr val="002060"/>
              </a:solidFill>
              <a:latin typeface="Calibri body"/>
              <a:ea typeface="+mn-ea"/>
              <a:cs typeface="Calibri Light" panose="020F0302020204030204" pitchFamily="34" charset="0"/>
            </a:defRPr>
          </a:pPr>
          <a:endParaRPr lang="en-NL"/>
        </a:p>
      </c:txPr>
    </c:legend>
    <c:plotVisOnly val="1"/>
    <c:dispBlanksAs val="gap"/>
    <c:extLst xmlns="http://schemas.openxmlformats.org/drawingml/2006/char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200">
          <a:solidFill>
            <a:srgbClr val="002060"/>
          </a:solidFill>
          <a:latin typeface="Calibri body"/>
          <a:cs typeface="Calibri Light" panose="020F0302020204030204" pitchFamily="34" charset="0"/>
        </a:defRPr>
      </a:pPr>
      <a:endParaRPr lang="en-NL"/>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037951388888892"/>
          <c:y val="5.0961315728515172E-2"/>
          <c:w val="0.79746041666666667"/>
          <c:h val="0.76125846111341344"/>
        </c:manualLayout>
      </c:layout>
      <c:scatterChart>
        <c:scatterStyle val="smoothMarker"/>
        <c:varyColors val="0"/>
        <c:ser>
          <c:idx val="0"/>
          <c:order val="0"/>
          <c:tx>
            <c:v>1 bar</c:v>
          </c:tx>
          <c:spPr>
            <a:ln w="12700" cap="rnd">
              <a:solidFill>
                <a:srgbClr val="00206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C$4:$C$16</c:f>
              <c:numCache>
                <c:formatCode>0.00%</c:formatCode>
                <c:ptCount val="13"/>
                <c:pt idx="0">
                  <c:v>0.74375844999999996</c:v>
                </c:pt>
                <c:pt idx="1">
                  <c:v>0.89775766899999998</c:v>
                </c:pt>
                <c:pt idx="2">
                  <c:v>0.95903972500000001</c:v>
                </c:pt>
                <c:pt idx="3">
                  <c:v>0.98211176</c:v>
                </c:pt>
                <c:pt idx="4">
                  <c:v>0.99138969399999999</c:v>
                </c:pt>
                <c:pt idx="5">
                  <c:v>0.99547531</c:v>
                </c:pt>
                <c:pt idx="6">
                  <c:v>0.99743694500000002</c:v>
                </c:pt>
                <c:pt idx="7">
                  <c:v>0.99845298199999999</c:v>
                </c:pt>
                <c:pt idx="8">
                  <c:v>0.999014654</c:v>
                </c:pt>
                <c:pt idx="9">
                  <c:v>0.99934296899999997</c:v>
                </c:pt>
                <c:pt idx="10">
                  <c:v>0.99954431499999996</c:v>
                </c:pt>
                <c:pt idx="11">
                  <c:v>0.99967303100000005</c:v>
                </c:pt>
                <c:pt idx="12">
                  <c:v>0.99975834600000002</c:v>
                </c:pt>
              </c:numCache>
            </c:numRef>
          </c:yVal>
          <c:smooth val="1"/>
          <c:extLst xmlns="http://schemas.openxmlformats.org/drawingml/2006/chart">
            <c:ext xmlns:c16="http://schemas.microsoft.com/office/drawing/2014/chart" uri="{C3380CC4-5D6E-409C-BE32-E72D297353CC}">
              <c16:uniqueId val="{00000000-88DE-474A-BF6E-8C2B43342E34}"/>
            </c:ext>
          </c:extLst>
        </c:ser>
        <c:ser>
          <c:idx val="1"/>
          <c:order val="1"/>
          <c:tx>
            <c:v>5 bar</c:v>
          </c:tx>
          <c:spPr>
            <a:ln w="12700" cap="rnd">
              <a:solidFill>
                <a:srgbClr val="C0000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D$4:$D$16</c:f>
              <c:numCache>
                <c:formatCode>0.00%</c:formatCode>
                <c:ptCount val="13"/>
                <c:pt idx="0">
                  <c:v>0.44338966200000002</c:v>
                </c:pt>
                <c:pt idx="1">
                  <c:v>0.67265648499999997</c:v>
                </c:pt>
                <c:pt idx="2">
                  <c:v>0.83409501399999997</c:v>
                </c:pt>
                <c:pt idx="3">
                  <c:v>0.91898427699999996</c:v>
                </c:pt>
                <c:pt idx="4">
                  <c:v>0.95900545800000003</c:v>
                </c:pt>
                <c:pt idx="5">
                  <c:v>0.97795507400000004</c:v>
                </c:pt>
                <c:pt idx="6">
                  <c:v>0.98737073399999997</c:v>
                </c:pt>
                <c:pt idx="7">
                  <c:v>0.99233222200000004</c:v>
                </c:pt>
                <c:pt idx="8">
                  <c:v>0.99510025300000005</c:v>
                </c:pt>
                <c:pt idx="9">
                  <c:v>0.99672665500000002</c:v>
                </c:pt>
                <c:pt idx="10">
                  <c:v>0.99772715300000003</c:v>
                </c:pt>
                <c:pt idx="11">
                  <c:v>0.99836796900000002</c:v>
                </c:pt>
                <c:pt idx="12">
                  <c:v>0.998793237</c:v>
                </c:pt>
              </c:numCache>
            </c:numRef>
          </c:yVal>
          <c:smooth val="1"/>
          <c:extLst xmlns="http://schemas.openxmlformats.org/drawingml/2006/chart">
            <c:ext xmlns:c16="http://schemas.microsoft.com/office/drawing/2014/chart" uri="{C3380CC4-5D6E-409C-BE32-E72D297353CC}">
              <c16:uniqueId val="{00000001-88DE-474A-BF6E-8C2B43342E34}"/>
            </c:ext>
          </c:extLst>
        </c:ser>
        <c:ser>
          <c:idx val="2"/>
          <c:order val="2"/>
          <c:tx>
            <c:v>10 bar</c:v>
          </c:tx>
          <c:spPr>
            <a:ln w="12700" cap="rnd">
              <a:solidFill>
                <a:srgbClr val="00B050"/>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E$4:$E$16</c:f>
              <c:numCache>
                <c:formatCode>0.00%</c:formatCode>
                <c:ptCount val="13"/>
                <c:pt idx="0">
                  <c:v>0.32714146700000002</c:v>
                </c:pt>
                <c:pt idx="1">
                  <c:v>0.53876709300000003</c:v>
                </c:pt>
                <c:pt idx="2">
                  <c:v>0.72949967500000001</c:v>
                </c:pt>
                <c:pt idx="3">
                  <c:v>0.85462122900000004</c:v>
                </c:pt>
                <c:pt idx="4">
                  <c:v>0.92255977300000003</c:v>
                </c:pt>
                <c:pt idx="5">
                  <c:v>0.957261798</c:v>
                </c:pt>
                <c:pt idx="6">
                  <c:v>0.97518834600000004</c:v>
                </c:pt>
                <c:pt idx="7">
                  <c:v>0.98482858799999995</c:v>
                </c:pt>
                <c:pt idx="8">
                  <c:v>0.99026685699999994</c:v>
                </c:pt>
                <c:pt idx="9">
                  <c:v>0.99348250199999999</c:v>
                </c:pt>
                <c:pt idx="10">
                  <c:v>0.99546813700000003</c:v>
                </c:pt>
                <c:pt idx="11">
                  <c:v>0.99674293000000003</c:v>
                </c:pt>
                <c:pt idx="12">
                  <c:v>0.997590215</c:v>
                </c:pt>
              </c:numCache>
            </c:numRef>
          </c:yVal>
          <c:smooth val="1"/>
          <c:extLst xmlns="http://schemas.openxmlformats.org/drawingml/2006/chart">
            <c:ext xmlns:c16="http://schemas.microsoft.com/office/drawing/2014/chart" uri="{C3380CC4-5D6E-409C-BE32-E72D297353CC}">
              <c16:uniqueId val="{00000002-88DE-474A-BF6E-8C2B43342E34}"/>
            </c:ext>
          </c:extLst>
        </c:ser>
        <c:ser>
          <c:idx val="3"/>
          <c:order val="3"/>
          <c:tx>
            <c:v>20 bar</c:v>
          </c:tx>
          <c:spPr>
            <a:ln w="12700" cap="rnd">
              <a:solidFill>
                <a:schemeClr val="accent4"/>
              </a:solidFill>
              <a:round/>
            </a:ln>
            <a:effectLst/>
          </c:spPr>
          <c:marker>
            <c:symbol val="none"/>
          </c:marker>
          <c:xVal>
            <c:numRef>
              <c:f>Sheet1!$B$4:$B$16</c:f>
              <c:numCache>
                <c:formatCode>General</c:formatCode>
                <c:ptCount val="13"/>
                <c:pt idx="0">
                  <c:v>200</c:v>
                </c:pt>
                <c:pt idx="1">
                  <c:v>250</c:v>
                </c:pt>
                <c:pt idx="2">
                  <c:v>300</c:v>
                </c:pt>
                <c:pt idx="3">
                  <c:v>350</c:v>
                </c:pt>
                <c:pt idx="4">
                  <c:v>400</c:v>
                </c:pt>
                <c:pt idx="5">
                  <c:v>450</c:v>
                </c:pt>
                <c:pt idx="6">
                  <c:v>500</c:v>
                </c:pt>
                <c:pt idx="7">
                  <c:v>550</c:v>
                </c:pt>
                <c:pt idx="8">
                  <c:v>600</c:v>
                </c:pt>
                <c:pt idx="9">
                  <c:v>650</c:v>
                </c:pt>
                <c:pt idx="10">
                  <c:v>700</c:v>
                </c:pt>
                <c:pt idx="11">
                  <c:v>750</c:v>
                </c:pt>
                <c:pt idx="12">
                  <c:v>800</c:v>
                </c:pt>
              </c:numCache>
            </c:numRef>
          </c:xVal>
          <c:yVal>
            <c:numRef>
              <c:f>Sheet1!$F$4:$F$16</c:f>
              <c:numCache>
                <c:formatCode>0.00%</c:formatCode>
                <c:ptCount val="13"/>
                <c:pt idx="0">
                  <c:v>0.23225504599999999</c:v>
                </c:pt>
                <c:pt idx="1">
                  <c:v>0.40744949699999999</c:v>
                </c:pt>
                <c:pt idx="2">
                  <c:v>0.59948084999999995</c:v>
                </c:pt>
                <c:pt idx="3">
                  <c:v>0.757303065</c:v>
                </c:pt>
                <c:pt idx="4">
                  <c:v>0.86024694999999995</c:v>
                </c:pt>
                <c:pt idx="5">
                  <c:v>0.91938448299999997</c:v>
                </c:pt>
                <c:pt idx="6">
                  <c:v>0.95205337899999998</c:v>
                </c:pt>
                <c:pt idx="7">
                  <c:v>0.97028768300000001</c:v>
                </c:pt>
                <c:pt idx="8">
                  <c:v>0.980792051</c:v>
                </c:pt>
                <c:pt idx="9">
                  <c:v>0.98707957999999996</c:v>
                </c:pt>
                <c:pt idx="10">
                  <c:v>0.99099083300000002</c:v>
                </c:pt>
                <c:pt idx="11">
                  <c:v>0.99351353099999995</c:v>
                </c:pt>
                <c:pt idx="12">
                  <c:v>0.99519526800000002</c:v>
                </c:pt>
              </c:numCache>
            </c:numRef>
          </c:yVal>
          <c:smooth val="1"/>
          <c:extLst xmlns="http://schemas.openxmlformats.org/drawingml/2006/chart">
            <c:ext xmlns:c16="http://schemas.microsoft.com/office/drawing/2014/chart" uri="{C3380CC4-5D6E-409C-BE32-E72D297353CC}">
              <c16:uniqueId val="{00000003-88DE-474A-BF6E-8C2B43342E34}"/>
            </c:ext>
          </c:extLst>
        </c:ser>
        <c:dLbls>
          <c:showLegendKey val="0"/>
          <c:showVal val="0"/>
          <c:showCatName val="0"/>
          <c:showSerName val="0"/>
          <c:showPercent val="0"/>
          <c:showBubbleSize val="0"/>
        </c:dLbls>
        <c:axId val="2094259983"/>
        <c:axId val="574170479"/>
      </c:scatterChart>
      <c:valAx>
        <c:axId val="2094259983"/>
        <c:scaling>
          <c:orientation val="minMax"/>
          <c:max val="800"/>
          <c:min val="200"/>
        </c:scaling>
        <c:delete val="0"/>
        <c:axPos val="b"/>
        <c:title>
          <c:tx>
            <c:rich>
              <a:bodyPr rot="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r>
                  <a:rPr lang="en-US" b="1"/>
                  <a:t>Temperature [°C]</a:t>
                </a:r>
              </a:p>
            </c:rich>
          </c:tx>
          <c:layout>
            <c:manualLayout>
              <c:xMode val="edge"/>
              <c:yMode val="edge"/>
              <c:x val="0.40677400793650792"/>
              <c:y val="0.91261493055555554"/>
            </c:manualLayout>
          </c:layout>
          <c:overlay val="0"/>
          <c:spPr>
            <a:noFill/>
            <a:ln>
              <a:noFill/>
            </a:ln>
            <a:effectLst/>
          </c:spPr>
          <c:txPr>
            <a:bodyPr rot="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endParaRPr lang="en-NL"/>
            </a:p>
          </c:txPr>
        </c:title>
        <c:numFmt formatCode="General" sourceLinked="1"/>
        <c:majorTickMark val="none"/>
        <c:minorTickMark val="none"/>
        <c:tickLblPos val="nextTo"/>
        <c:spPr>
          <a:noFill/>
          <a:ln w="9525" cap="flat" cmpd="sng" algn="ctr">
            <a:solidFill>
              <a:srgbClr val="002060"/>
            </a:solidFill>
            <a:round/>
          </a:ln>
          <a:effectLst/>
        </c:spPr>
        <c:txPr>
          <a:bodyPr rot="-6000000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endParaRPr lang="en-NL"/>
          </a:p>
        </c:txPr>
        <c:crossAx val="574170479"/>
        <c:crosses val="autoZero"/>
        <c:crossBetween val="midCat"/>
        <c:majorUnit val="100"/>
      </c:valAx>
      <c:valAx>
        <c:axId val="574170479"/>
        <c:scaling>
          <c:orientation val="minMax"/>
          <c:max val="1"/>
          <c:min val="0.2"/>
        </c:scaling>
        <c:delete val="0"/>
        <c:axPos val="l"/>
        <c:title>
          <c:tx>
            <c:rich>
              <a:bodyPr rot="-540000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r>
                  <a:rPr lang="en-US" b="1" dirty="0"/>
                  <a:t>NH</a:t>
                </a:r>
                <a:r>
                  <a:rPr lang="en-US" b="1" baseline="-25000" dirty="0"/>
                  <a:t>3</a:t>
                </a:r>
                <a:r>
                  <a:rPr lang="en-US" b="1" dirty="0"/>
                  <a:t> conversion [-]</a:t>
                </a:r>
              </a:p>
            </c:rich>
          </c:tx>
          <c:layout>
            <c:manualLayout>
              <c:xMode val="edge"/>
              <c:yMode val="edge"/>
              <c:x val="1.1534126984126983E-2"/>
              <c:y val="0.24824305555555556"/>
            </c:manualLayout>
          </c:layout>
          <c:overlay val="0"/>
          <c:spPr>
            <a:noFill/>
            <a:ln>
              <a:noFill/>
            </a:ln>
            <a:effectLst/>
          </c:spPr>
          <c:txPr>
            <a:bodyPr rot="-540000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endParaRPr lang="en-NL"/>
            </a:p>
          </c:txPr>
        </c:title>
        <c:numFmt formatCode="0%" sourceLinked="0"/>
        <c:majorTickMark val="none"/>
        <c:minorTickMark val="none"/>
        <c:tickLblPos val="nextTo"/>
        <c:spPr>
          <a:noFill/>
          <a:ln w="9525" cap="flat" cmpd="sng" algn="ctr">
            <a:solidFill>
              <a:srgbClr val="002060"/>
            </a:solidFill>
            <a:round/>
          </a:ln>
          <a:effectLst/>
        </c:spPr>
        <c:txPr>
          <a:bodyPr rot="-60000000" spcFirstLastPara="1" vertOverflow="ellipsis" vert="horz" wrap="square" anchor="ctr" anchorCtr="1"/>
          <a:lstStyle/>
          <a:p>
            <a:pPr>
              <a:defRPr sz="1200" b="1" i="0" u="none" strike="noStrike" kern="1200" baseline="0">
                <a:solidFill>
                  <a:srgbClr val="002060"/>
                </a:solidFill>
                <a:latin typeface="Calibri body"/>
                <a:ea typeface="+mn-ea"/>
                <a:cs typeface="Calibri Light" panose="020F0302020204030204" pitchFamily="34" charset="0"/>
              </a:defRPr>
            </a:pPr>
            <a:endParaRPr lang="en-NL"/>
          </a:p>
        </c:txPr>
        <c:crossAx val="2094259983"/>
        <c:crosses val="autoZero"/>
        <c:crossBetween val="midCat"/>
      </c:valAx>
      <c:spPr>
        <a:solidFill>
          <a:schemeClr val="bg1"/>
        </a:solidFill>
        <a:ln>
          <a:solidFill>
            <a:srgbClr val="002060"/>
          </a:solidFill>
        </a:ln>
        <a:effectLst/>
      </c:spPr>
    </c:plotArea>
    <c:legend>
      <c:legendPos val="l"/>
      <c:layout>
        <c:manualLayout>
          <c:xMode val="edge"/>
          <c:yMode val="edge"/>
          <c:x val="0.68488502415458941"/>
          <c:y val="0.5413648148148148"/>
          <c:w val="0.23251714975845414"/>
          <c:h val="0.24527314814814816"/>
        </c:manualLayout>
      </c:layout>
      <c:overlay val="0"/>
      <c:spPr>
        <a:noFill/>
        <a:ln>
          <a:solidFill>
            <a:sysClr val="windowText" lastClr="000000"/>
          </a:solidFill>
        </a:ln>
        <a:effectLst/>
      </c:spPr>
      <c:txPr>
        <a:bodyPr rot="0" spcFirstLastPara="1" vertOverflow="ellipsis" vert="horz" wrap="square" anchor="ctr" anchorCtr="1"/>
        <a:lstStyle/>
        <a:p>
          <a:pPr>
            <a:defRPr sz="1200" b="0" i="0" u="none" strike="noStrike" kern="1200" baseline="0">
              <a:solidFill>
                <a:srgbClr val="002060"/>
              </a:solidFill>
              <a:latin typeface="Calibri body"/>
              <a:ea typeface="+mn-ea"/>
              <a:cs typeface="Calibri Light" panose="020F0302020204030204" pitchFamily="34" charset="0"/>
            </a:defRPr>
          </a:pPr>
          <a:endParaRPr lang="en-NL"/>
        </a:p>
      </c:txPr>
    </c:legend>
    <c:plotVisOnly val="1"/>
    <c:dispBlanksAs val="gap"/>
    <c:extLst xmlns="http://schemas.openxmlformats.org/drawingml/2006/char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200">
          <a:solidFill>
            <a:srgbClr val="002060"/>
          </a:solidFill>
          <a:latin typeface="Calibri body"/>
          <a:cs typeface="Calibri Light" panose="020F0302020204030204" pitchFamily="34" charset="0"/>
        </a:defRPr>
      </a:pPr>
      <a:endParaRPr lang="en-NL"/>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Column1</c:v>
                </c:pt>
              </c:strCache>
            </c:strRef>
          </c:tx>
          <c:spPr>
            <a:solidFill>
              <a:srgbClr val="002060"/>
            </a:solidFill>
            <a:ln>
              <a:noFill/>
            </a:ln>
            <a:effectLst/>
          </c:spPr>
          <c:invertIfNegative val="0"/>
          <c:dLbls>
            <c:dLbl>
              <c:idx val="0"/>
              <c:numFmt formatCode="#,##0.00" sourceLinked="0"/>
              <c:spPr>
                <a:noFill/>
                <a:ln>
                  <a:noFill/>
                </a:ln>
                <a:effectLst/>
              </c:spPr>
              <c:txPr>
                <a:bodyPr rot="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dLblPos val="outEnd"/>
              <c:showLegendKey val="0"/>
              <c:showVal val="1"/>
              <c:showCatName val="0"/>
              <c:showSerName val="0"/>
              <c:showPercent val="0"/>
              <c:showBubbleSize val="0"/>
              <c:extLst xmlns:m="http://schemas.openxmlformats.org/officeDocument/2006/math" xmlns:w="http://schemas.openxmlformats.org/wordprocessingml/2006/main" xmlns:wp="http://schemas.openxmlformats.org/drawingml/2006/wordprocessingDrawing" xmlns:a14="http://schemas.microsoft.com/office/drawing/2010/main">
                <c:ext xmlns:c15="http://schemas.microsoft.com/office/drawing/2012/chart" uri="{CE6537A1-D6FC-4f65-9D91-7224C49458BB}"/>
                <c:ext xmlns:c16="http://schemas.microsoft.com/office/drawing/2014/chart" uri="{C3380CC4-5D6E-409C-BE32-E72D297353CC}">
                  <c16:uniqueId val="{00000000-B65A-4FCE-B834-2DC47263192D}"/>
                </c:ext>
              </c:extLst>
            </c:dLbl>
            <c:dLbl>
              <c:idx val="1"/>
              <c:numFmt formatCode="#,##0.00" sourceLinked="0"/>
              <c:spPr>
                <a:noFill/>
                <a:ln>
                  <a:noFill/>
                </a:ln>
                <a:effectLst/>
              </c:spPr>
              <c:txPr>
                <a:bodyPr rot="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dLblPos val="outEnd"/>
              <c:showLegendKey val="0"/>
              <c:showVal val="1"/>
              <c:showCatName val="0"/>
              <c:showSerName val="0"/>
              <c:showPercent val="0"/>
              <c:showBubbleSize val="0"/>
              <c:extLst xmlns:m="http://schemas.openxmlformats.org/officeDocument/2006/math" xmlns:w="http://schemas.openxmlformats.org/wordprocessingml/2006/main" xmlns:wp="http://schemas.openxmlformats.org/drawingml/2006/wordprocessingDrawing" xmlns:a14="http://schemas.microsoft.com/office/drawing/2010/main">
                <c:ext xmlns:c15="http://schemas.microsoft.com/office/drawing/2012/chart" uri="{CE6537A1-D6FC-4f65-9D91-7224C49458BB}"/>
                <c:ext xmlns:c16="http://schemas.microsoft.com/office/drawing/2014/chart" uri="{C3380CC4-5D6E-409C-BE32-E72D297353CC}">
                  <c16:uniqueId val="{00000001-B65A-4FCE-B834-2DC47263192D}"/>
                </c:ext>
              </c:extLst>
            </c:dLbl>
            <c:dLbl>
              <c:idx val="2"/>
              <c:numFmt formatCode="#,##0.00" sourceLinked="0"/>
              <c:spPr>
                <a:noFill/>
                <a:ln>
                  <a:noFill/>
                </a:ln>
                <a:effectLst/>
              </c:spPr>
              <c:txPr>
                <a:bodyPr rot="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dLblPos val="outEnd"/>
              <c:showLegendKey val="0"/>
              <c:showVal val="1"/>
              <c:showCatName val="0"/>
              <c:showSerName val="0"/>
              <c:showPercent val="0"/>
              <c:showBubbleSize val="0"/>
              <c:extLst xmlns:m="http://schemas.openxmlformats.org/officeDocument/2006/math" xmlns:w="http://schemas.openxmlformats.org/wordprocessingml/2006/main" xmlns:wp="http://schemas.openxmlformats.org/drawingml/2006/wordprocessingDrawing" xmlns:a14="http://schemas.microsoft.com/office/drawing/2010/main">
                <c:ext xmlns:c15="http://schemas.microsoft.com/office/drawing/2012/chart" uri="{CE6537A1-D6FC-4f65-9D91-7224C49458BB}"/>
                <c:ext xmlns:c16="http://schemas.microsoft.com/office/drawing/2014/chart" uri="{C3380CC4-5D6E-409C-BE32-E72D297353CC}">
                  <c16:uniqueId val="{00000002-B65A-4FCE-B834-2DC47263192D}"/>
                </c:ext>
              </c:extLst>
            </c:dLbl>
            <c:dLbl>
              <c:idx val="3"/>
              <c:numFmt formatCode="#,##0" sourceLinked="0"/>
              <c:spPr>
                <a:noFill/>
                <a:ln>
                  <a:noFill/>
                </a:ln>
                <a:effectLst/>
              </c:spPr>
              <c:txPr>
                <a:bodyPr rot="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dLblPos val="outEnd"/>
              <c:showLegendKey val="0"/>
              <c:showVal val="1"/>
              <c:showCatName val="0"/>
              <c:showSerName val="0"/>
              <c:showPercent val="0"/>
              <c:showBubbleSize val="0"/>
              <c:extLst xmlns:m="http://schemas.openxmlformats.org/officeDocument/2006/math" xmlns:w="http://schemas.openxmlformats.org/wordprocessingml/2006/main" xmlns:wp="http://schemas.openxmlformats.org/drawingml/2006/wordprocessingDrawing" xmlns:a14="http://schemas.microsoft.com/office/drawing/2010/main">
                <c:ext xmlns:c15="http://schemas.microsoft.com/office/drawing/2012/chart" uri="{CE6537A1-D6FC-4f65-9D91-7224C49458BB}"/>
                <c:ext xmlns:c16="http://schemas.microsoft.com/office/drawing/2014/chart" uri="{C3380CC4-5D6E-409C-BE32-E72D297353CC}">
                  <c16:uniqueId val="{00000003-B65A-4FCE-B834-2DC47263192D}"/>
                </c:ext>
              </c:extLst>
            </c:dLbl>
            <c:dLbl>
              <c:idx val="4"/>
              <c:numFmt formatCode="#,##0.00" sourceLinked="0"/>
              <c:spPr>
                <a:noFill/>
                <a:ln>
                  <a:noFill/>
                </a:ln>
                <a:effectLst/>
              </c:spPr>
              <c:txPr>
                <a:bodyPr rot="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dLblPos val="outEnd"/>
              <c:showLegendKey val="0"/>
              <c:showVal val="1"/>
              <c:showCatName val="0"/>
              <c:showSerName val="0"/>
              <c:showPercent val="0"/>
              <c:showBubbleSize val="0"/>
              <c:extLst xmlns:m="http://schemas.openxmlformats.org/officeDocument/2006/math" xmlns:w="http://schemas.openxmlformats.org/wordprocessingml/2006/main" xmlns:wp="http://schemas.openxmlformats.org/drawingml/2006/wordprocessingDrawing" xmlns:a14="http://schemas.microsoft.com/office/drawing/2010/main">
                <c:ext xmlns:c15="http://schemas.microsoft.com/office/drawing/2012/chart" uri="{CE6537A1-D6FC-4f65-9D91-7224C49458BB}"/>
                <c:ext xmlns:c16="http://schemas.microsoft.com/office/drawing/2014/chart" uri="{C3380CC4-5D6E-409C-BE32-E72D297353CC}">
                  <c16:uniqueId val="{00000004-B65A-4FCE-B834-2DC47263192D}"/>
                </c:ext>
              </c:extLst>
            </c:dLbl>
            <c:dLbl>
              <c:idx val="5"/>
              <c:numFmt formatCode="#,##0.00" sourceLinked="0"/>
              <c:spPr>
                <a:noFill/>
                <a:ln>
                  <a:noFill/>
                </a:ln>
                <a:effectLst/>
              </c:spPr>
              <c:txPr>
                <a:bodyPr rot="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dLblPos val="outEnd"/>
              <c:showLegendKey val="0"/>
              <c:showVal val="1"/>
              <c:showCatName val="0"/>
              <c:showSerName val="0"/>
              <c:showPercent val="0"/>
              <c:showBubbleSize val="0"/>
              <c:extLst xmlns:m="http://schemas.openxmlformats.org/officeDocument/2006/math" xmlns:w="http://schemas.openxmlformats.org/wordprocessingml/2006/main" xmlns:wp="http://schemas.openxmlformats.org/drawingml/2006/wordprocessingDrawing" xmlns:a14="http://schemas.microsoft.com/office/drawing/2010/main">
                <c:ext xmlns:c15="http://schemas.microsoft.com/office/drawing/2012/chart" uri="{CE6537A1-D6FC-4f65-9D91-7224C49458BB}"/>
                <c:ext xmlns:c16="http://schemas.microsoft.com/office/drawing/2014/chart" uri="{C3380CC4-5D6E-409C-BE32-E72D297353CC}">
                  <c16:uniqueId val="{00000005-B65A-4FCE-B834-2DC47263192D}"/>
                </c:ext>
              </c:extLst>
            </c:dLbl>
            <c:dLbl>
              <c:idx val="6"/>
              <c:numFmt formatCode="#,##0.00" sourceLinked="0"/>
              <c:spPr>
                <a:noFill/>
                <a:ln>
                  <a:noFill/>
                </a:ln>
                <a:effectLst/>
              </c:spPr>
              <c:txPr>
                <a:bodyPr rot="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dLblPos val="outEnd"/>
              <c:showLegendKey val="0"/>
              <c:showVal val="1"/>
              <c:showCatName val="0"/>
              <c:showSerName val="0"/>
              <c:showPercent val="0"/>
              <c:showBubbleSize val="0"/>
              <c:extLst xmlns:m="http://schemas.openxmlformats.org/officeDocument/2006/math" xmlns:w="http://schemas.openxmlformats.org/wordprocessingml/2006/main" xmlns:wp="http://schemas.openxmlformats.org/drawingml/2006/wordprocessingDrawing" xmlns:a14="http://schemas.microsoft.com/office/drawing/2010/main">
                <c:ext xmlns:c15="http://schemas.microsoft.com/office/drawing/2012/chart" uri="{CE6537A1-D6FC-4f65-9D91-7224C49458BB}"/>
                <c:ext xmlns:c16="http://schemas.microsoft.com/office/drawing/2014/chart" uri="{C3380CC4-5D6E-409C-BE32-E72D297353CC}">
                  <c16:uniqueId val="{00000006-B65A-4FCE-B834-2DC47263192D}"/>
                </c:ext>
              </c:extLst>
            </c:dLbl>
            <c:dLbl>
              <c:idx val="7"/>
              <c:numFmt formatCode="#,##0.00" sourceLinked="0"/>
              <c:spPr>
                <a:noFill/>
                <a:ln>
                  <a:noFill/>
                </a:ln>
                <a:effectLst/>
              </c:spPr>
              <c:txPr>
                <a:bodyPr rot="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dLblPos val="outEnd"/>
              <c:showLegendKey val="0"/>
              <c:showVal val="1"/>
              <c:showCatName val="0"/>
              <c:showSerName val="0"/>
              <c:showPercent val="0"/>
              <c:showBubbleSize val="0"/>
              <c:extLst xmlns:m="http://schemas.openxmlformats.org/officeDocument/2006/math" xmlns:w="http://schemas.openxmlformats.org/wordprocessingml/2006/main" xmlns:wp="http://schemas.openxmlformats.org/drawingml/2006/wordprocessingDrawing" xmlns:a14="http://schemas.microsoft.com/office/drawing/2010/main">
                <c:ext xmlns:c15="http://schemas.microsoft.com/office/drawing/2012/chart" uri="{CE6537A1-D6FC-4f65-9D91-7224C49458BB}"/>
                <c:ext xmlns:c16="http://schemas.microsoft.com/office/drawing/2014/chart" uri="{C3380CC4-5D6E-409C-BE32-E72D297353CC}">
                  <c16:uniqueId val="{00000007-B65A-4FCE-B834-2DC47263192D}"/>
                </c:ext>
              </c:extLst>
            </c:dLbl>
            <c:dLbl>
              <c:idx val="8"/>
              <c:numFmt formatCode="#,##0.00" sourceLinked="0"/>
              <c:spPr>
                <a:noFill/>
                <a:ln>
                  <a:noFill/>
                </a:ln>
                <a:effectLst/>
              </c:spPr>
              <c:txPr>
                <a:bodyPr rot="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dLblPos val="outEnd"/>
              <c:showLegendKey val="0"/>
              <c:showVal val="1"/>
              <c:showCatName val="0"/>
              <c:showSerName val="0"/>
              <c:showPercent val="0"/>
              <c:showBubbleSize val="0"/>
              <c:extLst xmlns:m="http://schemas.openxmlformats.org/officeDocument/2006/math" xmlns:w="http://schemas.openxmlformats.org/wordprocessingml/2006/main" xmlns:wp="http://schemas.openxmlformats.org/drawingml/2006/wordprocessingDrawing" xmlns:a14="http://schemas.microsoft.com/office/drawing/2010/main">
                <c:ext xmlns:c15="http://schemas.microsoft.com/office/drawing/2012/chart" uri="{CE6537A1-D6FC-4f65-9D91-7224C49458BB}"/>
                <c:ext xmlns:c16="http://schemas.microsoft.com/office/drawing/2014/chart" uri="{C3380CC4-5D6E-409C-BE32-E72D297353CC}">
                  <c16:uniqueId val="{00000008-B65A-4FCE-B834-2DC47263192D}"/>
                </c:ext>
              </c:extLst>
            </c:dLbl>
            <c:dLbl>
              <c:idx val="9"/>
              <c:numFmt formatCode="#,##0.00" sourceLinked="0"/>
              <c:spPr>
                <a:noFill/>
                <a:ln>
                  <a:noFill/>
                </a:ln>
                <a:effectLst/>
              </c:spPr>
              <c:txPr>
                <a:bodyPr rot="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dLblPos val="outEnd"/>
              <c:showLegendKey val="0"/>
              <c:showVal val="1"/>
              <c:showCatName val="0"/>
              <c:showSerName val="0"/>
              <c:showPercent val="0"/>
              <c:showBubbleSize val="0"/>
              <c:extLst xmlns:m="http://schemas.openxmlformats.org/officeDocument/2006/math" xmlns:w="http://schemas.openxmlformats.org/wordprocessingml/2006/main" xmlns:wp="http://schemas.openxmlformats.org/drawingml/2006/wordprocessingDrawing" xmlns:a14="http://schemas.microsoft.com/office/drawing/2010/main">
                <c:ext xmlns:c15="http://schemas.microsoft.com/office/drawing/2012/chart" uri="{CE6537A1-D6FC-4f65-9D91-7224C49458BB}"/>
                <c:ext xmlns:c16="http://schemas.microsoft.com/office/drawing/2014/chart" uri="{C3380CC4-5D6E-409C-BE32-E72D297353CC}">
                  <c16:uniqueId val="{00000009-B65A-4FCE-B834-2DC47263192D}"/>
                </c:ext>
              </c:extLst>
            </c:dLbl>
            <c:spPr>
              <a:noFill/>
              <a:ln>
                <a:noFill/>
              </a:ln>
              <a:effectLst/>
            </c:spPr>
            <c:txPr>
              <a:bodyPr rot="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showLegendKey val="0"/>
            <c:showVal val="1"/>
            <c:showCatName val="0"/>
            <c:showSerName val="0"/>
            <c:showPercent val="0"/>
            <c:showBubbleSize val="0"/>
            <c:showLeaderLines val="0"/>
            <c:extLst xmlns:m="http://schemas.openxmlformats.org/officeDocument/2006/math" xmlns:w="http://schemas.openxmlformats.org/wordprocessingml/2006/main" xmlns:wp="http://schemas.openxmlformats.org/drawingml/2006/wordprocessingDrawing" xmlns:a14="http://schemas.microsoft.com/office/drawing/2010/main">
              <c:ext xmlns:c15="http://schemas.microsoft.com/office/drawing/2012/chart" uri="{CE6537A1-D6FC-4f65-9D91-7224C49458BB}">
                <c15:showLeaderLines val="0"/>
              </c:ext>
            </c:extLst>
          </c:dLbls>
          <c:cat>
            <c:strRef>
              <c:f>Sheet1!$A$2:$A$11</c:f>
              <c:strCache>
                <c:ptCount val="10"/>
                <c:pt idx="0">
                  <c:v>2013</c:v>
                </c:pt>
                <c:pt idx="1">
                  <c:v>2014</c:v>
                </c:pt>
                <c:pt idx="2">
                  <c:v>2015</c:v>
                </c:pt>
                <c:pt idx="3">
                  <c:v>2016</c:v>
                </c:pt>
                <c:pt idx="4">
                  <c:v>2017</c:v>
                </c:pt>
                <c:pt idx="5">
                  <c:v>2018</c:v>
                </c:pt>
                <c:pt idx="6">
                  <c:v>2019</c:v>
                </c:pt>
                <c:pt idx="7">
                  <c:v>2020</c:v>
                </c:pt>
                <c:pt idx="8">
                  <c:v>2021</c:v>
                </c:pt>
                <c:pt idx="9">
                  <c:v>2022</c:v>
                </c:pt>
              </c:strCache>
            </c:strRef>
          </c:cat>
          <c:val>
            <c:numRef>
              <c:f>Sheet1!$B$2:$B$11</c:f>
              <c:numCache>
                <c:formatCode>General</c:formatCode>
                <c:ptCount val="10"/>
                <c:pt idx="0">
                  <c:v>75.63</c:v>
                </c:pt>
                <c:pt idx="1">
                  <c:v>65.13</c:v>
                </c:pt>
                <c:pt idx="2">
                  <c:v>47.63</c:v>
                </c:pt>
                <c:pt idx="3">
                  <c:v>42</c:v>
                </c:pt>
                <c:pt idx="4">
                  <c:v>75.81</c:v>
                </c:pt>
                <c:pt idx="5">
                  <c:v>244.44</c:v>
                </c:pt>
                <c:pt idx="6">
                  <c:v>262.58999999999997</c:v>
                </c:pt>
                <c:pt idx="7">
                  <c:v>271.83</c:v>
                </c:pt>
                <c:pt idx="8">
                  <c:v>576.12</c:v>
                </c:pt>
                <c:pt idx="9">
                  <c:v>577.02</c:v>
                </c:pt>
              </c:numCache>
            </c:numRef>
          </c:val>
          <c:extLst>
            <c:ext xmlns:c16="http://schemas.microsoft.com/office/drawing/2014/chart" uri="{C3380CC4-5D6E-409C-BE32-E72D297353CC}">
              <c16:uniqueId val="{0000000A-B65A-4FCE-B834-2DC47263192D}"/>
            </c:ext>
          </c:extLst>
        </c:ser>
        <c:dLbls>
          <c:showLegendKey val="0"/>
          <c:showVal val="0"/>
          <c:showCatName val="0"/>
          <c:showSerName val="0"/>
          <c:showPercent val="0"/>
          <c:showBubbleSize val="0"/>
        </c:dLbls>
        <c:gapWidth val="80"/>
        <c:overlap val="-30"/>
        <c:axId val="67451136"/>
        <c:axId val="66437120"/>
      </c:barChart>
      <c:catAx>
        <c:axId val="67451136"/>
        <c:scaling>
          <c:orientation val="minMax"/>
        </c:scaling>
        <c:delete val="0"/>
        <c:axPos val="b"/>
        <c:numFmt formatCode="General" sourceLinked="0"/>
        <c:majorTickMark val="none"/>
        <c:minorTickMark val="none"/>
        <c:tickLblPos val="low"/>
        <c:spPr>
          <a:noFill/>
          <a:ln w="25400" cap="flat" cmpd="sng" algn="ctr">
            <a:solidFill>
              <a:srgbClr val="000000"/>
            </a:solidFill>
            <a:prstDash val="solid"/>
            <a:round/>
          </a:ln>
          <a:effectLst/>
        </c:spPr>
        <c:txPr>
          <a:bodyPr rot="-60000000" spcFirstLastPara="1" vertOverflow="ellipsis" vert="horz" wrap="square" anchor="ctr" anchorCtr="1"/>
          <a:lstStyle/>
          <a:p>
            <a:pPr>
              <a:defRPr sz="1100" b="1" i="0" u="none" strike="noStrike" kern="1200" baseline="0" smtId="4294967295">
                <a:solidFill>
                  <a:srgbClr val="002060"/>
                </a:solidFill>
                <a:latin typeface="Calibri "/>
                <a:ea typeface="+mn-ea"/>
                <a:cs typeface="+mn-cs"/>
              </a:defRPr>
            </a:pPr>
            <a:endParaRPr lang="en-NL"/>
          </a:p>
        </c:txPr>
        <c:crossAx val="66437120"/>
        <c:crosses val="autoZero"/>
        <c:auto val="0"/>
        <c:lblAlgn val="ctr"/>
        <c:lblOffset val="100"/>
        <c:noMultiLvlLbl val="0"/>
      </c:catAx>
      <c:valAx>
        <c:axId val="66437120"/>
        <c:scaling>
          <c:orientation val="minMax"/>
          <c:min val="0"/>
        </c:scaling>
        <c:delete val="0"/>
        <c:axPos val="l"/>
        <c:majorGridlines>
          <c:spPr>
            <a:ln w="9525" cap="flat" cmpd="sng" algn="ctr">
              <a:solidFill>
                <a:srgbClr val="2F2F2F"/>
              </a:solidFill>
              <a:prstDash val="dot"/>
              <a:round/>
            </a:ln>
            <a:effectLst/>
          </c:spPr>
        </c:majorGridlines>
        <c:title>
          <c:tx>
            <c:rich>
              <a:bodyPr rot="-5400000" spcFirstLastPara="1" vertOverflow="ellipsis" vert="horz" wrap="square" anchor="ctr" anchorCtr="1"/>
              <a:lstStyle/>
              <a:p>
                <a:pPr>
                  <a:defRPr sz="1100" b="1" i="0" u="none" strike="noStrike" kern="1200" baseline="0" smtId="4294967295">
                    <a:solidFill>
                      <a:srgbClr val="002060"/>
                    </a:solidFill>
                    <a:latin typeface="Calibri "/>
                    <a:ea typeface="+mn-ea"/>
                    <a:cs typeface="+mn-cs"/>
                  </a:defRPr>
                </a:pPr>
                <a:r>
                  <a:rPr lang="en-US" dirty="0"/>
                  <a:t>Ru</a:t>
                </a:r>
                <a:r>
                  <a:rPr lang="en-US" baseline="0" dirty="0"/>
                  <a:t> p</a:t>
                </a:r>
                <a:r>
                  <a:rPr lang="en-US" dirty="0"/>
                  <a:t>rice  ( USD/ troy ounce)</a:t>
                </a:r>
              </a:p>
            </c:rich>
          </c:tx>
          <c:overlay val="0"/>
          <c:spPr>
            <a:noFill/>
            <a:ln>
              <a:noFill/>
            </a:ln>
            <a:effectLst/>
          </c:spPr>
          <c:txPr>
            <a:bodyPr rot="-5400000" spcFirstLastPara="1" vertOverflow="ellipsis" vert="horz" wrap="square" anchor="ctr" anchorCtr="1"/>
            <a:lstStyle/>
            <a:p>
              <a:pPr>
                <a:defRPr sz="1100" b="1" i="0" u="none" strike="noStrike" kern="1200" baseline="0" smtId="4294967295">
                  <a:solidFill>
                    <a:srgbClr val="002060"/>
                  </a:solidFill>
                  <a:latin typeface="Calibri "/>
                  <a:ea typeface="+mn-ea"/>
                  <a:cs typeface="+mn-cs"/>
                </a:defRPr>
              </a:pPr>
              <a:endParaRPr lang="en-NL"/>
            </a:p>
          </c:txPr>
        </c:title>
        <c:numFmt formatCode="#,##0" sourceLinked="0"/>
        <c:majorTickMark val="none"/>
        <c:minorTickMark val="none"/>
        <c:tickLblPos val="low"/>
        <c:spPr>
          <a:noFill/>
          <a:ln w="6350" cap="flat" cmpd="sng" algn="ctr">
            <a:noFill/>
            <a:prstDash val="solid"/>
            <a:round/>
          </a:ln>
          <a:effectLst/>
        </c:spPr>
        <c:txPr>
          <a:bodyPr rot="-60000000" spcFirstLastPara="1" vertOverflow="ellipsis" vert="horz" wrap="square" anchor="ctr" anchorCtr="1"/>
          <a:lstStyle/>
          <a:p>
            <a:pPr>
              <a:defRPr sz="1100" b="0" i="0" u="none" strike="noStrike" kern="1200" baseline="0" smtId="4294967295">
                <a:solidFill>
                  <a:srgbClr val="002060"/>
                </a:solidFill>
                <a:latin typeface="Calibri "/>
                <a:ea typeface="+mn-ea"/>
                <a:cs typeface="+mn-cs"/>
              </a:defRPr>
            </a:pPr>
            <a:endParaRPr lang="en-NL"/>
          </a:p>
        </c:txPr>
        <c:crossAx val="67451136"/>
        <c:crosses val="autoZero"/>
        <c:crossBetween val="between"/>
      </c:valAx>
      <c:spPr>
        <a:noFill/>
        <a:ln>
          <a:noFill/>
        </a:ln>
        <a:effectLst/>
      </c:spPr>
    </c:plotArea>
    <c:plotVisOnly val="1"/>
    <c:dispBlanksAs val="gap"/>
    <c:showDLblsOverMax val="1"/>
  </c:chart>
  <c:spPr>
    <a:noFill/>
    <a:ln w="6350" cap="flat" cmpd="sng" algn="ctr">
      <a:noFill/>
      <a:prstDash val="solid"/>
      <a:miter lim="800000"/>
    </a:ln>
    <a:effectLst/>
  </c:spPr>
  <c:txPr>
    <a:bodyPr/>
    <a:lstStyle/>
    <a:p>
      <a:pPr>
        <a:defRPr sz="1100" smtId="4294967295">
          <a:solidFill>
            <a:srgbClr val="002060"/>
          </a:solidFill>
          <a:latin typeface="Calibri "/>
        </a:defRPr>
      </a:pPr>
      <a:endParaRPr lang="en-NL"/>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111986001749782"/>
          <c:y val="4.2927495623465713E-2"/>
          <c:w val="0.83404093179941297"/>
          <c:h val="0.80272777777777782"/>
        </c:manualLayout>
      </c:layout>
      <c:scatterChart>
        <c:scatterStyle val="lineMarker"/>
        <c:varyColors val="0"/>
        <c:ser>
          <c:idx val="0"/>
          <c:order val="0"/>
          <c:tx>
            <c:strRef>
              <c:f>Results!$C$3</c:f>
              <c:strCache>
                <c:ptCount val="1"/>
                <c:pt idx="0">
                  <c:v>Equilibrium</c:v>
                </c:pt>
              </c:strCache>
            </c:strRef>
          </c:tx>
          <c:spPr>
            <a:ln w="19050" cap="rnd">
              <a:solidFill>
                <a:srgbClr val="C00000"/>
              </a:solidFill>
              <a:prstDash val="dash"/>
              <a:round/>
            </a:ln>
            <a:effectLst/>
          </c:spPr>
          <c:marker>
            <c:symbol val="none"/>
          </c:marker>
          <c:xVal>
            <c:numRef>
              <c:f>Results!$B$5:$B$13</c:f>
              <c:numCache>
                <c:formatCode>General</c:formatCode>
                <c:ptCount val="9"/>
                <c:pt idx="0">
                  <c:v>450</c:v>
                </c:pt>
                <c:pt idx="1">
                  <c:v>425</c:v>
                </c:pt>
                <c:pt idx="2">
                  <c:v>400</c:v>
                </c:pt>
                <c:pt idx="3">
                  <c:v>375</c:v>
                </c:pt>
                <c:pt idx="4">
                  <c:v>350</c:v>
                </c:pt>
                <c:pt idx="5">
                  <c:v>325</c:v>
                </c:pt>
                <c:pt idx="6">
                  <c:v>300</c:v>
                </c:pt>
                <c:pt idx="7">
                  <c:v>275</c:v>
                </c:pt>
                <c:pt idx="8">
                  <c:v>250</c:v>
                </c:pt>
              </c:numCache>
            </c:numRef>
          </c:xVal>
          <c:yVal>
            <c:numRef>
              <c:f>Results!$C$5:$C$13</c:f>
              <c:numCache>
                <c:formatCode>0.0000%</c:formatCode>
                <c:ptCount val="9"/>
                <c:pt idx="0">
                  <c:v>0.99550000000000005</c:v>
                </c:pt>
                <c:pt idx="1">
                  <c:v>0.99399999999999999</c:v>
                </c:pt>
                <c:pt idx="2">
                  <c:v>0.99129999999999996</c:v>
                </c:pt>
                <c:pt idx="3">
                  <c:v>0.98760000000000003</c:v>
                </c:pt>
                <c:pt idx="4">
                  <c:v>0.98180000000000001</c:v>
                </c:pt>
                <c:pt idx="5">
                  <c:v>0.97289999999999999</c:v>
                </c:pt>
                <c:pt idx="6">
                  <c:v>0.95850000000000002</c:v>
                </c:pt>
                <c:pt idx="7">
                  <c:v>0.93500000000000005</c:v>
                </c:pt>
                <c:pt idx="8">
                  <c:v>0.89659999999999995</c:v>
                </c:pt>
              </c:numCache>
            </c:numRef>
          </c:yVal>
          <c:smooth val="0"/>
          <c:extLst>
            <c:ext xmlns:c16="http://schemas.microsoft.com/office/drawing/2014/chart" uri="{C3380CC4-5D6E-409C-BE32-E72D297353CC}">
              <c16:uniqueId val="{00000000-072E-4A09-9C12-6BA4BB2CD38C}"/>
            </c:ext>
          </c:extLst>
        </c:ser>
        <c:ser>
          <c:idx val="1"/>
          <c:order val="1"/>
          <c:tx>
            <c:strRef>
              <c:f>Results!$D$3</c:f>
              <c:strCache>
                <c:ptCount val="1"/>
                <c:pt idx="0">
                  <c:v>Ru = 3wt%</c:v>
                </c:pt>
              </c:strCache>
            </c:strRef>
          </c:tx>
          <c:spPr>
            <a:ln w="9525" cap="rnd">
              <a:solidFill>
                <a:schemeClr val="tx1">
                  <a:lumMod val="50000"/>
                  <a:lumOff val="50000"/>
                </a:schemeClr>
              </a:solidFill>
              <a:round/>
            </a:ln>
            <a:effectLst/>
          </c:spPr>
          <c:marker>
            <c:symbol val="square"/>
            <c:size val="7"/>
            <c:spPr>
              <a:solidFill>
                <a:schemeClr val="tx1">
                  <a:lumMod val="50000"/>
                  <a:lumOff val="50000"/>
                </a:schemeClr>
              </a:solidFill>
              <a:ln w="9525">
                <a:noFill/>
                <a:round/>
              </a:ln>
              <a:effectLst/>
            </c:spPr>
          </c:marker>
          <c:xVal>
            <c:numRef>
              <c:f>(Results!$B$5,Results!$B$7,Results!$B$9,Results!$B$11,Results!$B$13)</c:f>
              <c:numCache>
                <c:formatCode>General</c:formatCode>
                <c:ptCount val="5"/>
                <c:pt idx="0">
                  <c:v>450</c:v>
                </c:pt>
                <c:pt idx="1">
                  <c:v>400</c:v>
                </c:pt>
                <c:pt idx="2">
                  <c:v>350</c:v>
                </c:pt>
                <c:pt idx="3">
                  <c:v>300</c:v>
                </c:pt>
                <c:pt idx="4">
                  <c:v>250</c:v>
                </c:pt>
              </c:numCache>
            </c:numRef>
          </c:xVal>
          <c:yVal>
            <c:numRef>
              <c:f>(Results!$D$5,Results!$D$7,Results!$D$9,Results!$D$11,Results!$D$13)</c:f>
              <c:numCache>
                <c:formatCode>0.0000%</c:formatCode>
                <c:ptCount val="5"/>
                <c:pt idx="0">
                  <c:v>0.99419734462568954</c:v>
                </c:pt>
                <c:pt idx="1">
                  <c:v>0.78436121476947751</c:v>
                </c:pt>
                <c:pt idx="2">
                  <c:v>0.3674640826987266</c:v>
                </c:pt>
                <c:pt idx="3">
                  <c:v>0.12877558309275045</c:v>
                </c:pt>
                <c:pt idx="4">
                  <c:v>3.4645190926942258E-2</c:v>
                </c:pt>
              </c:numCache>
            </c:numRef>
          </c:yVal>
          <c:smooth val="0"/>
          <c:extLst>
            <c:ext xmlns:c16="http://schemas.microsoft.com/office/drawing/2014/chart" uri="{C3380CC4-5D6E-409C-BE32-E72D297353CC}">
              <c16:uniqueId val="{00000001-072E-4A09-9C12-6BA4BB2CD38C}"/>
            </c:ext>
          </c:extLst>
        </c:ser>
        <c:ser>
          <c:idx val="2"/>
          <c:order val="2"/>
          <c:tx>
            <c:strRef>
              <c:f>Results!$E$3</c:f>
              <c:strCache>
                <c:ptCount val="1"/>
                <c:pt idx="0">
                  <c:v>Ru = 5wt%</c:v>
                </c:pt>
              </c:strCache>
            </c:strRef>
          </c:tx>
          <c:spPr>
            <a:ln w="9525" cap="rnd">
              <a:solidFill>
                <a:srgbClr val="002060"/>
              </a:solidFill>
              <a:round/>
            </a:ln>
            <a:effectLst/>
          </c:spPr>
          <c:marker>
            <c:symbol val="triangle"/>
            <c:size val="7"/>
            <c:spPr>
              <a:solidFill>
                <a:srgbClr val="002060"/>
              </a:solidFill>
              <a:ln w="9525">
                <a:solidFill>
                  <a:srgbClr val="002060"/>
                </a:solidFill>
                <a:round/>
              </a:ln>
              <a:effectLst/>
            </c:spPr>
          </c:marker>
          <c:xVal>
            <c:numRef>
              <c:f>Results!$B$5:$B$13</c:f>
              <c:numCache>
                <c:formatCode>General</c:formatCode>
                <c:ptCount val="9"/>
                <c:pt idx="0">
                  <c:v>450</c:v>
                </c:pt>
                <c:pt idx="1">
                  <c:v>425</c:v>
                </c:pt>
                <c:pt idx="2">
                  <c:v>400</c:v>
                </c:pt>
                <c:pt idx="3">
                  <c:v>375</c:v>
                </c:pt>
                <c:pt idx="4">
                  <c:v>350</c:v>
                </c:pt>
                <c:pt idx="5">
                  <c:v>325</c:v>
                </c:pt>
                <c:pt idx="6">
                  <c:v>300</c:v>
                </c:pt>
                <c:pt idx="7">
                  <c:v>275</c:v>
                </c:pt>
                <c:pt idx="8">
                  <c:v>250</c:v>
                </c:pt>
              </c:numCache>
            </c:numRef>
          </c:xVal>
          <c:yVal>
            <c:numRef>
              <c:f>Results!$E$5:$E$13</c:f>
              <c:numCache>
                <c:formatCode>0.0000%</c:formatCode>
                <c:ptCount val="9"/>
                <c:pt idx="0">
                  <c:v>0.99680647946917966</c:v>
                </c:pt>
                <c:pt idx="1">
                  <c:v>0.995</c:v>
                </c:pt>
                <c:pt idx="2">
                  <c:v>0.98999764586181915</c:v>
                </c:pt>
                <c:pt idx="3">
                  <c:v>0.9</c:v>
                </c:pt>
                <c:pt idx="4">
                  <c:v>0.6469301488402831</c:v>
                </c:pt>
                <c:pt idx="5">
                  <c:v>0.38750000000000001</c:v>
                </c:pt>
                <c:pt idx="6">
                  <c:v>0.24003369360104676</c:v>
                </c:pt>
                <c:pt idx="7">
                  <c:v>0.115</c:v>
                </c:pt>
                <c:pt idx="8">
                  <c:v>6.3992722630953749E-2</c:v>
                </c:pt>
              </c:numCache>
            </c:numRef>
          </c:yVal>
          <c:smooth val="0"/>
          <c:extLst>
            <c:ext xmlns:c16="http://schemas.microsoft.com/office/drawing/2014/chart" uri="{C3380CC4-5D6E-409C-BE32-E72D297353CC}">
              <c16:uniqueId val="{00000002-072E-4A09-9C12-6BA4BB2CD38C}"/>
            </c:ext>
          </c:extLst>
        </c:ser>
        <c:ser>
          <c:idx val="3"/>
          <c:order val="3"/>
          <c:tx>
            <c:strRef>
              <c:f>Results!$F$3</c:f>
              <c:strCache>
                <c:ptCount val="1"/>
                <c:pt idx="0">
                  <c:v>Ru = 7wt%</c:v>
                </c:pt>
              </c:strCache>
            </c:strRef>
          </c:tx>
          <c:spPr>
            <a:ln w="9525" cap="rnd">
              <a:solidFill>
                <a:schemeClr val="accent3"/>
              </a:solidFill>
              <a:round/>
            </a:ln>
            <a:effectLst/>
          </c:spPr>
          <c:marker>
            <c:symbol val="circle"/>
            <c:size val="7"/>
            <c:spPr>
              <a:solidFill>
                <a:schemeClr val="accent3"/>
              </a:solidFill>
              <a:ln w="9525">
                <a:solidFill>
                  <a:schemeClr val="accent3"/>
                </a:solidFill>
                <a:round/>
              </a:ln>
              <a:effectLst/>
            </c:spPr>
          </c:marker>
          <c:xVal>
            <c:numRef>
              <c:f>Results!$B$5:$B$13</c:f>
              <c:numCache>
                <c:formatCode>General</c:formatCode>
                <c:ptCount val="9"/>
                <c:pt idx="0">
                  <c:v>450</c:v>
                </c:pt>
                <c:pt idx="1">
                  <c:v>425</c:v>
                </c:pt>
                <c:pt idx="2">
                  <c:v>400</c:v>
                </c:pt>
                <c:pt idx="3">
                  <c:v>375</c:v>
                </c:pt>
                <c:pt idx="4">
                  <c:v>350</c:v>
                </c:pt>
                <c:pt idx="5">
                  <c:v>325</c:v>
                </c:pt>
                <c:pt idx="6">
                  <c:v>300</c:v>
                </c:pt>
                <c:pt idx="7">
                  <c:v>275</c:v>
                </c:pt>
                <c:pt idx="8">
                  <c:v>250</c:v>
                </c:pt>
              </c:numCache>
            </c:numRef>
          </c:xVal>
          <c:yVal>
            <c:numRef>
              <c:f>Results!$F$5:$F$13</c:f>
              <c:numCache>
                <c:formatCode>0.0000%</c:formatCode>
                <c:ptCount val="9"/>
                <c:pt idx="0">
                  <c:v>0.99613371640658244</c:v>
                </c:pt>
                <c:pt idx="1">
                  <c:v>0.99470894832865131</c:v>
                </c:pt>
                <c:pt idx="2">
                  <c:v>0.98276389348359638</c:v>
                </c:pt>
                <c:pt idx="3">
                  <c:v>0.86227165180125565</c:v>
                </c:pt>
                <c:pt idx="4">
                  <c:v>0.58012766400961457</c:v>
                </c:pt>
                <c:pt idx="5">
                  <c:v>0.35675840357983019</c:v>
                </c:pt>
                <c:pt idx="6">
                  <c:v>0.20283853777410607</c:v>
                </c:pt>
                <c:pt idx="7">
                  <c:v>9.9684532480789664E-2</c:v>
                </c:pt>
                <c:pt idx="8">
                  <c:v>4.5836746743254823E-2</c:v>
                </c:pt>
              </c:numCache>
            </c:numRef>
          </c:yVal>
          <c:smooth val="0"/>
          <c:extLst>
            <c:ext xmlns:c16="http://schemas.microsoft.com/office/drawing/2014/chart" uri="{C3380CC4-5D6E-409C-BE32-E72D297353CC}">
              <c16:uniqueId val="{00000003-072E-4A09-9C12-6BA4BB2CD38C}"/>
            </c:ext>
          </c:extLst>
        </c:ser>
        <c:ser>
          <c:idx val="4"/>
          <c:order val="4"/>
          <c:tx>
            <c:strRef>
              <c:f>Results!$K$2</c:f>
              <c:strCache>
                <c:ptCount val="1"/>
              </c:strCache>
            </c:strRef>
          </c:tx>
          <c:spPr>
            <a:ln w="9525" cap="rnd">
              <a:noFill/>
              <a:round/>
            </a:ln>
            <a:effectLst/>
          </c:spPr>
          <c:marker>
            <c:symbol val="none"/>
          </c:marker>
          <c:yVal>
            <c:numLit>
              <c:formatCode>General</c:formatCode>
              <c:ptCount val="1"/>
              <c:pt idx="0">
                <c:v>1</c:v>
              </c:pt>
            </c:numLit>
          </c:yVal>
          <c:smooth val="0"/>
          <c:extLst>
            <c:ext xmlns:c16="http://schemas.microsoft.com/office/drawing/2014/chart" uri="{C3380CC4-5D6E-409C-BE32-E72D297353CC}">
              <c16:uniqueId val="{00000004-072E-4A09-9C12-6BA4BB2CD38C}"/>
            </c:ext>
          </c:extLst>
        </c:ser>
        <c:ser>
          <c:idx val="5"/>
          <c:order val="5"/>
          <c:tx>
            <c:strRef>
              <c:f>Results!$K$3</c:f>
              <c:strCache>
                <c:ptCount val="1"/>
                <c:pt idx="0">
                  <c:v>P = 1 bar</c:v>
                </c:pt>
              </c:strCache>
            </c:strRef>
          </c:tx>
          <c:spPr>
            <a:ln w="9525" cap="rnd">
              <a:noFill/>
              <a:round/>
            </a:ln>
            <a:effectLst/>
          </c:spPr>
          <c:marker>
            <c:symbol val="none"/>
          </c:marker>
          <c:yVal>
            <c:numLit>
              <c:formatCode>General</c:formatCode>
              <c:ptCount val="1"/>
              <c:pt idx="0">
                <c:v>1</c:v>
              </c:pt>
            </c:numLit>
          </c:yVal>
          <c:smooth val="0"/>
          <c:extLst>
            <c:ext xmlns:c16="http://schemas.microsoft.com/office/drawing/2014/chart" uri="{C3380CC4-5D6E-409C-BE32-E72D297353CC}">
              <c16:uniqueId val="{00000005-072E-4A09-9C12-6BA4BB2CD38C}"/>
            </c:ext>
          </c:extLst>
        </c:ser>
        <c:ser>
          <c:idx val="6"/>
          <c:order val="6"/>
          <c:tx>
            <c:strRef>
              <c:f>Results!$K$4</c:f>
              <c:strCache>
                <c:ptCount val="1"/>
                <c:pt idx="0">
                  <c:v>GHSV = 6000 1/h</c:v>
                </c:pt>
              </c:strCache>
            </c:strRef>
          </c:tx>
          <c:spPr>
            <a:ln w="9525" cap="rnd">
              <a:noFill/>
              <a:round/>
            </a:ln>
            <a:effectLst/>
          </c:spPr>
          <c:marker>
            <c:symbol val="none"/>
          </c:marker>
          <c:yVal>
            <c:numLit>
              <c:formatCode>General</c:formatCode>
              <c:ptCount val="1"/>
              <c:pt idx="0">
                <c:v>1</c:v>
              </c:pt>
            </c:numLit>
          </c:yVal>
          <c:smooth val="0"/>
          <c:extLst>
            <c:ext xmlns:c16="http://schemas.microsoft.com/office/drawing/2014/chart" uri="{C3380CC4-5D6E-409C-BE32-E72D297353CC}">
              <c16:uniqueId val="{00000006-072E-4A09-9C12-6BA4BB2CD38C}"/>
            </c:ext>
          </c:extLst>
        </c:ser>
        <c:dLbls>
          <c:showLegendKey val="0"/>
          <c:showVal val="0"/>
          <c:showCatName val="0"/>
          <c:showSerName val="0"/>
          <c:showPercent val="0"/>
          <c:showBubbleSize val="0"/>
        </c:dLbls>
        <c:axId val="1529579279"/>
        <c:axId val="1529562959"/>
      </c:scatterChart>
      <c:valAx>
        <c:axId val="1529579279"/>
        <c:scaling>
          <c:orientation val="minMax"/>
          <c:max val="450"/>
          <c:min val="250"/>
        </c:scaling>
        <c:delete val="0"/>
        <c:axPos val="b"/>
        <c:title>
          <c:tx>
            <c:rich>
              <a:bodyPr rot="0" spcFirstLastPara="1" vertOverflow="ellipsis" vert="horz" wrap="square" anchor="ctr" anchorCtr="1"/>
              <a:lstStyle/>
              <a:p>
                <a:pPr>
                  <a:defRPr sz="1400" b="1" i="0" u="none" strike="noStrike" kern="1200" baseline="0">
                    <a:solidFill>
                      <a:srgbClr val="002060"/>
                    </a:solidFill>
                    <a:latin typeface="Calibri (Headings)"/>
                    <a:ea typeface="+mn-ea"/>
                    <a:cs typeface="Times New Roman" panose="02020603050405020304" pitchFamily="18" charset="0"/>
                  </a:defRPr>
                </a:pPr>
                <a:r>
                  <a:rPr lang="en-US" sz="1400" dirty="0">
                    <a:latin typeface="Calibri (Headings)"/>
                  </a:rPr>
                  <a:t>Temperature</a:t>
                </a:r>
                <a:r>
                  <a:rPr lang="en-US" sz="1400" baseline="0" dirty="0">
                    <a:latin typeface="Calibri (Headings)"/>
                  </a:rPr>
                  <a:t> (</a:t>
                </a:r>
                <a:r>
                  <a:rPr lang="en-US" sz="1400" dirty="0">
                    <a:latin typeface="Calibri (Headings)"/>
                  </a:rPr>
                  <a:t>°C)</a:t>
                </a:r>
              </a:p>
            </c:rich>
          </c:tx>
          <c:layout>
            <c:manualLayout>
              <c:xMode val="edge"/>
              <c:yMode val="edge"/>
              <c:x val="0.4462321528586542"/>
              <c:y val="0.92834696131107175"/>
            </c:manualLayout>
          </c:layout>
          <c:overlay val="0"/>
          <c:spPr>
            <a:noFill/>
            <a:ln>
              <a:noFill/>
            </a:ln>
            <a:effectLst/>
          </c:spPr>
          <c:txPr>
            <a:bodyPr rot="0" spcFirstLastPara="1" vertOverflow="ellipsis" vert="horz" wrap="square" anchor="ctr" anchorCtr="1"/>
            <a:lstStyle/>
            <a:p>
              <a:pPr>
                <a:defRPr sz="1400" b="1" i="0" u="none" strike="noStrike" kern="1200" baseline="0">
                  <a:solidFill>
                    <a:srgbClr val="002060"/>
                  </a:solidFill>
                  <a:latin typeface="Calibri (Headings)"/>
                  <a:ea typeface="+mn-ea"/>
                  <a:cs typeface="Times New Roman" panose="02020603050405020304" pitchFamily="18" charset="0"/>
                </a:defRPr>
              </a:pPr>
              <a:endParaRPr lang="en-NL"/>
            </a:p>
          </c:txPr>
        </c:title>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200" b="0" i="0" u="none" strike="noStrike" kern="1200" baseline="0">
                <a:solidFill>
                  <a:srgbClr val="002060"/>
                </a:solidFill>
                <a:latin typeface="+mj-lt"/>
                <a:ea typeface="+mn-ea"/>
                <a:cs typeface="Times New Roman" panose="02020603050405020304" pitchFamily="18" charset="0"/>
              </a:defRPr>
            </a:pPr>
            <a:endParaRPr lang="en-NL"/>
          </a:p>
        </c:txPr>
        <c:crossAx val="1529562959"/>
        <c:crosses val="autoZero"/>
        <c:crossBetween val="midCat"/>
        <c:majorUnit val="25"/>
      </c:valAx>
      <c:valAx>
        <c:axId val="1529562959"/>
        <c:scaling>
          <c:orientation val="minMax"/>
          <c:max val="1"/>
          <c:min val="0"/>
        </c:scaling>
        <c:delete val="0"/>
        <c:axPos val="l"/>
        <c:title>
          <c:tx>
            <c:rich>
              <a:bodyPr rot="-5400000" spcFirstLastPara="1" vertOverflow="ellipsis" vert="horz" wrap="square" anchor="ctr" anchorCtr="1"/>
              <a:lstStyle/>
              <a:p>
                <a:pPr>
                  <a:defRPr lang="en-US" sz="1400" b="1" i="0" u="none" strike="noStrike" kern="1200" baseline="0" noProof="0">
                    <a:solidFill>
                      <a:srgbClr val="002060"/>
                    </a:solidFill>
                    <a:latin typeface="+mj-lt"/>
                    <a:ea typeface="+mn-ea"/>
                    <a:cs typeface="Times New Roman" panose="02020603050405020304" pitchFamily="18" charset="0"/>
                  </a:defRPr>
                </a:pPr>
                <a:r>
                  <a:rPr lang="en-US" sz="1400" noProof="0" dirty="0"/>
                  <a:t>Ammonia conversion</a:t>
                </a:r>
              </a:p>
            </c:rich>
          </c:tx>
          <c:layout>
            <c:manualLayout>
              <c:xMode val="edge"/>
              <c:yMode val="edge"/>
              <c:x val="1.454191966786092E-2"/>
              <c:y val="0.21067329586622374"/>
            </c:manualLayout>
          </c:layout>
          <c:overlay val="0"/>
          <c:spPr>
            <a:noFill/>
            <a:ln>
              <a:noFill/>
            </a:ln>
            <a:effectLst/>
          </c:spPr>
          <c:txPr>
            <a:bodyPr rot="-5400000" spcFirstLastPara="1" vertOverflow="ellipsis" vert="horz" wrap="square" anchor="ctr" anchorCtr="1"/>
            <a:lstStyle/>
            <a:p>
              <a:pPr>
                <a:defRPr lang="en-US" sz="1400" b="1" i="0" u="none" strike="noStrike" kern="1200" baseline="0" noProof="0">
                  <a:solidFill>
                    <a:srgbClr val="002060"/>
                  </a:solidFill>
                  <a:latin typeface="+mj-lt"/>
                  <a:ea typeface="+mn-ea"/>
                  <a:cs typeface="Times New Roman" panose="02020603050405020304" pitchFamily="18" charset="0"/>
                </a:defRPr>
              </a:pPr>
              <a:endParaRPr lang="en-NL"/>
            </a:p>
          </c:txPr>
        </c:title>
        <c:numFmt formatCode="0%" sourceLinked="0"/>
        <c:majorTickMark val="none"/>
        <c:minorTickMark val="none"/>
        <c:tickLblPos val="nextTo"/>
        <c:spPr>
          <a:noFill/>
          <a:ln>
            <a:solidFill>
              <a:schemeClr val="tx1"/>
            </a:solidFill>
          </a:ln>
          <a:effectLst/>
        </c:spPr>
        <c:txPr>
          <a:bodyPr rot="-60000000" spcFirstLastPara="1" vertOverflow="ellipsis" vert="horz" wrap="square" anchor="ctr" anchorCtr="1"/>
          <a:lstStyle/>
          <a:p>
            <a:pPr>
              <a:defRPr sz="1200" b="0" i="0" u="none" strike="noStrike" kern="1200" baseline="0">
                <a:solidFill>
                  <a:srgbClr val="002060"/>
                </a:solidFill>
                <a:latin typeface="+mj-lt"/>
                <a:ea typeface="+mn-ea"/>
                <a:cs typeface="Times New Roman" panose="02020603050405020304" pitchFamily="18" charset="0"/>
              </a:defRPr>
            </a:pPr>
            <a:endParaRPr lang="en-NL"/>
          </a:p>
        </c:txPr>
        <c:crossAx val="1529579279"/>
        <c:crosses val="autoZero"/>
        <c:crossBetween val="midCat"/>
        <c:majorUnit val="0.2"/>
      </c:valAx>
      <c:spPr>
        <a:noFill/>
        <a:ln>
          <a:solidFill>
            <a:schemeClr val="tx1"/>
          </a:solidFill>
        </a:ln>
        <a:effectLst/>
      </c:spPr>
    </c:plotArea>
    <c:legend>
      <c:legendPos val="r"/>
      <c:legendEntry>
        <c:idx val="3"/>
        <c:txPr>
          <a:bodyPr rot="0" spcFirstLastPara="1" vertOverflow="ellipsis" vert="horz" wrap="square" anchor="ctr" anchorCtr="1"/>
          <a:lstStyle/>
          <a:p>
            <a:pPr>
              <a:defRPr sz="1100" b="1" i="0" u="none" strike="noStrike" kern="1200" baseline="0">
                <a:solidFill>
                  <a:srgbClr val="002060"/>
                </a:solidFill>
                <a:latin typeface="+mj-lt"/>
                <a:ea typeface="+mn-ea"/>
                <a:cs typeface="Times New Roman" panose="02020603050405020304" pitchFamily="18" charset="0"/>
              </a:defRPr>
            </a:pPr>
            <a:endParaRPr lang="en-NL"/>
          </a:p>
        </c:txPr>
      </c:legendEntry>
      <c:legendEntry>
        <c:idx val="5"/>
        <c:txPr>
          <a:bodyPr rot="0" spcFirstLastPara="1" vertOverflow="ellipsis" vert="horz" wrap="square" anchor="ctr" anchorCtr="1"/>
          <a:lstStyle/>
          <a:p>
            <a:pPr>
              <a:defRPr sz="1100" b="1" i="1" u="none" strike="noStrike" kern="1200" baseline="0">
                <a:solidFill>
                  <a:srgbClr val="002060"/>
                </a:solidFill>
                <a:latin typeface="+mj-lt"/>
                <a:ea typeface="+mn-ea"/>
                <a:cs typeface="Times New Roman" panose="02020603050405020304" pitchFamily="18" charset="0"/>
              </a:defRPr>
            </a:pPr>
            <a:endParaRPr lang="en-NL"/>
          </a:p>
        </c:txPr>
      </c:legendEntry>
      <c:legendEntry>
        <c:idx val="6"/>
        <c:txPr>
          <a:bodyPr rot="0" spcFirstLastPara="1" vertOverflow="ellipsis" vert="horz" wrap="square" anchor="ctr" anchorCtr="1"/>
          <a:lstStyle/>
          <a:p>
            <a:pPr>
              <a:defRPr sz="1100" b="1" i="1" u="none" strike="noStrike" kern="1200" baseline="0">
                <a:solidFill>
                  <a:srgbClr val="002060"/>
                </a:solidFill>
                <a:latin typeface="+mj-lt"/>
                <a:ea typeface="+mn-ea"/>
                <a:cs typeface="Times New Roman" panose="02020603050405020304" pitchFamily="18" charset="0"/>
              </a:defRPr>
            </a:pPr>
            <a:endParaRPr lang="en-NL"/>
          </a:p>
        </c:txPr>
      </c:legendEntry>
      <c:layout>
        <c:manualLayout>
          <c:xMode val="edge"/>
          <c:yMode val="edge"/>
          <c:x val="0.6952230971128609"/>
          <c:y val="0.35343111111111103"/>
          <c:w val="0.25474607730108501"/>
          <c:h val="0.49881249999999999"/>
        </c:manualLayout>
      </c:layout>
      <c:overlay val="0"/>
      <c:spPr>
        <a:noFill/>
        <a:ln>
          <a:noFill/>
        </a:ln>
        <a:effectLst/>
      </c:spPr>
      <c:txPr>
        <a:bodyPr rot="0" spcFirstLastPara="1" vertOverflow="ellipsis" vert="horz" wrap="square" anchor="ctr" anchorCtr="1"/>
        <a:lstStyle/>
        <a:p>
          <a:pPr>
            <a:defRPr sz="1100" b="1" i="0" u="none" strike="noStrike" kern="1200" baseline="0">
              <a:solidFill>
                <a:srgbClr val="002060"/>
              </a:solidFill>
              <a:latin typeface="+mj-lt"/>
              <a:ea typeface="+mn-ea"/>
              <a:cs typeface="Times New Roman" panose="02020603050405020304" pitchFamily="18" charset="0"/>
            </a:defRPr>
          </a:pPr>
          <a:endParaRPr lang="en-N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19050" cap="flat" cmpd="sng" algn="ctr">
      <a:noFill/>
      <a:round/>
    </a:ln>
    <a:effectLst/>
  </c:spPr>
  <c:txPr>
    <a:bodyPr/>
    <a:lstStyle/>
    <a:p>
      <a:pPr>
        <a:defRPr sz="1100">
          <a:solidFill>
            <a:srgbClr val="002060"/>
          </a:solidFill>
          <a:latin typeface="+mj-lt"/>
          <a:cs typeface="Times New Roman" panose="02020603050405020304" pitchFamily="18" charset="0"/>
        </a:defRPr>
      </a:pPr>
      <a:endParaRPr lang="en-NL"/>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111983032991652"/>
          <c:y val="5.7193961042042926E-2"/>
          <c:w val="0.83404093179941297"/>
          <c:h val="0.79214444444444443"/>
        </c:manualLayout>
      </c:layout>
      <c:scatterChart>
        <c:scatterStyle val="lineMarker"/>
        <c:varyColors val="0"/>
        <c:ser>
          <c:idx val="0"/>
          <c:order val="0"/>
          <c:tx>
            <c:strRef>
              <c:f>Results!$C$3</c:f>
              <c:strCache>
                <c:ptCount val="1"/>
                <c:pt idx="0">
                  <c:v>Equilibrium</c:v>
                </c:pt>
              </c:strCache>
            </c:strRef>
          </c:tx>
          <c:spPr>
            <a:ln w="19050" cap="rnd">
              <a:solidFill>
                <a:schemeClr val="accent1"/>
              </a:solidFill>
              <a:prstDash val="dash"/>
              <a:round/>
            </a:ln>
            <a:effectLst/>
          </c:spPr>
          <c:marker>
            <c:symbol val="none"/>
          </c:marker>
          <c:xVal>
            <c:numRef>
              <c:f>Results!$B$5:$B$13</c:f>
              <c:numCache>
                <c:formatCode>General</c:formatCode>
                <c:ptCount val="9"/>
                <c:pt idx="0">
                  <c:v>450</c:v>
                </c:pt>
                <c:pt idx="1">
                  <c:v>425</c:v>
                </c:pt>
                <c:pt idx="2">
                  <c:v>400</c:v>
                </c:pt>
                <c:pt idx="3">
                  <c:v>375</c:v>
                </c:pt>
                <c:pt idx="4">
                  <c:v>350</c:v>
                </c:pt>
                <c:pt idx="5">
                  <c:v>325</c:v>
                </c:pt>
                <c:pt idx="6">
                  <c:v>300</c:v>
                </c:pt>
                <c:pt idx="7">
                  <c:v>275</c:v>
                </c:pt>
                <c:pt idx="8">
                  <c:v>250</c:v>
                </c:pt>
              </c:numCache>
            </c:numRef>
          </c:xVal>
          <c:yVal>
            <c:numRef>
              <c:f>Results!$C$5:$C$13</c:f>
              <c:numCache>
                <c:formatCode>0.0000%</c:formatCode>
                <c:ptCount val="9"/>
                <c:pt idx="0">
                  <c:v>0.99550000000000005</c:v>
                </c:pt>
                <c:pt idx="1">
                  <c:v>0.99399999999999999</c:v>
                </c:pt>
                <c:pt idx="2">
                  <c:v>0.99129999999999996</c:v>
                </c:pt>
                <c:pt idx="3">
                  <c:v>0.98760000000000003</c:v>
                </c:pt>
                <c:pt idx="4">
                  <c:v>0.98180000000000001</c:v>
                </c:pt>
                <c:pt idx="5">
                  <c:v>0.97289999999999999</c:v>
                </c:pt>
                <c:pt idx="6">
                  <c:v>0.95850000000000002</c:v>
                </c:pt>
                <c:pt idx="7">
                  <c:v>0.93500000000000005</c:v>
                </c:pt>
                <c:pt idx="8">
                  <c:v>0.89659999999999995</c:v>
                </c:pt>
              </c:numCache>
            </c:numRef>
          </c:yVal>
          <c:smooth val="0"/>
          <c:extLst>
            <c:ext xmlns:c16="http://schemas.microsoft.com/office/drawing/2014/chart" uri="{C3380CC4-5D6E-409C-BE32-E72D297353CC}">
              <c16:uniqueId val="{00000000-5154-44EB-BD56-A42A8409C135}"/>
            </c:ext>
          </c:extLst>
        </c:ser>
        <c:ser>
          <c:idx val="2"/>
          <c:order val="1"/>
          <c:tx>
            <c:strRef>
              <c:f>Results!$G$3</c:f>
              <c:strCache>
                <c:ptCount val="1"/>
                <c:pt idx="0">
                  <c:v>Cs/Ru = 0 w/w</c:v>
                </c:pt>
              </c:strCache>
            </c:strRef>
          </c:tx>
          <c:spPr>
            <a:ln w="9525" cap="rnd">
              <a:solidFill>
                <a:srgbClr val="002060"/>
              </a:solidFill>
              <a:round/>
            </a:ln>
            <a:effectLst/>
          </c:spPr>
          <c:marker>
            <c:symbol val="triangle"/>
            <c:size val="7"/>
            <c:spPr>
              <a:solidFill>
                <a:srgbClr val="002060"/>
              </a:solidFill>
              <a:ln w="9525">
                <a:solidFill>
                  <a:srgbClr val="002060"/>
                </a:solidFill>
                <a:round/>
              </a:ln>
              <a:effectLst/>
            </c:spPr>
          </c:marker>
          <c:xVal>
            <c:numRef>
              <c:f>Results!$B$5:$B$13</c:f>
              <c:numCache>
                <c:formatCode>General</c:formatCode>
                <c:ptCount val="9"/>
                <c:pt idx="0">
                  <c:v>450</c:v>
                </c:pt>
                <c:pt idx="1">
                  <c:v>425</c:v>
                </c:pt>
                <c:pt idx="2">
                  <c:v>400</c:v>
                </c:pt>
                <c:pt idx="3">
                  <c:v>375</c:v>
                </c:pt>
                <c:pt idx="4">
                  <c:v>350</c:v>
                </c:pt>
                <c:pt idx="5">
                  <c:v>325</c:v>
                </c:pt>
                <c:pt idx="6">
                  <c:v>300</c:v>
                </c:pt>
                <c:pt idx="7">
                  <c:v>275</c:v>
                </c:pt>
                <c:pt idx="8">
                  <c:v>250</c:v>
                </c:pt>
              </c:numCache>
            </c:numRef>
          </c:xVal>
          <c:yVal>
            <c:numRef>
              <c:f>Results!$E$5:$E$13</c:f>
              <c:numCache>
                <c:formatCode>0.0000%</c:formatCode>
                <c:ptCount val="9"/>
                <c:pt idx="0">
                  <c:v>0.99680647946917966</c:v>
                </c:pt>
                <c:pt idx="1">
                  <c:v>0.995</c:v>
                </c:pt>
                <c:pt idx="2">
                  <c:v>0.98999764586181915</c:v>
                </c:pt>
                <c:pt idx="3">
                  <c:v>0.9</c:v>
                </c:pt>
                <c:pt idx="4">
                  <c:v>0.6469301488402831</c:v>
                </c:pt>
                <c:pt idx="5">
                  <c:v>0.38750000000000001</c:v>
                </c:pt>
                <c:pt idx="6">
                  <c:v>0.24003369360104676</c:v>
                </c:pt>
                <c:pt idx="7">
                  <c:v>0.115</c:v>
                </c:pt>
                <c:pt idx="8">
                  <c:v>6.3992722630953749E-2</c:v>
                </c:pt>
              </c:numCache>
            </c:numRef>
          </c:yVal>
          <c:smooth val="0"/>
          <c:extLst>
            <c:ext xmlns:c16="http://schemas.microsoft.com/office/drawing/2014/chart" uri="{C3380CC4-5D6E-409C-BE32-E72D297353CC}">
              <c16:uniqueId val="{00000001-5154-44EB-BD56-A42A8409C135}"/>
            </c:ext>
          </c:extLst>
        </c:ser>
        <c:ser>
          <c:idx val="1"/>
          <c:order val="2"/>
          <c:tx>
            <c:strRef>
              <c:f>Results!$H$3</c:f>
              <c:strCache>
                <c:ptCount val="1"/>
                <c:pt idx="0">
                  <c:v>Cs/Ru = 0.4 w/w</c:v>
                </c:pt>
              </c:strCache>
            </c:strRef>
          </c:tx>
          <c:spPr>
            <a:ln w="9525" cap="rnd">
              <a:solidFill>
                <a:schemeClr val="accent4"/>
              </a:solidFill>
              <a:round/>
            </a:ln>
            <a:effectLst/>
          </c:spPr>
          <c:marker>
            <c:symbol val="circle"/>
            <c:size val="7"/>
            <c:spPr>
              <a:solidFill>
                <a:schemeClr val="accent4"/>
              </a:solidFill>
              <a:ln w="9525">
                <a:solidFill>
                  <a:schemeClr val="accent4"/>
                </a:solidFill>
                <a:round/>
              </a:ln>
              <a:effectLst/>
            </c:spPr>
          </c:marker>
          <c:xVal>
            <c:numRef>
              <c:f>Results!$B$5:$B$13</c:f>
              <c:numCache>
                <c:formatCode>General</c:formatCode>
                <c:ptCount val="9"/>
                <c:pt idx="0">
                  <c:v>450</c:v>
                </c:pt>
                <c:pt idx="1">
                  <c:v>425</c:v>
                </c:pt>
                <c:pt idx="2">
                  <c:v>400</c:v>
                </c:pt>
                <c:pt idx="3">
                  <c:v>375</c:v>
                </c:pt>
                <c:pt idx="4">
                  <c:v>350</c:v>
                </c:pt>
                <c:pt idx="5">
                  <c:v>325</c:v>
                </c:pt>
                <c:pt idx="6">
                  <c:v>300</c:v>
                </c:pt>
                <c:pt idx="7">
                  <c:v>275</c:v>
                </c:pt>
                <c:pt idx="8">
                  <c:v>250</c:v>
                </c:pt>
              </c:numCache>
            </c:numRef>
          </c:xVal>
          <c:yVal>
            <c:numRef>
              <c:f>Results!$H$5:$H$13</c:f>
              <c:numCache>
                <c:formatCode>0.0000%</c:formatCode>
                <c:ptCount val="9"/>
                <c:pt idx="0">
                  <c:v>0.99688914740698409</c:v>
                </c:pt>
                <c:pt idx="1">
                  <c:v>0.99569429560660849</c:v>
                </c:pt>
                <c:pt idx="2">
                  <c:v>0.99395435646394481</c:v>
                </c:pt>
                <c:pt idx="3">
                  <c:v>0.9772892777286355</c:v>
                </c:pt>
                <c:pt idx="4">
                  <c:v>0.82899110191880365</c:v>
                </c:pt>
                <c:pt idx="5">
                  <c:v>0.48921860376266463</c:v>
                </c:pt>
                <c:pt idx="6">
                  <c:v>0.29287550663896678</c:v>
                </c:pt>
                <c:pt idx="7">
                  <c:v>0.14243039808864758</c:v>
                </c:pt>
                <c:pt idx="8">
                  <c:v>6.9418563750231879E-2</c:v>
                </c:pt>
              </c:numCache>
            </c:numRef>
          </c:yVal>
          <c:smooth val="0"/>
          <c:extLst>
            <c:ext xmlns:c16="http://schemas.microsoft.com/office/drawing/2014/chart" uri="{C3380CC4-5D6E-409C-BE32-E72D297353CC}">
              <c16:uniqueId val="{00000002-5154-44EB-BD56-A42A8409C135}"/>
            </c:ext>
          </c:extLst>
        </c:ser>
        <c:ser>
          <c:idx val="3"/>
          <c:order val="3"/>
          <c:tx>
            <c:strRef>
              <c:f>Results!$I$3</c:f>
              <c:strCache>
                <c:ptCount val="1"/>
                <c:pt idx="0">
                  <c:v>Cs/Ru = 2.0 w/w</c:v>
                </c:pt>
              </c:strCache>
            </c:strRef>
          </c:tx>
          <c:spPr>
            <a:ln w="9525" cap="rnd">
              <a:solidFill>
                <a:schemeClr val="accent2"/>
              </a:solidFill>
              <a:round/>
            </a:ln>
            <a:effectLst/>
          </c:spPr>
          <c:marker>
            <c:symbol val="square"/>
            <c:size val="7"/>
            <c:spPr>
              <a:solidFill>
                <a:schemeClr val="accent2">
                  <a:alpha val="96000"/>
                </a:schemeClr>
              </a:solidFill>
              <a:ln w="9525">
                <a:solidFill>
                  <a:schemeClr val="accent2"/>
                </a:solidFill>
                <a:round/>
              </a:ln>
              <a:effectLst/>
            </c:spPr>
          </c:marker>
          <c:xVal>
            <c:numRef>
              <c:f>Results!$B$5:$B$13</c:f>
              <c:numCache>
                <c:formatCode>General</c:formatCode>
                <c:ptCount val="9"/>
                <c:pt idx="0">
                  <c:v>450</c:v>
                </c:pt>
                <c:pt idx="1">
                  <c:v>425</c:v>
                </c:pt>
                <c:pt idx="2">
                  <c:v>400</c:v>
                </c:pt>
                <c:pt idx="3">
                  <c:v>375</c:v>
                </c:pt>
                <c:pt idx="4">
                  <c:v>350</c:v>
                </c:pt>
                <c:pt idx="5">
                  <c:v>325</c:v>
                </c:pt>
                <c:pt idx="6">
                  <c:v>300</c:v>
                </c:pt>
                <c:pt idx="7">
                  <c:v>275</c:v>
                </c:pt>
                <c:pt idx="8">
                  <c:v>250</c:v>
                </c:pt>
              </c:numCache>
            </c:numRef>
          </c:xVal>
          <c:yVal>
            <c:numRef>
              <c:f>Results!$I$5:$I$13</c:f>
              <c:numCache>
                <c:formatCode>0.0000%</c:formatCode>
                <c:ptCount val="9"/>
                <c:pt idx="0">
                  <c:v>0.99553336697722195</c:v>
                </c:pt>
                <c:pt idx="1">
                  <c:v>0.995694168263484</c:v>
                </c:pt>
                <c:pt idx="2">
                  <c:v>0.99285122690088712</c:v>
                </c:pt>
                <c:pt idx="3">
                  <c:v>0.9779117201167935</c:v>
                </c:pt>
                <c:pt idx="4">
                  <c:v>0.82156603365356007</c:v>
                </c:pt>
                <c:pt idx="5">
                  <c:v>0.51319846385399437</c:v>
                </c:pt>
                <c:pt idx="6">
                  <c:v>0.29971862729181264</c:v>
                </c:pt>
                <c:pt idx="7">
                  <c:v>0.14501430657212261</c:v>
                </c:pt>
                <c:pt idx="8">
                  <c:v>8.3728757444942431E-2</c:v>
                </c:pt>
              </c:numCache>
            </c:numRef>
          </c:yVal>
          <c:smooth val="0"/>
          <c:extLst>
            <c:ext xmlns:c16="http://schemas.microsoft.com/office/drawing/2014/chart" uri="{C3380CC4-5D6E-409C-BE32-E72D297353CC}">
              <c16:uniqueId val="{00000003-5154-44EB-BD56-A42A8409C135}"/>
            </c:ext>
          </c:extLst>
        </c:ser>
        <c:ser>
          <c:idx val="4"/>
          <c:order val="4"/>
          <c:tx>
            <c:strRef>
              <c:f>Results!$K$2</c:f>
              <c:strCache>
                <c:ptCount val="1"/>
              </c:strCache>
            </c:strRef>
          </c:tx>
          <c:spPr>
            <a:ln w="9525" cap="rnd">
              <a:noFill/>
              <a:round/>
            </a:ln>
            <a:effectLst/>
          </c:spPr>
          <c:marker>
            <c:symbol val="none"/>
          </c:marker>
          <c:yVal>
            <c:numLit>
              <c:formatCode>General</c:formatCode>
              <c:ptCount val="1"/>
              <c:pt idx="0">
                <c:v>1</c:v>
              </c:pt>
            </c:numLit>
          </c:yVal>
          <c:smooth val="0"/>
          <c:extLst>
            <c:ext xmlns:c16="http://schemas.microsoft.com/office/drawing/2014/chart" uri="{C3380CC4-5D6E-409C-BE32-E72D297353CC}">
              <c16:uniqueId val="{00000004-5154-44EB-BD56-A42A8409C135}"/>
            </c:ext>
          </c:extLst>
        </c:ser>
        <c:ser>
          <c:idx val="5"/>
          <c:order val="5"/>
          <c:tx>
            <c:strRef>
              <c:f>Results!$K$3</c:f>
              <c:strCache>
                <c:ptCount val="1"/>
                <c:pt idx="0">
                  <c:v>P = 1 bar</c:v>
                </c:pt>
              </c:strCache>
            </c:strRef>
          </c:tx>
          <c:spPr>
            <a:ln w="9525" cap="rnd">
              <a:noFill/>
              <a:round/>
            </a:ln>
            <a:effectLst/>
          </c:spPr>
          <c:marker>
            <c:symbol val="none"/>
          </c:marker>
          <c:yVal>
            <c:numLit>
              <c:formatCode>General</c:formatCode>
              <c:ptCount val="1"/>
              <c:pt idx="0">
                <c:v>1</c:v>
              </c:pt>
            </c:numLit>
          </c:yVal>
          <c:smooth val="0"/>
          <c:extLst>
            <c:ext xmlns:c16="http://schemas.microsoft.com/office/drawing/2014/chart" uri="{C3380CC4-5D6E-409C-BE32-E72D297353CC}">
              <c16:uniqueId val="{00000005-5154-44EB-BD56-A42A8409C135}"/>
            </c:ext>
          </c:extLst>
        </c:ser>
        <c:ser>
          <c:idx val="6"/>
          <c:order val="6"/>
          <c:tx>
            <c:strRef>
              <c:f>Results!$K$4</c:f>
              <c:strCache>
                <c:ptCount val="1"/>
                <c:pt idx="0">
                  <c:v>GHSV = 6000 1/h</c:v>
                </c:pt>
              </c:strCache>
            </c:strRef>
          </c:tx>
          <c:spPr>
            <a:ln w="9525" cap="rnd">
              <a:noFill/>
              <a:round/>
            </a:ln>
            <a:effectLst/>
          </c:spPr>
          <c:marker>
            <c:symbol val="none"/>
          </c:marker>
          <c:yVal>
            <c:numLit>
              <c:formatCode>General</c:formatCode>
              <c:ptCount val="1"/>
              <c:pt idx="0">
                <c:v>1</c:v>
              </c:pt>
            </c:numLit>
          </c:yVal>
          <c:smooth val="0"/>
          <c:extLst>
            <c:ext xmlns:c16="http://schemas.microsoft.com/office/drawing/2014/chart" uri="{C3380CC4-5D6E-409C-BE32-E72D297353CC}">
              <c16:uniqueId val="{00000006-5154-44EB-BD56-A42A8409C135}"/>
            </c:ext>
          </c:extLst>
        </c:ser>
        <c:dLbls>
          <c:showLegendKey val="0"/>
          <c:showVal val="0"/>
          <c:showCatName val="0"/>
          <c:showSerName val="0"/>
          <c:showPercent val="0"/>
          <c:showBubbleSize val="0"/>
        </c:dLbls>
        <c:axId val="1529579279"/>
        <c:axId val="1529562959"/>
      </c:scatterChart>
      <c:valAx>
        <c:axId val="1529579279"/>
        <c:scaling>
          <c:orientation val="minMax"/>
          <c:max val="450"/>
          <c:min val="250"/>
        </c:scaling>
        <c:delete val="0"/>
        <c:axPos val="b"/>
        <c:title>
          <c:tx>
            <c:rich>
              <a:bodyPr rot="0" spcFirstLastPara="1" vertOverflow="ellipsis" vert="horz" wrap="square" anchor="ctr" anchorCtr="1"/>
              <a:lstStyle/>
              <a:p>
                <a:pPr>
                  <a:defRPr sz="1400" b="1" i="0" u="none" strike="noStrike" kern="1200" baseline="0">
                    <a:solidFill>
                      <a:srgbClr val="002060"/>
                    </a:solidFill>
                    <a:latin typeface="+mj-lt"/>
                    <a:ea typeface="Cambria" panose="02040503050406030204" pitchFamily="18" charset="0"/>
                    <a:cs typeface="Times New Roman" panose="02020603050405020304" pitchFamily="18" charset="0"/>
                  </a:defRPr>
                </a:pPr>
                <a:r>
                  <a:rPr lang="en-US" sz="1400" dirty="0">
                    <a:latin typeface="Calibri" panose="020F0502020204030204" pitchFamily="34" charset="0"/>
                    <a:ea typeface="Calibri" panose="020F0502020204030204" pitchFamily="34" charset="0"/>
                    <a:cs typeface="Calibri" panose="020F0502020204030204" pitchFamily="34" charset="0"/>
                  </a:rPr>
                  <a:t>Temperature</a:t>
                </a:r>
                <a:r>
                  <a:rPr lang="en-US" sz="1400" baseline="0" dirty="0">
                    <a:latin typeface="Calibri" panose="020F0502020204030204" pitchFamily="34" charset="0"/>
                    <a:ea typeface="Calibri" panose="020F0502020204030204" pitchFamily="34" charset="0"/>
                    <a:cs typeface="Calibri" panose="020F0502020204030204" pitchFamily="34" charset="0"/>
                  </a:rPr>
                  <a:t> </a:t>
                </a:r>
                <a:r>
                  <a:rPr lang="en-US" sz="1400" dirty="0">
                    <a:latin typeface="Calibri" panose="020F0502020204030204" pitchFamily="34" charset="0"/>
                    <a:ea typeface="Calibri" panose="020F0502020204030204" pitchFamily="34" charset="0"/>
                    <a:cs typeface="Calibri" panose="020F0502020204030204" pitchFamily="34" charset="0"/>
                  </a:rPr>
                  <a:t>(°C)</a:t>
                </a:r>
              </a:p>
            </c:rich>
          </c:tx>
          <c:layout>
            <c:manualLayout>
              <c:xMode val="edge"/>
              <c:yMode val="edge"/>
              <c:x val="0.44642620996061627"/>
              <c:y val="0.92856249999999996"/>
            </c:manualLayout>
          </c:layout>
          <c:overlay val="0"/>
          <c:spPr>
            <a:noFill/>
            <a:ln>
              <a:noFill/>
            </a:ln>
            <a:effectLst/>
          </c:spPr>
          <c:txPr>
            <a:bodyPr rot="0" spcFirstLastPara="1" vertOverflow="ellipsis" vert="horz" wrap="square" anchor="ctr" anchorCtr="1"/>
            <a:lstStyle/>
            <a:p>
              <a:pPr>
                <a:defRPr sz="1400" b="1" i="0" u="none" strike="noStrike" kern="1200" baseline="0">
                  <a:solidFill>
                    <a:srgbClr val="002060"/>
                  </a:solidFill>
                  <a:latin typeface="+mj-lt"/>
                  <a:ea typeface="Cambria" panose="02040503050406030204" pitchFamily="18" charset="0"/>
                  <a:cs typeface="Times New Roman" panose="02020603050405020304" pitchFamily="18" charset="0"/>
                </a:defRPr>
              </a:pPr>
              <a:endParaRPr lang="en-NL"/>
            </a:p>
          </c:txPr>
        </c:title>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200" b="0" i="0" u="none" strike="noStrike" kern="1200" baseline="0">
                <a:solidFill>
                  <a:srgbClr val="002060"/>
                </a:solidFill>
                <a:latin typeface="Calibri (Headings)"/>
                <a:ea typeface="Cambria" panose="02040503050406030204" pitchFamily="18" charset="0"/>
                <a:cs typeface="Times New Roman" panose="02020603050405020304" pitchFamily="18" charset="0"/>
              </a:defRPr>
            </a:pPr>
            <a:endParaRPr lang="en-NL"/>
          </a:p>
        </c:txPr>
        <c:crossAx val="1529562959"/>
        <c:crosses val="autoZero"/>
        <c:crossBetween val="midCat"/>
        <c:majorUnit val="25"/>
      </c:valAx>
      <c:valAx>
        <c:axId val="1529562959"/>
        <c:scaling>
          <c:orientation val="minMax"/>
          <c:max val="1"/>
          <c:min val="0"/>
        </c:scaling>
        <c:delete val="0"/>
        <c:axPos val="l"/>
        <c:title>
          <c:tx>
            <c:rich>
              <a:bodyPr rot="-5400000" spcFirstLastPara="1" vertOverflow="ellipsis" vert="horz" wrap="square" anchor="ctr" anchorCtr="1"/>
              <a:lstStyle/>
              <a:p>
                <a:pPr>
                  <a:defRPr lang="en-US" sz="1400" b="1" i="0" u="none" strike="noStrike" kern="1200" baseline="0" noProof="0">
                    <a:solidFill>
                      <a:srgbClr val="002060"/>
                    </a:solidFill>
                    <a:latin typeface="+mj-lt"/>
                    <a:ea typeface="Cambria" panose="02040503050406030204" pitchFamily="18" charset="0"/>
                    <a:cs typeface="Times New Roman" panose="02020603050405020304" pitchFamily="18" charset="0"/>
                  </a:defRPr>
                </a:pPr>
                <a:r>
                  <a:rPr lang="en-US" sz="1400" noProof="0" dirty="0">
                    <a:latin typeface="Calibri" panose="020F0502020204030204" pitchFamily="34" charset="0"/>
                    <a:ea typeface="Calibri" panose="020F0502020204030204" pitchFamily="34" charset="0"/>
                    <a:cs typeface="Calibri" panose="020F0502020204030204" pitchFamily="34" charset="0"/>
                  </a:rPr>
                  <a:t>Ammonia conversion</a:t>
                </a:r>
              </a:p>
            </c:rich>
          </c:tx>
          <c:layout>
            <c:manualLayout>
              <c:xMode val="edge"/>
              <c:yMode val="edge"/>
              <c:x val="1.6306075140243414E-2"/>
              <c:y val="0.2071069163137744"/>
            </c:manualLayout>
          </c:layout>
          <c:overlay val="0"/>
          <c:spPr>
            <a:noFill/>
            <a:ln>
              <a:noFill/>
            </a:ln>
            <a:effectLst/>
          </c:spPr>
          <c:txPr>
            <a:bodyPr rot="-5400000" spcFirstLastPara="1" vertOverflow="ellipsis" vert="horz" wrap="square" anchor="ctr" anchorCtr="1"/>
            <a:lstStyle/>
            <a:p>
              <a:pPr>
                <a:defRPr lang="en-US" sz="1400" b="1" i="0" u="none" strike="noStrike" kern="1200" baseline="0" noProof="0">
                  <a:solidFill>
                    <a:srgbClr val="002060"/>
                  </a:solidFill>
                  <a:latin typeface="+mj-lt"/>
                  <a:ea typeface="Cambria" panose="02040503050406030204" pitchFamily="18" charset="0"/>
                  <a:cs typeface="Times New Roman" panose="02020603050405020304" pitchFamily="18" charset="0"/>
                </a:defRPr>
              </a:pPr>
              <a:endParaRPr lang="en-NL"/>
            </a:p>
          </c:txPr>
        </c:title>
        <c:numFmt formatCode="0%" sourceLinked="0"/>
        <c:majorTickMark val="none"/>
        <c:minorTickMark val="none"/>
        <c:tickLblPos val="nextTo"/>
        <c:spPr>
          <a:noFill/>
          <a:ln>
            <a:solidFill>
              <a:schemeClr val="tx1"/>
            </a:solidFill>
          </a:ln>
          <a:effectLst/>
        </c:spPr>
        <c:txPr>
          <a:bodyPr rot="-60000000" spcFirstLastPara="1" vertOverflow="ellipsis" vert="horz" wrap="square" anchor="ctr" anchorCtr="1"/>
          <a:lstStyle/>
          <a:p>
            <a:pPr>
              <a:defRPr sz="1200" b="0" i="0" u="none" strike="noStrike" kern="1200" baseline="0">
                <a:solidFill>
                  <a:srgbClr val="002060"/>
                </a:solidFill>
                <a:latin typeface="Calibri (Headings)"/>
                <a:ea typeface="Cambria" panose="02040503050406030204" pitchFamily="18" charset="0"/>
                <a:cs typeface="Times New Roman" panose="02020603050405020304" pitchFamily="18" charset="0"/>
              </a:defRPr>
            </a:pPr>
            <a:endParaRPr lang="en-NL"/>
          </a:p>
        </c:txPr>
        <c:crossAx val="1529579279"/>
        <c:crosses val="autoZero"/>
        <c:crossBetween val="midCat"/>
        <c:majorUnit val="0.2"/>
      </c:valAx>
      <c:spPr>
        <a:noFill/>
        <a:ln>
          <a:solidFill>
            <a:schemeClr val="tx1"/>
          </a:solidFill>
        </a:ln>
        <a:effectLst/>
      </c:spPr>
    </c:plotArea>
    <c:legend>
      <c:legendPos val="r"/>
      <c:legendEntry>
        <c:idx val="5"/>
        <c:txPr>
          <a:bodyPr rot="0" spcFirstLastPara="1" vertOverflow="ellipsis" vert="horz" wrap="square" anchor="ctr" anchorCtr="1"/>
          <a:lstStyle/>
          <a:p>
            <a:pPr>
              <a:defRPr sz="1100" b="1" i="1" u="none" strike="noStrike" kern="1200" baseline="0">
                <a:solidFill>
                  <a:srgbClr val="002060"/>
                </a:solidFill>
                <a:latin typeface="+mj-lt"/>
                <a:ea typeface="Cambria" panose="02040503050406030204" pitchFamily="18" charset="0"/>
                <a:cs typeface="Times New Roman" panose="02020603050405020304" pitchFamily="18" charset="0"/>
              </a:defRPr>
            </a:pPr>
            <a:endParaRPr lang="en-NL"/>
          </a:p>
        </c:txPr>
      </c:legendEntry>
      <c:legendEntry>
        <c:idx val="6"/>
        <c:txPr>
          <a:bodyPr rot="0" spcFirstLastPara="1" vertOverflow="ellipsis" vert="horz" wrap="square" anchor="ctr" anchorCtr="1"/>
          <a:lstStyle/>
          <a:p>
            <a:pPr>
              <a:defRPr sz="1100" b="1" i="1" u="none" strike="noStrike" kern="1200" baseline="0">
                <a:solidFill>
                  <a:srgbClr val="002060"/>
                </a:solidFill>
                <a:latin typeface="+mj-lt"/>
                <a:ea typeface="Cambria" panose="02040503050406030204" pitchFamily="18" charset="0"/>
                <a:cs typeface="Times New Roman" panose="02020603050405020304" pitchFamily="18" charset="0"/>
              </a:defRPr>
            </a:pPr>
            <a:endParaRPr lang="en-NL"/>
          </a:p>
        </c:txPr>
      </c:legendEntry>
      <c:layout>
        <c:manualLayout>
          <c:xMode val="edge"/>
          <c:yMode val="edge"/>
          <c:x val="0.6952230971128609"/>
          <c:y val="0.35343111111111103"/>
          <c:w val="0.25474607730108501"/>
          <c:h val="0.49881249999999999"/>
        </c:manualLayout>
      </c:layout>
      <c:overlay val="0"/>
      <c:spPr>
        <a:noFill/>
        <a:ln>
          <a:noFill/>
        </a:ln>
        <a:effectLst/>
      </c:spPr>
      <c:txPr>
        <a:bodyPr rot="0" spcFirstLastPara="1" vertOverflow="ellipsis" vert="horz" wrap="square" anchor="ctr" anchorCtr="1"/>
        <a:lstStyle/>
        <a:p>
          <a:pPr>
            <a:defRPr sz="1100" b="1" i="0" u="none" strike="noStrike" kern="1200" baseline="0">
              <a:solidFill>
                <a:srgbClr val="002060"/>
              </a:solidFill>
              <a:latin typeface="+mj-lt"/>
              <a:ea typeface="Cambria" panose="02040503050406030204" pitchFamily="18" charset="0"/>
              <a:cs typeface="Times New Roman" panose="02020603050405020304" pitchFamily="18" charset="0"/>
            </a:defRPr>
          </a:pPr>
          <a:endParaRPr lang="en-N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19050" cap="flat" cmpd="sng" algn="ctr">
      <a:noFill/>
      <a:round/>
    </a:ln>
    <a:effectLst/>
  </c:spPr>
  <c:txPr>
    <a:bodyPr/>
    <a:lstStyle/>
    <a:p>
      <a:pPr>
        <a:defRPr sz="1100">
          <a:solidFill>
            <a:srgbClr val="002060"/>
          </a:solidFill>
          <a:latin typeface="+mj-lt"/>
          <a:ea typeface="Cambria" panose="02040503050406030204" pitchFamily="18" charset="0"/>
          <a:cs typeface="Times New Roman" panose="02020603050405020304" pitchFamily="18" charset="0"/>
        </a:defRPr>
      </a:pPr>
      <a:endParaRPr lang="en-NL"/>
    </a:p>
  </c:txPr>
  <c:externalData r:id="rId3">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11198253683636"/>
          <c:y val="3.8814491235672523E-2"/>
          <c:w val="0.83404093179941297"/>
          <c:h val="0.80272777777777782"/>
        </c:manualLayout>
      </c:layout>
      <c:barChart>
        <c:barDir val="col"/>
        <c:grouping val="clustered"/>
        <c:varyColors val="0"/>
        <c:ser>
          <c:idx val="1"/>
          <c:order val="1"/>
          <c:tx>
            <c:strRef>
              <c:f>'004 - long term tests'!$H$4</c:f>
              <c:strCache>
                <c:ptCount val="1"/>
                <c:pt idx="0">
                  <c:v>Cs-Ru/CeO2 (Fresh)</c:v>
                </c:pt>
              </c:strCache>
            </c:strRef>
          </c:tx>
          <c:spPr>
            <a:gradFill rotWithShape="1">
              <a:gsLst>
                <a:gs pos="0">
                  <a:schemeClr val="accent3">
                    <a:satMod val="103000"/>
                    <a:lumMod val="102000"/>
                    <a:tint val="94000"/>
                  </a:schemeClr>
                </a:gs>
                <a:gs pos="50000">
                  <a:schemeClr val="accent3">
                    <a:satMod val="110000"/>
                    <a:lumMod val="100000"/>
                    <a:shade val="100000"/>
                  </a:schemeClr>
                </a:gs>
                <a:gs pos="100000">
                  <a:schemeClr val="accent3">
                    <a:lumMod val="99000"/>
                    <a:satMod val="120000"/>
                    <a:shade val="78000"/>
                  </a:schemeClr>
                </a:gs>
              </a:gsLst>
              <a:lin ang="5400000" scaled="0"/>
            </a:gradFill>
            <a:ln>
              <a:noFill/>
            </a:ln>
            <a:effectLst/>
          </c:spPr>
          <c:invertIfNegative val="0"/>
          <c:cat>
            <c:numRef>
              <c:f>'004 - long term tests'!$B$10:$B$13</c:f>
              <c:numCache>
                <c:formatCode>General</c:formatCode>
                <c:ptCount val="4"/>
                <c:pt idx="0">
                  <c:v>250</c:v>
                </c:pt>
                <c:pt idx="1">
                  <c:v>300</c:v>
                </c:pt>
                <c:pt idx="2">
                  <c:v>350</c:v>
                </c:pt>
                <c:pt idx="3">
                  <c:v>400</c:v>
                </c:pt>
              </c:numCache>
            </c:numRef>
          </c:cat>
          <c:val>
            <c:numRef>
              <c:f>'004 - long term tests'!$H$10:$H$13</c:f>
              <c:numCache>
                <c:formatCode>0.0%</c:formatCode>
                <c:ptCount val="4"/>
                <c:pt idx="0">
                  <c:v>6.9418563750231879E-2</c:v>
                </c:pt>
                <c:pt idx="1">
                  <c:v>0.29287550663896678</c:v>
                </c:pt>
                <c:pt idx="2">
                  <c:v>0.82899110191880365</c:v>
                </c:pt>
                <c:pt idx="3">
                  <c:v>0.99395435646394481</c:v>
                </c:pt>
              </c:numCache>
            </c:numRef>
          </c:val>
          <c:extLst>
            <c:ext xmlns:c16="http://schemas.microsoft.com/office/drawing/2014/chart" uri="{C3380CC4-5D6E-409C-BE32-E72D297353CC}">
              <c16:uniqueId val="{00000000-4D71-489D-B85F-AE982BBDA433}"/>
            </c:ext>
          </c:extLst>
        </c:ser>
        <c:ser>
          <c:idx val="4"/>
          <c:order val="2"/>
          <c:tx>
            <c:strRef>
              <c:f>'004 - long term tests'!$J$4</c:f>
              <c:strCache>
                <c:ptCount val="1"/>
                <c:pt idx="0">
                  <c:v>Cs-Ru/CeO2  (100h)</c:v>
                </c:pt>
              </c:strCache>
            </c:strRef>
          </c:tx>
          <c:spPr>
            <a:gradFill rotWithShape="1">
              <a:gsLst>
                <a:gs pos="0">
                  <a:schemeClr val="accent3">
                    <a:lumMod val="60000"/>
                    <a:satMod val="103000"/>
                    <a:lumMod val="102000"/>
                    <a:tint val="94000"/>
                  </a:schemeClr>
                </a:gs>
                <a:gs pos="50000">
                  <a:schemeClr val="accent3">
                    <a:lumMod val="60000"/>
                    <a:satMod val="110000"/>
                    <a:lumMod val="100000"/>
                    <a:shade val="100000"/>
                  </a:schemeClr>
                </a:gs>
                <a:gs pos="100000">
                  <a:schemeClr val="accent3">
                    <a:lumMod val="60000"/>
                    <a:lumMod val="99000"/>
                    <a:satMod val="120000"/>
                    <a:shade val="78000"/>
                  </a:schemeClr>
                </a:gs>
              </a:gsLst>
              <a:lin ang="5400000" scaled="0"/>
            </a:gradFill>
            <a:ln>
              <a:noFill/>
            </a:ln>
            <a:effectLst/>
          </c:spPr>
          <c:invertIfNegative val="0"/>
          <c:val>
            <c:numRef>
              <c:f>'004 - long term tests'!$J$10:$J$13</c:f>
              <c:numCache>
                <c:formatCode>0.0%</c:formatCode>
                <c:ptCount val="4"/>
                <c:pt idx="0">
                  <c:v>4.67638691322904E-2</c:v>
                </c:pt>
                <c:pt idx="1">
                  <c:v>0.237197724039829</c:v>
                </c:pt>
                <c:pt idx="2">
                  <c:v>0.77216690374584995</c:v>
                </c:pt>
                <c:pt idx="3">
                  <c:v>0.98755334281649998</c:v>
                </c:pt>
              </c:numCache>
            </c:numRef>
          </c:val>
          <c:extLst>
            <c:ext xmlns:c16="http://schemas.microsoft.com/office/drawing/2014/chart" uri="{C3380CC4-5D6E-409C-BE32-E72D297353CC}">
              <c16:uniqueId val="{00000001-4D71-489D-B85F-AE982BBDA433}"/>
            </c:ext>
          </c:extLst>
        </c:ser>
        <c:ser>
          <c:idx val="3"/>
          <c:order val="3"/>
          <c:tx>
            <c:strRef>
              <c:f>'004 - long term tests'!$L$4</c:f>
              <c:strCache>
                <c:ptCount val="1"/>
                <c:pt idx="0">
                  <c:v>Cs-Ru/CeO2  (250h)</c:v>
                </c:pt>
              </c:strCache>
            </c:strRef>
          </c:tx>
          <c:spPr>
            <a:gradFill rotWithShape="1">
              <a:gsLst>
                <a:gs pos="0">
                  <a:schemeClr val="accent1">
                    <a:lumMod val="60000"/>
                    <a:satMod val="103000"/>
                    <a:lumMod val="102000"/>
                    <a:tint val="94000"/>
                  </a:schemeClr>
                </a:gs>
                <a:gs pos="50000">
                  <a:schemeClr val="accent1">
                    <a:lumMod val="60000"/>
                    <a:satMod val="110000"/>
                    <a:lumMod val="100000"/>
                    <a:shade val="100000"/>
                  </a:schemeClr>
                </a:gs>
                <a:gs pos="100000">
                  <a:schemeClr val="accent1">
                    <a:lumMod val="60000"/>
                    <a:lumMod val="99000"/>
                    <a:satMod val="120000"/>
                    <a:shade val="78000"/>
                  </a:schemeClr>
                </a:gs>
              </a:gsLst>
              <a:lin ang="5400000" scaled="0"/>
            </a:gradFill>
            <a:ln>
              <a:noFill/>
            </a:ln>
            <a:effectLst/>
          </c:spPr>
          <c:invertIfNegative val="0"/>
          <c:cat>
            <c:numRef>
              <c:f>'004 - long term tests'!$B$10:$B$13</c:f>
              <c:numCache>
                <c:formatCode>General</c:formatCode>
                <c:ptCount val="4"/>
                <c:pt idx="0">
                  <c:v>250</c:v>
                </c:pt>
                <c:pt idx="1">
                  <c:v>300</c:v>
                </c:pt>
                <c:pt idx="2">
                  <c:v>350</c:v>
                </c:pt>
                <c:pt idx="3">
                  <c:v>400</c:v>
                </c:pt>
              </c:numCache>
            </c:numRef>
          </c:cat>
          <c:val>
            <c:numRef>
              <c:f>'004 - long term tests'!$L$10:$L$13</c:f>
              <c:numCache>
                <c:formatCode>0.0%</c:formatCode>
                <c:ptCount val="4"/>
                <c:pt idx="0">
                  <c:v>6.7093409198672599E-2</c:v>
                </c:pt>
                <c:pt idx="1">
                  <c:v>0.24419155998103401</c:v>
                </c:pt>
                <c:pt idx="2">
                  <c:v>0.75</c:v>
                </c:pt>
                <c:pt idx="3">
                  <c:v>0.98873873873873797</c:v>
                </c:pt>
              </c:numCache>
            </c:numRef>
          </c:val>
          <c:extLst>
            <c:ext xmlns:c16="http://schemas.microsoft.com/office/drawing/2014/chart" uri="{C3380CC4-5D6E-409C-BE32-E72D297353CC}">
              <c16:uniqueId val="{00000002-4D71-489D-B85F-AE982BBDA433}"/>
            </c:ext>
          </c:extLst>
        </c:ser>
        <c:ser>
          <c:idx val="2"/>
          <c:order val="4"/>
          <c:tx>
            <c:strRef>
              <c:f>'004 - long term tests'!$N$4</c:f>
              <c:strCache>
                <c:ptCount val="1"/>
                <c:pt idx="0">
                  <c:v>Cs-Ru/CeO2  (1000h)</c:v>
                </c:pt>
              </c:strCache>
            </c:strRef>
          </c:tx>
          <c:spPr>
            <a:gradFill rotWithShape="1">
              <a:gsLst>
                <a:gs pos="0">
                  <a:schemeClr val="accent5">
                    <a:satMod val="103000"/>
                    <a:lumMod val="102000"/>
                    <a:tint val="94000"/>
                  </a:schemeClr>
                </a:gs>
                <a:gs pos="50000">
                  <a:schemeClr val="accent5">
                    <a:satMod val="110000"/>
                    <a:lumMod val="100000"/>
                    <a:shade val="100000"/>
                  </a:schemeClr>
                </a:gs>
                <a:gs pos="100000">
                  <a:schemeClr val="accent5">
                    <a:lumMod val="99000"/>
                    <a:satMod val="120000"/>
                    <a:shade val="78000"/>
                  </a:schemeClr>
                </a:gs>
              </a:gsLst>
              <a:lin ang="5400000" scaled="0"/>
            </a:gradFill>
            <a:ln>
              <a:noFill/>
            </a:ln>
            <a:effectLst/>
          </c:spPr>
          <c:invertIfNegative val="0"/>
          <c:cat>
            <c:numRef>
              <c:f>'004 - long term tests'!$B$10:$B$13</c:f>
              <c:numCache>
                <c:formatCode>General</c:formatCode>
                <c:ptCount val="4"/>
                <c:pt idx="0">
                  <c:v>250</c:v>
                </c:pt>
                <c:pt idx="1">
                  <c:v>300</c:v>
                </c:pt>
                <c:pt idx="2">
                  <c:v>350</c:v>
                </c:pt>
                <c:pt idx="3">
                  <c:v>400</c:v>
                </c:pt>
              </c:numCache>
            </c:numRef>
          </c:cat>
          <c:val>
            <c:numRef>
              <c:f>'004 - long term tests'!$N$10:$N$13</c:f>
              <c:numCache>
                <c:formatCode>0.0%</c:formatCode>
                <c:ptCount val="4"/>
                <c:pt idx="0">
                  <c:v>5.2150096479324413E-2</c:v>
                </c:pt>
                <c:pt idx="1">
                  <c:v>0.24145693692945547</c:v>
                </c:pt>
                <c:pt idx="2">
                  <c:v>0.77496707473361415</c:v>
                </c:pt>
                <c:pt idx="3">
                  <c:v>0.98945049698269505</c:v>
                </c:pt>
              </c:numCache>
            </c:numRef>
          </c:val>
          <c:extLst>
            <c:ext xmlns:c16="http://schemas.microsoft.com/office/drawing/2014/chart" uri="{C3380CC4-5D6E-409C-BE32-E72D297353CC}">
              <c16:uniqueId val="{00000003-4D71-489D-B85F-AE982BBDA433}"/>
            </c:ext>
          </c:extLst>
        </c:ser>
        <c:dLbls>
          <c:showLegendKey val="0"/>
          <c:showVal val="0"/>
          <c:showCatName val="0"/>
          <c:showSerName val="0"/>
          <c:showPercent val="0"/>
          <c:showBubbleSize val="0"/>
        </c:dLbls>
        <c:gapWidth val="150"/>
        <c:axId val="1529579279"/>
        <c:axId val="1529562959"/>
        <c:extLst>
          <c:ext xmlns:c15="http://schemas.microsoft.com/office/drawing/2012/chart" uri="{02D57815-91ED-43cb-92C2-25804820EDAC}">
            <c15:filteredBarSeries>
              <c15:ser>
                <c:idx val="0"/>
                <c:order val="0"/>
                <c:tx>
                  <c:strRef>
                    <c:extLst>
                      <c:ext uri="{02D57815-91ED-43cb-92C2-25804820EDAC}">
                        <c15:formulaRef>
                          <c15:sqref>'004 - long term tests'!$D$4:$F$4</c15:sqref>
                        </c15:formulaRef>
                      </c:ext>
                    </c:extLst>
                    <c:strCache>
                      <c:ptCount val="1"/>
                      <c:pt idx="0">
                        <c:v>Equilibrium</c:v>
                      </c:pt>
                    </c:strCache>
                  </c:strRef>
                </c:tx>
                <c:spPr>
                  <a:gradFill rotWithShape="1">
                    <a:gsLst>
                      <a:gs pos="0">
                        <a:schemeClr val="accent1">
                          <a:satMod val="103000"/>
                          <a:lumMod val="102000"/>
                          <a:tint val="94000"/>
                        </a:schemeClr>
                      </a:gs>
                      <a:gs pos="50000">
                        <a:schemeClr val="accent1">
                          <a:satMod val="110000"/>
                          <a:lumMod val="100000"/>
                          <a:shade val="100000"/>
                        </a:schemeClr>
                      </a:gs>
                      <a:gs pos="100000">
                        <a:schemeClr val="accent1">
                          <a:lumMod val="99000"/>
                          <a:satMod val="120000"/>
                          <a:shade val="78000"/>
                        </a:schemeClr>
                      </a:gs>
                    </a:gsLst>
                    <a:lin ang="5400000" scaled="0"/>
                  </a:gradFill>
                  <a:ln>
                    <a:noFill/>
                  </a:ln>
                  <a:effectLst/>
                </c:spPr>
                <c:invertIfNegative val="0"/>
                <c:val>
                  <c:numRef>
                    <c:extLst>
                      <c:ext uri="{02D57815-91ED-43cb-92C2-25804820EDAC}">
                        <c15:formulaRef>
                          <c15:sqref>'004 - long term tests'!$D$10:$D$13</c15:sqref>
                        </c15:formulaRef>
                      </c:ext>
                    </c:extLst>
                    <c:numCache>
                      <c:formatCode>0.0%</c:formatCode>
                      <c:ptCount val="4"/>
                      <c:pt idx="0">
                        <c:v>0.89781569000000006</c:v>
                      </c:pt>
                      <c:pt idx="1">
                        <c:v>0.95905598299999995</c:v>
                      </c:pt>
                      <c:pt idx="2">
                        <c:v>0.98211704300000002</c:v>
                      </c:pt>
                      <c:pt idx="3">
                        <c:v>0.99139166199999995</c:v>
                      </c:pt>
                    </c:numCache>
                  </c:numRef>
                </c:val>
                <c:extLst>
                  <c:ext xmlns:c16="http://schemas.microsoft.com/office/drawing/2014/chart" uri="{C3380CC4-5D6E-409C-BE32-E72D297353CC}">
                    <c16:uniqueId val="{00000004-4D71-489D-B85F-AE982BBDA433}"/>
                  </c:ext>
                </c:extLst>
              </c15:ser>
            </c15:filteredBarSeries>
          </c:ext>
        </c:extLst>
      </c:barChart>
      <c:catAx>
        <c:axId val="1529579279"/>
        <c:scaling>
          <c:orientation val="minMax"/>
        </c:scaling>
        <c:delete val="0"/>
        <c:axPos val="b"/>
        <c:title>
          <c:tx>
            <c:rich>
              <a:bodyPr rot="0" spcFirstLastPara="1" vertOverflow="ellipsis" vert="horz" wrap="square" anchor="ctr" anchorCtr="1"/>
              <a:lstStyle/>
              <a:p>
                <a:pPr>
                  <a:defRPr sz="1400" b="1" i="0" u="none" strike="noStrike" kern="1200" baseline="0">
                    <a:solidFill>
                      <a:srgbClr val="002060"/>
                    </a:solidFill>
                    <a:latin typeface="+mj-lt"/>
                    <a:ea typeface="+mn-ea"/>
                    <a:cs typeface="Times New Roman" panose="02020603050405020304" pitchFamily="18" charset="0"/>
                  </a:defRPr>
                </a:pPr>
                <a:r>
                  <a:rPr lang="en-US" sz="1400">
                    <a:solidFill>
                      <a:srgbClr val="002060"/>
                    </a:solidFill>
                    <a:latin typeface="+mj-lt"/>
                  </a:rPr>
                  <a:t>Temperature (°C)</a:t>
                </a:r>
              </a:p>
            </c:rich>
          </c:tx>
          <c:layout>
            <c:manualLayout>
              <c:xMode val="edge"/>
              <c:yMode val="edge"/>
              <c:x val="0.39823434941919389"/>
              <c:y val="0.91736759587354544"/>
            </c:manualLayout>
          </c:layout>
          <c:overlay val="0"/>
          <c:spPr>
            <a:noFill/>
            <a:ln>
              <a:noFill/>
            </a:ln>
            <a:effectLst/>
          </c:spPr>
          <c:txPr>
            <a:bodyPr rot="0" spcFirstLastPara="1" vertOverflow="ellipsis" vert="horz" wrap="square" anchor="ctr" anchorCtr="1"/>
            <a:lstStyle/>
            <a:p>
              <a:pPr>
                <a:defRPr sz="1400" b="1" i="0" u="none" strike="noStrike" kern="1200" baseline="0">
                  <a:solidFill>
                    <a:srgbClr val="002060"/>
                  </a:solidFill>
                  <a:latin typeface="+mj-lt"/>
                  <a:ea typeface="+mn-ea"/>
                  <a:cs typeface="Times New Roman" panose="02020603050405020304" pitchFamily="18" charset="0"/>
                </a:defRPr>
              </a:pPr>
              <a:endParaRPr lang="en-NL"/>
            </a:p>
          </c:txPr>
        </c:title>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100" b="1" i="0" u="none" strike="noStrike" kern="1200" baseline="0">
                <a:solidFill>
                  <a:srgbClr val="002060"/>
                </a:solidFill>
                <a:latin typeface="+mn-lt"/>
                <a:ea typeface="+mn-ea"/>
                <a:cs typeface="Times New Roman" panose="02020603050405020304" pitchFamily="18" charset="0"/>
              </a:defRPr>
            </a:pPr>
            <a:endParaRPr lang="en-NL"/>
          </a:p>
        </c:txPr>
        <c:crossAx val="1529562959"/>
        <c:crosses val="autoZero"/>
        <c:auto val="1"/>
        <c:lblAlgn val="ctr"/>
        <c:lblOffset val="100"/>
        <c:noMultiLvlLbl val="0"/>
      </c:catAx>
      <c:valAx>
        <c:axId val="1529562959"/>
        <c:scaling>
          <c:orientation val="minMax"/>
          <c:max val="1"/>
          <c:min val="0"/>
        </c:scaling>
        <c:delete val="0"/>
        <c:axPos val="l"/>
        <c:title>
          <c:tx>
            <c:rich>
              <a:bodyPr rot="-5400000" spcFirstLastPara="1" vertOverflow="ellipsis" vert="horz" wrap="square" anchor="ctr" anchorCtr="1"/>
              <a:lstStyle/>
              <a:p>
                <a:pPr>
                  <a:defRPr sz="1400" b="1" i="0" u="none" strike="noStrike" kern="1200" baseline="0">
                    <a:solidFill>
                      <a:srgbClr val="002060"/>
                    </a:solidFill>
                    <a:latin typeface="Calibri "/>
                    <a:ea typeface="+mn-ea"/>
                    <a:cs typeface="Times New Roman" panose="02020603050405020304" pitchFamily="18" charset="0"/>
                  </a:defRPr>
                </a:pPr>
                <a:r>
                  <a:rPr lang="it-IT" sz="1400">
                    <a:solidFill>
                      <a:srgbClr val="002060"/>
                    </a:solidFill>
                    <a:latin typeface="Calibri "/>
                  </a:rPr>
                  <a:t>Ammonia conversion</a:t>
                </a:r>
              </a:p>
            </c:rich>
          </c:tx>
          <c:layout>
            <c:manualLayout>
              <c:xMode val="edge"/>
              <c:yMode val="edge"/>
              <c:x val="1.2777777777777779E-2"/>
              <c:y val="0.21424000000000001"/>
            </c:manualLayout>
          </c:layout>
          <c:overlay val="0"/>
          <c:spPr>
            <a:noFill/>
            <a:ln>
              <a:noFill/>
            </a:ln>
            <a:effectLst/>
          </c:spPr>
          <c:txPr>
            <a:bodyPr rot="-5400000" spcFirstLastPara="1" vertOverflow="ellipsis" vert="horz" wrap="square" anchor="ctr" anchorCtr="1"/>
            <a:lstStyle/>
            <a:p>
              <a:pPr>
                <a:defRPr sz="1400" b="1" i="0" u="none" strike="noStrike" kern="1200" baseline="0">
                  <a:solidFill>
                    <a:srgbClr val="002060"/>
                  </a:solidFill>
                  <a:latin typeface="Calibri "/>
                  <a:ea typeface="+mn-ea"/>
                  <a:cs typeface="Times New Roman" panose="02020603050405020304" pitchFamily="18" charset="0"/>
                </a:defRPr>
              </a:pPr>
              <a:endParaRPr lang="en-NL"/>
            </a:p>
          </c:txPr>
        </c:title>
        <c:numFmt formatCode="0%" sourceLinked="0"/>
        <c:majorTickMark val="none"/>
        <c:minorTickMark val="none"/>
        <c:tickLblPos val="nextTo"/>
        <c:spPr>
          <a:noFill/>
          <a:ln>
            <a:solidFill>
              <a:schemeClr val="tx1"/>
            </a:solidFill>
          </a:ln>
          <a:effectLst/>
        </c:spPr>
        <c:txPr>
          <a:bodyPr rot="-60000000" spcFirstLastPara="1" vertOverflow="ellipsis" vert="horz" wrap="square" anchor="ctr" anchorCtr="1"/>
          <a:lstStyle/>
          <a:p>
            <a:pPr>
              <a:defRPr sz="1100" b="1" i="0" u="none" strike="noStrike" kern="1200" baseline="0">
                <a:solidFill>
                  <a:srgbClr val="002060"/>
                </a:solidFill>
                <a:latin typeface="+mn-lt"/>
                <a:ea typeface="+mn-ea"/>
                <a:cs typeface="Times New Roman" panose="02020603050405020304" pitchFamily="18" charset="0"/>
              </a:defRPr>
            </a:pPr>
            <a:endParaRPr lang="en-NL"/>
          </a:p>
        </c:txPr>
        <c:crossAx val="1529579279"/>
        <c:crosses val="autoZero"/>
        <c:crossBetween val="between"/>
        <c:majorUnit val="0.2"/>
      </c:valAx>
      <c:spPr>
        <a:noFill/>
        <a:ln>
          <a:solidFill>
            <a:schemeClr val="tx1"/>
          </a:solidFill>
        </a:ln>
        <a:effectLst/>
      </c:spPr>
    </c:plotArea>
    <c:legend>
      <c:legendPos val="r"/>
      <c:layout>
        <c:manualLayout>
          <c:xMode val="edge"/>
          <c:yMode val="edge"/>
          <c:x val="0.13069336033000536"/>
          <c:y val="8.9502619065538983E-2"/>
          <c:w val="0.26925251422780072"/>
          <c:h val="0.31746093434988709"/>
        </c:manualLayout>
      </c:layout>
      <c:overlay val="0"/>
      <c:spPr>
        <a:noFill/>
        <a:ln>
          <a:noFill/>
        </a:ln>
        <a:effectLst/>
      </c:spPr>
      <c:txPr>
        <a:bodyPr rot="0" spcFirstLastPara="1" vertOverflow="ellipsis" vert="horz" wrap="square" anchor="ctr" anchorCtr="1"/>
        <a:lstStyle/>
        <a:p>
          <a:pPr>
            <a:defRPr sz="1100" b="0" i="0" u="none" strike="noStrike" kern="1200" baseline="0">
              <a:solidFill>
                <a:srgbClr val="002060"/>
              </a:solidFill>
              <a:latin typeface="+mn-lt"/>
              <a:ea typeface="+mn-ea"/>
              <a:cs typeface="Times New Roman" panose="02020603050405020304" pitchFamily="18" charset="0"/>
            </a:defRPr>
          </a:pPr>
          <a:endParaRPr lang="en-N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19050" cap="flat" cmpd="sng" algn="ctr">
      <a:noFill/>
      <a:round/>
    </a:ln>
    <a:effectLst/>
  </c:spPr>
  <c:txPr>
    <a:bodyPr/>
    <a:lstStyle/>
    <a:p>
      <a:pPr>
        <a:defRPr sz="1100">
          <a:latin typeface="Times New Roman" panose="02020603050405020304" pitchFamily="18" charset="0"/>
          <a:cs typeface="Times New Roman" panose="02020603050405020304" pitchFamily="18" charset="0"/>
        </a:defRPr>
      </a:pPr>
      <a:endParaRPr lang="en-NL"/>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6431010686059236E-2"/>
          <c:y val="4.2927495623465713E-2"/>
          <c:w val="0.90813542379737366"/>
          <c:h val="0.80272777777777782"/>
        </c:manualLayout>
      </c:layout>
      <c:scatterChart>
        <c:scatterStyle val="lineMarker"/>
        <c:varyColors val="0"/>
        <c:ser>
          <c:idx val="0"/>
          <c:order val="0"/>
          <c:tx>
            <c:strRef>
              <c:f>'003 - XRD'!$D$2</c:f>
              <c:strCache>
                <c:ptCount val="1"/>
                <c:pt idx="0">
                  <c:v>Cs-Ru/CeO2</c:v>
                </c:pt>
              </c:strCache>
            </c:strRef>
          </c:tx>
          <c:spPr>
            <a:ln w="15875" cap="rnd">
              <a:solidFill>
                <a:srgbClr val="C00000"/>
              </a:solidFill>
              <a:prstDash val="solid"/>
              <a:round/>
            </a:ln>
            <a:effectLst/>
          </c:spPr>
          <c:marker>
            <c:symbol val="none"/>
          </c:marker>
          <c:xVal>
            <c:numRef>
              <c:f>'003 - XRD'!$B$5:$B$7405</c:f>
              <c:numCache>
                <c:formatCode>General</c:formatCode>
                <c:ptCount val="7401"/>
                <c:pt idx="0">
                  <c:v>19</c:v>
                </c:pt>
                <c:pt idx="1">
                  <c:v>19.010000000000002</c:v>
                </c:pt>
                <c:pt idx="2">
                  <c:v>19.02</c:v>
                </c:pt>
                <c:pt idx="3">
                  <c:v>19.03</c:v>
                </c:pt>
                <c:pt idx="4">
                  <c:v>19.04</c:v>
                </c:pt>
                <c:pt idx="5">
                  <c:v>19.05</c:v>
                </c:pt>
                <c:pt idx="6">
                  <c:v>19.059999999999999</c:v>
                </c:pt>
                <c:pt idx="7">
                  <c:v>19.07</c:v>
                </c:pt>
                <c:pt idx="8">
                  <c:v>19.079999999999998</c:v>
                </c:pt>
                <c:pt idx="9">
                  <c:v>19.09</c:v>
                </c:pt>
                <c:pt idx="10">
                  <c:v>19.100000000000001</c:v>
                </c:pt>
                <c:pt idx="11">
                  <c:v>19.11</c:v>
                </c:pt>
                <c:pt idx="12">
                  <c:v>19.12</c:v>
                </c:pt>
                <c:pt idx="13">
                  <c:v>19.13</c:v>
                </c:pt>
                <c:pt idx="14">
                  <c:v>19.14</c:v>
                </c:pt>
                <c:pt idx="15">
                  <c:v>19.149999999999999</c:v>
                </c:pt>
                <c:pt idx="16">
                  <c:v>19.16</c:v>
                </c:pt>
                <c:pt idx="17">
                  <c:v>19.170000000000002</c:v>
                </c:pt>
                <c:pt idx="18">
                  <c:v>19.18</c:v>
                </c:pt>
                <c:pt idx="19">
                  <c:v>19.190000000000001</c:v>
                </c:pt>
                <c:pt idx="20">
                  <c:v>19.2</c:v>
                </c:pt>
                <c:pt idx="21">
                  <c:v>19.21</c:v>
                </c:pt>
                <c:pt idx="22">
                  <c:v>19.22</c:v>
                </c:pt>
                <c:pt idx="23">
                  <c:v>19.23</c:v>
                </c:pt>
                <c:pt idx="24">
                  <c:v>19.239999999999998</c:v>
                </c:pt>
                <c:pt idx="25">
                  <c:v>19.25</c:v>
                </c:pt>
                <c:pt idx="26">
                  <c:v>19.260000000000002</c:v>
                </c:pt>
                <c:pt idx="27">
                  <c:v>19.27</c:v>
                </c:pt>
                <c:pt idx="28">
                  <c:v>19.28</c:v>
                </c:pt>
                <c:pt idx="29">
                  <c:v>19.29</c:v>
                </c:pt>
                <c:pt idx="30">
                  <c:v>19.3</c:v>
                </c:pt>
                <c:pt idx="31">
                  <c:v>19.309999999999999</c:v>
                </c:pt>
                <c:pt idx="32">
                  <c:v>19.3200000000001</c:v>
                </c:pt>
                <c:pt idx="33">
                  <c:v>19.330000000000101</c:v>
                </c:pt>
                <c:pt idx="34">
                  <c:v>19.340000000000099</c:v>
                </c:pt>
                <c:pt idx="35">
                  <c:v>19.350000000000101</c:v>
                </c:pt>
                <c:pt idx="36">
                  <c:v>19.360000000000099</c:v>
                </c:pt>
                <c:pt idx="37">
                  <c:v>19.3700000000001</c:v>
                </c:pt>
                <c:pt idx="38">
                  <c:v>19.380000000000098</c:v>
                </c:pt>
                <c:pt idx="39">
                  <c:v>19.3900000000001</c:v>
                </c:pt>
                <c:pt idx="40">
                  <c:v>19.400000000000102</c:v>
                </c:pt>
                <c:pt idx="41">
                  <c:v>19.4100000000001</c:v>
                </c:pt>
                <c:pt idx="42">
                  <c:v>19.420000000000101</c:v>
                </c:pt>
                <c:pt idx="43">
                  <c:v>19.430000000000099</c:v>
                </c:pt>
                <c:pt idx="44">
                  <c:v>19.440000000000101</c:v>
                </c:pt>
                <c:pt idx="45">
                  <c:v>19.450000000000099</c:v>
                </c:pt>
                <c:pt idx="46">
                  <c:v>19.4600000000001</c:v>
                </c:pt>
                <c:pt idx="47">
                  <c:v>19.470000000000098</c:v>
                </c:pt>
                <c:pt idx="48">
                  <c:v>19.4800000000001</c:v>
                </c:pt>
                <c:pt idx="49">
                  <c:v>19.490000000000101</c:v>
                </c:pt>
                <c:pt idx="50">
                  <c:v>19.500000000000099</c:v>
                </c:pt>
                <c:pt idx="51">
                  <c:v>19.510000000000101</c:v>
                </c:pt>
                <c:pt idx="52">
                  <c:v>19.520000000000099</c:v>
                </c:pt>
                <c:pt idx="53">
                  <c:v>19.530000000000101</c:v>
                </c:pt>
                <c:pt idx="54">
                  <c:v>19.540000000000099</c:v>
                </c:pt>
                <c:pt idx="55">
                  <c:v>19.5500000000001</c:v>
                </c:pt>
                <c:pt idx="56">
                  <c:v>19.560000000000102</c:v>
                </c:pt>
                <c:pt idx="57">
                  <c:v>19.5700000000001</c:v>
                </c:pt>
                <c:pt idx="58">
                  <c:v>19.580000000000101</c:v>
                </c:pt>
                <c:pt idx="59">
                  <c:v>19.590000000000099</c:v>
                </c:pt>
                <c:pt idx="60">
                  <c:v>19.600000000000101</c:v>
                </c:pt>
                <c:pt idx="61">
                  <c:v>19.610000000000099</c:v>
                </c:pt>
                <c:pt idx="62">
                  <c:v>19.6200000000001</c:v>
                </c:pt>
                <c:pt idx="63">
                  <c:v>19.630000000000098</c:v>
                </c:pt>
                <c:pt idx="64">
                  <c:v>19.6400000000001</c:v>
                </c:pt>
                <c:pt idx="65">
                  <c:v>19.650000000000102</c:v>
                </c:pt>
                <c:pt idx="66">
                  <c:v>19.6600000000001</c:v>
                </c:pt>
                <c:pt idx="67">
                  <c:v>19.670000000000101</c:v>
                </c:pt>
                <c:pt idx="68">
                  <c:v>19.680000000000099</c:v>
                </c:pt>
                <c:pt idx="69">
                  <c:v>19.690000000000101</c:v>
                </c:pt>
                <c:pt idx="70">
                  <c:v>19.700000000000099</c:v>
                </c:pt>
                <c:pt idx="71">
                  <c:v>19.7100000000001</c:v>
                </c:pt>
                <c:pt idx="72">
                  <c:v>19.720000000000098</c:v>
                </c:pt>
                <c:pt idx="73">
                  <c:v>19.7300000000001</c:v>
                </c:pt>
                <c:pt idx="74">
                  <c:v>19.740000000000101</c:v>
                </c:pt>
                <c:pt idx="75">
                  <c:v>19.750000000000099</c:v>
                </c:pt>
                <c:pt idx="76">
                  <c:v>19.760000000000101</c:v>
                </c:pt>
                <c:pt idx="77">
                  <c:v>19.770000000000099</c:v>
                </c:pt>
                <c:pt idx="78">
                  <c:v>19.780000000000101</c:v>
                </c:pt>
                <c:pt idx="79">
                  <c:v>19.790000000000099</c:v>
                </c:pt>
                <c:pt idx="80">
                  <c:v>19.8000000000001</c:v>
                </c:pt>
                <c:pt idx="81">
                  <c:v>19.810000000000102</c:v>
                </c:pt>
                <c:pt idx="82">
                  <c:v>19.8200000000001</c:v>
                </c:pt>
                <c:pt idx="83">
                  <c:v>19.830000000000101</c:v>
                </c:pt>
                <c:pt idx="84">
                  <c:v>19.840000000000099</c:v>
                </c:pt>
                <c:pt idx="85">
                  <c:v>19.850000000000101</c:v>
                </c:pt>
                <c:pt idx="86">
                  <c:v>19.860000000000099</c:v>
                </c:pt>
                <c:pt idx="87">
                  <c:v>19.8700000000001</c:v>
                </c:pt>
                <c:pt idx="88">
                  <c:v>19.880000000000098</c:v>
                </c:pt>
                <c:pt idx="89">
                  <c:v>19.8900000000001</c:v>
                </c:pt>
                <c:pt idx="90">
                  <c:v>19.900000000000102</c:v>
                </c:pt>
                <c:pt idx="91">
                  <c:v>19.9100000000001</c:v>
                </c:pt>
                <c:pt idx="92">
                  <c:v>19.920000000000101</c:v>
                </c:pt>
                <c:pt idx="93">
                  <c:v>19.930000000000099</c:v>
                </c:pt>
                <c:pt idx="94">
                  <c:v>19.940000000000101</c:v>
                </c:pt>
                <c:pt idx="95">
                  <c:v>19.950000000000099</c:v>
                </c:pt>
                <c:pt idx="96">
                  <c:v>19.9600000000002</c:v>
                </c:pt>
                <c:pt idx="97">
                  <c:v>19.970000000000201</c:v>
                </c:pt>
                <c:pt idx="98">
                  <c:v>19.980000000000199</c:v>
                </c:pt>
                <c:pt idx="99">
                  <c:v>19.990000000000201</c:v>
                </c:pt>
                <c:pt idx="100">
                  <c:v>20.000000000000199</c:v>
                </c:pt>
                <c:pt idx="101">
                  <c:v>20.010000000000201</c:v>
                </c:pt>
                <c:pt idx="102">
                  <c:v>20.020000000000199</c:v>
                </c:pt>
                <c:pt idx="103">
                  <c:v>20.0300000000002</c:v>
                </c:pt>
                <c:pt idx="104">
                  <c:v>20.040000000000202</c:v>
                </c:pt>
                <c:pt idx="105">
                  <c:v>20.0500000000002</c:v>
                </c:pt>
                <c:pt idx="106">
                  <c:v>20.060000000000201</c:v>
                </c:pt>
                <c:pt idx="107">
                  <c:v>20.070000000000199</c:v>
                </c:pt>
                <c:pt idx="108">
                  <c:v>20.080000000000201</c:v>
                </c:pt>
                <c:pt idx="109">
                  <c:v>20.090000000000199</c:v>
                </c:pt>
                <c:pt idx="110">
                  <c:v>20.1000000000002</c:v>
                </c:pt>
                <c:pt idx="111">
                  <c:v>20.110000000000198</c:v>
                </c:pt>
                <c:pt idx="112">
                  <c:v>20.1200000000002</c:v>
                </c:pt>
                <c:pt idx="113">
                  <c:v>20.130000000000202</c:v>
                </c:pt>
                <c:pt idx="114">
                  <c:v>20.1400000000002</c:v>
                </c:pt>
                <c:pt idx="115">
                  <c:v>20.150000000000201</c:v>
                </c:pt>
                <c:pt idx="116">
                  <c:v>20.160000000000199</c:v>
                </c:pt>
                <c:pt idx="117">
                  <c:v>20.170000000000201</c:v>
                </c:pt>
                <c:pt idx="118">
                  <c:v>20.180000000000199</c:v>
                </c:pt>
                <c:pt idx="119">
                  <c:v>20.1900000000002</c:v>
                </c:pt>
                <c:pt idx="120">
                  <c:v>20.200000000000198</c:v>
                </c:pt>
                <c:pt idx="121">
                  <c:v>20.2100000000002</c:v>
                </c:pt>
                <c:pt idx="122">
                  <c:v>20.220000000000201</c:v>
                </c:pt>
                <c:pt idx="123">
                  <c:v>20.230000000000199</c:v>
                </c:pt>
                <c:pt idx="124">
                  <c:v>20.240000000000201</c:v>
                </c:pt>
                <c:pt idx="125">
                  <c:v>20.250000000000199</c:v>
                </c:pt>
                <c:pt idx="126">
                  <c:v>20.260000000000201</c:v>
                </c:pt>
                <c:pt idx="127">
                  <c:v>20.270000000000199</c:v>
                </c:pt>
                <c:pt idx="128">
                  <c:v>20.2800000000002</c:v>
                </c:pt>
                <c:pt idx="129">
                  <c:v>20.290000000000202</c:v>
                </c:pt>
                <c:pt idx="130">
                  <c:v>20.3000000000002</c:v>
                </c:pt>
                <c:pt idx="131">
                  <c:v>20.310000000000201</c:v>
                </c:pt>
                <c:pt idx="132">
                  <c:v>20.320000000000199</c:v>
                </c:pt>
                <c:pt idx="133">
                  <c:v>20.330000000000201</c:v>
                </c:pt>
                <c:pt idx="134">
                  <c:v>20.340000000000199</c:v>
                </c:pt>
                <c:pt idx="135">
                  <c:v>20.3500000000002</c:v>
                </c:pt>
                <c:pt idx="136">
                  <c:v>20.360000000000198</c:v>
                </c:pt>
                <c:pt idx="137">
                  <c:v>20.3700000000002</c:v>
                </c:pt>
                <c:pt idx="138">
                  <c:v>20.380000000000202</c:v>
                </c:pt>
                <c:pt idx="139">
                  <c:v>20.3900000000002</c:v>
                </c:pt>
                <c:pt idx="140">
                  <c:v>20.400000000000201</c:v>
                </c:pt>
                <c:pt idx="141">
                  <c:v>20.410000000000199</c:v>
                </c:pt>
                <c:pt idx="142">
                  <c:v>20.420000000000201</c:v>
                </c:pt>
                <c:pt idx="143">
                  <c:v>20.430000000000199</c:v>
                </c:pt>
                <c:pt idx="144">
                  <c:v>20.4400000000002</c:v>
                </c:pt>
                <c:pt idx="145">
                  <c:v>20.450000000000198</c:v>
                </c:pt>
                <c:pt idx="146">
                  <c:v>20.4600000000002</c:v>
                </c:pt>
                <c:pt idx="147">
                  <c:v>20.470000000000201</c:v>
                </c:pt>
                <c:pt idx="148">
                  <c:v>20.480000000000199</c:v>
                </c:pt>
                <c:pt idx="149">
                  <c:v>20.490000000000201</c:v>
                </c:pt>
                <c:pt idx="150">
                  <c:v>20.500000000000199</c:v>
                </c:pt>
                <c:pt idx="151">
                  <c:v>20.510000000000201</c:v>
                </c:pt>
                <c:pt idx="152">
                  <c:v>20.520000000000199</c:v>
                </c:pt>
                <c:pt idx="153">
                  <c:v>20.5300000000002</c:v>
                </c:pt>
                <c:pt idx="154">
                  <c:v>20.540000000000202</c:v>
                </c:pt>
                <c:pt idx="155">
                  <c:v>20.5500000000002</c:v>
                </c:pt>
                <c:pt idx="156">
                  <c:v>20.560000000000201</c:v>
                </c:pt>
                <c:pt idx="157">
                  <c:v>20.570000000000199</c:v>
                </c:pt>
                <c:pt idx="158">
                  <c:v>20.5800000000003</c:v>
                </c:pt>
                <c:pt idx="159">
                  <c:v>20.590000000000199</c:v>
                </c:pt>
                <c:pt idx="160">
                  <c:v>20.6000000000003</c:v>
                </c:pt>
                <c:pt idx="161">
                  <c:v>20.610000000000198</c:v>
                </c:pt>
                <c:pt idx="162">
                  <c:v>20.6200000000002</c:v>
                </c:pt>
                <c:pt idx="163">
                  <c:v>20.630000000000301</c:v>
                </c:pt>
                <c:pt idx="164">
                  <c:v>20.640000000000299</c:v>
                </c:pt>
                <c:pt idx="165">
                  <c:v>20.650000000000301</c:v>
                </c:pt>
                <c:pt idx="166">
                  <c:v>20.660000000000299</c:v>
                </c:pt>
                <c:pt idx="167">
                  <c:v>20.6700000000003</c:v>
                </c:pt>
                <c:pt idx="168">
                  <c:v>20.680000000000302</c:v>
                </c:pt>
                <c:pt idx="169">
                  <c:v>20.6900000000003</c:v>
                </c:pt>
                <c:pt idx="170">
                  <c:v>20.700000000000301</c:v>
                </c:pt>
                <c:pt idx="171">
                  <c:v>20.710000000000299</c:v>
                </c:pt>
                <c:pt idx="172">
                  <c:v>20.720000000000301</c:v>
                </c:pt>
                <c:pt idx="173">
                  <c:v>20.730000000000299</c:v>
                </c:pt>
                <c:pt idx="174">
                  <c:v>20.7400000000003</c:v>
                </c:pt>
                <c:pt idx="175">
                  <c:v>20.750000000000298</c:v>
                </c:pt>
                <c:pt idx="176">
                  <c:v>20.7600000000003</c:v>
                </c:pt>
                <c:pt idx="177">
                  <c:v>20.770000000000302</c:v>
                </c:pt>
                <c:pt idx="178">
                  <c:v>20.7800000000003</c:v>
                </c:pt>
                <c:pt idx="179">
                  <c:v>20.790000000000301</c:v>
                </c:pt>
                <c:pt idx="180">
                  <c:v>20.800000000000299</c:v>
                </c:pt>
                <c:pt idx="181">
                  <c:v>20.810000000000301</c:v>
                </c:pt>
                <c:pt idx="182">
                  <c:v>20.820000000000299</c:v>
                </c:pt>
                <c:pt idx="183">
                  <c:v>20.8300000000003</c:v>
                </c:pt>
                <c:pt idx="184">
                  <c:v>20.840000000000298</c:v>
                </c:pt>
                <c:pt idx="185">
                  <c:v>20.8500000000003</c:v>
                </c:pt>
                <c:pt idx="186">
                  <c:v>20.860000000000301</c:v>
                </c:pt>
                <c:pt idx="187">
                  <c:v>20.870000000000299</c:v>
                </c:pt>
                <c:pt idx="188">
                  <c:v>20.880000000000301</c:v>
                </c:pt>
                <c:pt idx="189">
                  <c:v>20.890000000000299</c:v>
                </c:pt>
                <c:pt idx="190">
                  <c:v>20.900000000000301</c:v>
                </c:pt>
                <c:pt idx="191">
                  <c:v>20.910000000000299</c:v>
                </c:pt>
                <c:pt idx="192">
                  <c:v>20.9200000000003</c:v>
                </c:pt>
                <c:pt idx="193">
                  <c:v>20.930000000000302</c:v>
                </c:pt>
                <c:pt idx="194">
                  <c:v>20.9400000000003</c:v>
                </c:pt>
                <c:pt idx="195">
                  <c:v>20.950000000000301</c:v>
                </c:pt>
                <c:pt idx="196">
                  <c:v>20.960000000000299</c:v>
                </c:pt>
                <c:pt idx="197">
                  <c:v>20.970000000000301</c:v>
                </c:pt>
                <c:pt idx="198">
                  <c:v>20.980000000000299</c:v>
                </c:pt>
                <c:pt idx="199">
                  <c:v>20.9900000000003</c:v>
                </c:pt>
                <c:pt idx="200">
                  <c:v>21.000000000000298</c:v>
                </c:pt>
                <c:pt idx="201">
                  <c:v>21.0100000000003</c:v>
                </c:pt>
                <c:pt idx="202">
                  <c:v>21.020000000000302</c:v>
                </c:pt>
                <c:pt idx="203">
                  <c:v>21.0300000000003</c:v>
                </c:pt>
                <c:pt idx="204">
                  <c:v>21.040000000000301</c:v>
                </c:pt>
                <c:pt idx="205">
                  <c:v>21.050000000000299</c:v>
                </c:pt>
                <c:pt idx="206">
                  <c:v>21.060000000000301</c:v>
                </c:pt>
                <c:pt idx="207">
                  <c:v>21.070000000000299</c:v>
                </c:pt>
                <c:pt idx="208">
                  <c:v>21.0800000000003</c:v>
                </c:pt>
                <c:pt idx="209">
                  <c:v>21.090000000000298</c:v>
                </c:pt>
                <c:pt idx="210">
                  <c:v>21.1000000000003</c:v>
                </c:pt>
                <c:pt idx="211">
                  <c:v>21.110000000000301</c:v>
                </c:pt>
                <c:pt idx="212">
                  <c:v>21.120000000000299</c:v>
                </c:pt>
                <c:pt idx="213">
                  <c:v>21.130000000000301</c:v>
                </c:pt>
                <c:pt idx="214">
                  <c:v>21.140000000000299</c:v>
                </c:pt>
                <c:pt idx="215">
                  <c:v>21.150000000000301</c:v>
                </c:pt>
                <c:pt idx="216">
                  <c:v>21.160000000000299</c:v>
                </c:pt>
                <c:pt idx="217">
                  <c:v>21.1700000000003</c:v>
                </c:pt>
                <c:pt idx="218">
                  <c:v>21.180000000000302</c:v>
                </c:pt>
                <c:pt idx="219">
                  <c:v>21.1900000000003</c:v>
                </c:pt>
                <c:pt idx="220">
                  <c:v>21.200000000000301</c:v>
                </c:pt>
                <c:pt idx="221">
                  <c:v>21.210000000000299</c:v>
                </c:pt>
                <c:pt idx="222">
                  <c:v>21.2200000000004</c:v>
                </c:pt>
                <c:pt idx="223">
                  <c:v>21.230000000000299</c:v>
                </c:pt>
                <c:pt idx="224">
                  <c:v>21.2400000000004</c:v>
                </c:pt>
                <c:pt idx="225">
                  <c:v>21.250000000000298</c:v>
                </c:pt>
                <c:pt idx="226">
                  <c:v>21.2600000000003</c:v>
                </c:pt>
                <c:pt idx="227">
                  <c:v>21.270000000000401</c:v>
                </c:pt>
                <c:pt idx="228">
                  <c:v>21.280000000000399</c:v>
                </c:pt>
                <c:pt idx="229">
                  <c:v>21.290000000000401</c:v>
                </c:pt>
                <c:pt idx="230">
                  <c:v>21.300000000000399</c:v>
                </c:pt>
                <c:pt idx="231">
                  <c:v>21.3100000000004</c:v>
                </c:pt>
                <c:pt idx="232">
                  <c:v>21.320000000000402</c:v>
                </c:pt>
                <c:pt idx="233">
                  <c:v>21.3300000000004</c:v>
                </c:pt>
                <c:pt idx="234">
                  <c:v>21.340000000000401</c:v>
                </c:pt>
                <c:pt idx="235">
                  <c:v>21.350000000000399</c:v>
                </c:pt>
                <c:pt idx="236">
                  <c:v>21.360000000000401</c:v>
                </c:pt>
                <c:pt idx="237">
                  <c:v>21.370000000000399</c:v>
                </c:pt>
                <c:pt idx="238">
                  <c:v>21.3800000000004</c:v>
                </c:pt>
                <c:pt idx="239">
                  <c:v>21.390000000000398</c:v>
                </c:pt>
                <c:pt idx="240">
                  <c:v>21.4000000000004</c:v>
                </c:pt>
                <c:pt idx="241">
                  <c:v>21.410000000000402</c:v>
                </c:pt>
                <c:pt idx="242">
                  <c:v>21.4200000000004</c:v>
                </c:pt>
                <c:pt idx="243">
                  <c:v>21.430000000000401</c:v>
                </c:pt>
                <c:pt idx="244">
                  <c:v>21.440000000000399</c:v>
                </c:pt>
                <c:pt idx="245">
                  <c:v>21.450000000000401</c:v>
                </c:pt>
                <c:pt idx="246">
                  <c:v>21.460000000000399</c:v>
                </c:pt>
                <c:pt idx="247">
                  <c:v>21.4700000000004</c:v>
                </c:pt>
                <c:pt idx="248">
                  <c:v>21.480000000000398</c:v>
                </c:pt>
                <c:pt idx="249">
                  <c:v>21.4900000000004</c:v>
                </c:pt>
                <c:pt idx="250">
                  <c:v>21.500000000000401</c:v>
                </c:pt>
                <c:pt idx="251">
                  <c:v>21.510000000000399</c:v>
                </c:pt>
                <c:pt idx="252">
                  <c:v>21.520000000000401</c:v>
                </c:pt>
                <c:pt idx="253">
                  <c:v>21.530000000000399</c:v>
                </c:pt>
                <c:pt idx="254">
                  <c:v>21.540000000000401</c:v>
                </c:pt>
                <c:pt idx="255">
                  <c:v>21.550000000000399</c:v>
                </c:pt>
                <c:pt idx="256">
                  <c:v>21.5600000000004</c:v>
                </c:pt>
                <c:pt idx="257">
                  <c:v>21.570000000000402</c:v>
                </c:pt>
                <c:pt idx="258">
                  <c:v>21.5800000000004</c:v>
                </c:pt>
                <c:pt idx="259">
                  <c:v>21.590000000000401</c:v>
                </c:pt>
                <c:pt idx="260">
                  <c:v>21.600000000000399</c:v>
                </c:pt>
                <c:pt idx="261">
                  <c:v>21.610000000000401</c:v>
                </c:pt>
                <c:pt idx="262">
                  <c:v>21.620000000000399</c:v>
                </c:pt>
                <c:pt idx="263">
                  <c:v>21.6300000000004</c:v>
                </c:pt>
                <c:pt idx="264">
                  <c:v>21.640000000000398</c:v>
                </c:pt>
                <c:pt idx="265">
                  <c:v>21.6500000000004</c:v>
                </c:pt>
                <c:pt idx="266">
                  <c:v>21.660000000000402</c:v>
                </c:pt>
                <c:pt idx="267">
                  <c:v>21.6700000000004</c:v>
                </c:pt>
                <c:pt idx="268">
                  <c:v>21.680000000000401</c:v>
                </c:pt>
                <c:pt idx="269">
                  <c:v>21.690000000000399</c:v>
                </c:pt>
                <c:pt idx="270">
                  <c:v>21.700000000000401</c:v>
                </c:pt>
                <c:pt idx="271">
                  <c:v>21.710000000000399</c:v>
                </c:pt>
                <c:pt idx="272">
                  <c:v>21.7200000000004</c:v>
                </c:pt>
                <c:pt idx="273">
                  <c:v>21.730000000000398</c:v>
                </c:pt>
                <c:pt idx="274">
                  <c:v>21.7400000000004</c:v>
                </c:pt>
                <c:pt idx="275">
                  <c:v>21.750000000000401</c:v>
                </c:pt>
                <c:pt idx="276">
                  <c:v>21.760000000000399</c:v>
                </c:pt>
                <c:pt idx="277">
                  <c:v>21.770000000000401</c:v>
                </c:pt>
                <c:pt idx="278">
                  <c:v>21.780000000000399</c:v>
                </c:pt>
                <c:pt idx="279">
                  <c:v>21.790000000000401</c:v>
                </c:pt>
                <c:pt idx="280">
                  <c:v>21.800000000000399</c:v>
                </c:pt>
                <c:pt idx="281">
                  <c:v>21.8100000000004</c:v>
                </c:pt>
                <c:pt idx="282">
                  <c:v>21.820000000000402</c:v>
                </c:pt>
                <c:pt idx="283">
                  <c:v>21.8300000000004</c:v>
                </c:pt>
                <c:pt idx="284">
                  <c:v>21.840000000000401</c:v>
                </c:pt>
                <c:pt idx="285">
                  <c:v>21.850000000000399</c:v>
                </c:pt>
                <c:pt idx="286">
                  <c:v>21.8600000000005</c:v>
                </c:pt>
                <c:pt idx="287">
                  <c:v>21.870000000000399</c:v>
                </c:pt>
                <c:pt idx="288">
                  <c:v>21.8800000000005</c:v>
                </c:pt>
                <c:pt idx="289">
                  <c:v>21.890000000000398</c:v>
                </c:pt>
                <c:pt idx="290">
                  <c:v>21.9000000000004</c:v>
                </c:pt>
                <c:pt idx="291">
                  <c:v>21.910000000000501</c:v>
                </c:pt>
                <c:pt idx="292">
                  <c:v>21.920000000000499</c:v>
                </c:pt>
                <c:pt idx="293">
                  <c:v>21.930000000000501</c:v>
                </c:pt>
                <c:pt idx="294">
                  <c:v>21.940000000000499</c:v>
                </c:pt>
                <c:pt idx="295">
                  <c:v>21.9500000000005</c:v>
                </c:pt>
                <c:pt idx="296">
                  <c:v>21.960000000000498</c:v>
                </c:pt>
                <c:pt idx="297">
                  <c:v>21.9700000000005</c:v>
                </c:pt>
                <c:pt idx="298">
                  <c:v>21.980000000000501</c:v>
                </c:pt>
                <c:pt idx="299">
                  <c:v>21.990000000000499</c:v>
                </c:pt>
                <c:pt idx="300">
                  <c:v>22.000000000000501</c:v>
                </c:pt>
                <c:pt idx="301">
                  <c:v>22.010000000000499</c:v>
                </c:pt>
                <c:pt idx="302">
                  <c:v>22.020000000000501</c:v>
                </c:pt>
                <c:pt idx="303">
                  <c:v>22.030000000000499</c:v>
                </c:pt>
                <c:pt idx="304">
                  <c:v>22.0400000000005</c:v>
                </c:pt>
                <c:pt idx="305">
                  <c:v>22.050000000000502</c:v>
                </c:pt>
                <c:pt idx="306">
                  <c:v>22.0600000000005</c:v>
                </c:pt>
                <c:pt idx="307">
                  <c:v>22.070000000000501</c:v>
                </c:pt>
                <c:pt idx="308">
                  <c:v>22.080000000000499</c:v>
                </c:pt>
                <c:pt idx="309">
                  <c:v>22.090000000000501</c:v>
                </c:pt>
                <c:pt idx="310">
                  <c:v>22.100000000000499</c:v>
                </c:pt>
                <c:pt idx="311">
                  <c:v>22.1100000000005</c:v>
                </c:pt>
                <c:pt idx="312">
                  <c:v>22.120000000000498</c:v>
                </c:pt>
                <c:pt idx="313">
                  <c:v>22.1300000000005</c:v>
                </c:pt>
                <c:pt idx="314">
                  <c:v>22.140000000000502</c:v>
                </c:pt>
                <c:pt idx="315">
                  <c:v>22.1500000000005</c:v>
                </c:pt>
                <c:pt idx="316">
                  <c:v>22.160000000000501</c:v>
                </c:pt>
                <c:pt idx="317">
                  <c:v>22.170000000000499</c:v>
                </c:pt>
                <c:pt idx="318">
                  <c:v>22.180000000000501</c:v>
                </c:pt>
                <c:pt idx="319">
                  <c:v>22.190000000000499</c:v>
                </c:pt>
                <c:pt idx="320">
                  <c:v>22.2000000000005</c:v>
                </c:pt>
                <c:pt idx="321">
                  <c:v>22.210000000000498</c:v>
                </c:pt>
                <c:pt idx="322">
                  <c:v>22.2200000000005</c:v>
                </c:pt>
                <c:pt idx="323">
                  <c:v>22.230000000000501</c:v>
                </c:pt>
                <c:pt idx="324">
                  <c:v>22.240000000000499</c:v>
                </c:pt>
                <c:pt idx="325">
                  <c:v>22.250000000000501</c:v>
                </c:pt>
                <c:pt idx="326">
                  <c:v>22.260000000000499</c:v>
                </c:pt>
                <c:pt idx="327">
                  <c:v>22.270000000000501</c:v>
                </c:pt>
                <c:pt idx="328">
                  <c:v>22.280000000000499</c:v>
                </c:pt>
                <c:pt idx="329">
                  <c:v>22.2900000000005</c:v>
                </c:pt>
                <c:pt idx="330">
                  <c:v>22.300000000000502</c:v>
                </c:pt>
                <c:pt idx="331">
                  <c:v>22.3100000000005</c:v>
                </c:pt>
                <c:pt idx="332">
                  <c:v>22.320000000000501</c:v>
                </c:pt>
                <c:pt idx="333">
                  <c:v>22.330000000000499</c:v>
                </c:pt>
                <c:pt idx="334">
                  <c:v>22.340000000000501</c:v>
                </c:pt>
                <c:pt idx="335">
                  <c:v>22.350000000000499</c:v>
                </c:pt>
                <c:pt idx="336">
                  <c:v>22.3600000000005</c:v>
                </c:pt>
                <c:pt idx="337">
                  <c:v>22.370000000000498</c:v>
                </c:pt>
                <c:pt idx="338">
                  <c:v>22.3800000000005</c:v>
                </c:pt>
                <c:pt idx="339">
                  <c:v>22.390000000000502</c:v>
                </c:pt>
                <c:pt idx="340">
                  <c:v>22.4000000000005</c:v>
                </c:pt>
                <c:pt idx="341">
                  <c:v>22.410000000000501</c:v>
                </c:pt>
                <c:pt idx="342">
                  <c:v>22.420000000000499</c:v>
                </c:pt>
                <c:pt idx="343">
                  <c:v>22.430000000000501</c:v>
                </c:pt>
                <c:pt idx="344">
                  <c:v>22.440000000000499</c:v>
                </c:pt>
                <c:pt idx="345">
                  <c:v>22.4500000000005</c:v>
                </c:pt>
                <c:pt idx="346">
                  <c:v>22.460000000000498</c:v>
                </c:pt>
                <c:pt idx="347">
                  <c:v>22.4700000000005</c:v>
                </c:pt>
                <c:pt idx="348">
                  <c:v>22.480000000000501</c:v>
                </c:pt>
                <c:pt idx="349">
                  <c:v>22.490000000000499</c:v>
                </c:pt>
                <c:pt idx="350">
                  <c:v>22.5000000000006</c:v>
                </c:pt>
                <c:pt idx="351">
                  <c:v>22.510000000000499</c:v>
                </c:pt>
                <c:pt idx="352">
                  <c:v>22.5200000000006</c:v>
                </c:pt>
                <c:pt idx="353">
                  <c:v>22.530000000000499</c:v>
                </c:pt>
                <c:pt idx="354">
                  <c:v>22.5400000000005</c:v>
                </c:pt>
                <c:pt idx="355">
                  <c:v>22.550000000000601</c:v>
                </c:pt>
                <c:pt idx="356">
                  <c:v>22.560000000000599</c:v>
                </c:pt>
                <c:pt idx="357">
                  <c:v>22.570000000000601</c:v>
                </c:pt>
                <c:pt idx="358">
                  <c:v>22.580000000000599</c:v>
                </c:pt>
                <c:pt idx="359">
                  <c:v>22.5900000000006</c:v>
                </c:pt>
                <c:pt idx="360">
                  <c:v>22.600000000000598</c:v>
                </c:pt>
                <c:pt idx="361">
                  <c:v>22.6100000000006</c:v>
                </c:pt>
                <c:pt idx="362">
                  <c:v>22.620000000000601</c:v>
                </c:pt>
                <c:pt idx="363">
                  <c:v>22.630000000000599</c:v>
                </c:pt>
                <c:pt idx="364">
                  <c:v>22.640000000000601</c:v>
                </c:pt>
                <c:pt idx="365">
                  <c:v>22.650000000000599</c:v>
                </c:pt>
                <c:pt idx="366">
                  <c:v>22.660000000000601</c:v>
                </c:pt>
                <c:pt idx="367">
                  <c:v>22.670000000000599</c:v>
                </c:pt>
                <c:pt idx="368">
                  <c:v>22.6800000000006</c:v>
                </c:pt>
                <c:pt idx="369">
                  <c:v>22.690000000000602</c:v>
                </c:pt>
                <c:pt idx="370">
                  <c:v>22.7000000000006</c:v>
                </c:pt>
                <c:pt idx="371">
                  <c:v>22.710000000000601</c:v>
                </c:pt>
                <c:pt idx="372">
                  <c:v>22.720000000000599</c:v>
                </c:pt>
                <c:pt idx="373">
                  <c:v>22.730000000000601</c:v>
                </c:pt>
                <c:pt idx="374">
                  <c:v>22.740000000000599</c:v>
                </c:pt>
                <c:pt idx="375">
                  <c:v>22.7500000000006</c:v>
                </c:pt>
                <c:pt idx="376">
                  <c:v>22.760000000000598</c:v>
                </c:pt>
                <c:pt idx="377">
                  <c:v>22.7700000000006</c:v>
                </c:pt>
                <c:pt idx="378">
                  <c:v>22.780000000000602</c:v>
                </c:pt>
                <c:pt idx="379">
                  <c:v>22.7900000000006</c:v>
                </c:pt>
                <c:pt idx="380">
                  <c:v>22.800000000000601</c:v>
                </c:pt>
                <c:pt idx="381">
                  <c:v>22.810000000000599</c:v>
                </c:pt>
                <c:pt idx="382">
                  <c:v>22.820000000000601</c:v>
                </c:pt>
                <c:pt idx="383">
                  <c:v>22.830000000000599</c:v>
                </c:pt>
                <c:pt idx="384">
                  <c:v>22.8400000000006</c:v>
                </c:pt>
                <c:pt idx="385">
                  <c:v>22.850000000000598</c:v>
                </c:pt>
                <c:pt idx="386">
                  <c:v>22.8600000000006</c:v>
                </c:pt>
                <c:pt idx="387">
                  <c:v>22.870000000000601</c:v>
                </c:pt>
                <c:pt idx="388">
                  <c:v>22.880000000000599</c:v>
                </c:pt>
                <c:pt idx="389">
                  <c:v>22.890000000000601</c:v>
                </c:pt>
                <c:pt idx="390">
                  <c:v>22.900000000000599</c:v>
                </c:pt>
                <c:pt idx="391">
                  <c:v>22.910000000000601</c:v>
                </c:pt>
                <c:pt idx="392">
                  <c:v>22.920000000000599</c:v>
                </c:pt>
                <c:pt idx="393">
                  <c:v>22.9300000000006</c:v>
                </c:pt>
                <c:pt idx="394">
                  <c:v>22.940000000000602</c:v>
                </c:pt>
                <c:pt idx="395">
                  <c:v>22.9500000000006</c:v>
                </c:pt>
                <c:pt idx="396">
                  <c:v>22.960000000000601</c:v>
                </c:pt>
                <c:pt idx="397">
                  <c:v>22.970000000000599</c:v>
                </c:pt>
                <c:pt idx="398">
                  <c:v>22.980000000000601</c:v>
                </c:pt>
                <c:pt idx="399">
                  <c:v>22.990000000000599</c:v>
                </c:pt>
                <c:pt idx="400">
                  <c:v>23.0000000000006</c:v>
                </c:pt>
                <c:pt idx="401">
                  <c:v>23.010000000000598</c:v>
                </c:pt>
                <c:pt idx="402">
                  <c:v>23.0200000000006</c:v>
                </c:pt>
                <c:pt idx="403">
                  <c:v>23.030000000000602</c:v>
                </c:pt>
                <c:pt idx="404">
                  <c:v>23.0400000000006</c:v>
                </c:pt>
                <c:pt idx="405">
                  <c:v>23.050000000000601</c:v>
                </c:pt>
                <c:pt idx="406">
                  <c:v>23.060000000000599</c:v>
                </c:pt>
                <c:pt idx="407">
                  <c:v>23.070000000000601</c:v>
                </c:pt>
                <c:pt idx="408">
                  <c:v>23.080000000000599</c:v>
                </c:pt>
                <c:pt idx="409">
                  <c:v>23.0900000000006</c:v>
                </c:pt>
                <c:pt idx="410">
                  <c:v>23.100000000000598</c:v>
                </c:pt>
                <c:pt idx="411">
                  <c:v>23.1100000000006</c:v>
                </c:pt>
                <c:pt idx="412">
                  <c:v>23.120000000000601</c:v>
                </c:pt>
                <c:pt idx="413">
                  <c:v>23.130000000000599</c:v>
                </c:pt>
                <c:pt idx="414">
                  <c:v>23.1400000000007</c:v>
                </c:pt>
                <c:pt idx="415">
                  <c:v>23.150000000000599</c:v>
                </c:pt>
                <c:pt idx="416">
                  <c:v>23.1600000000007</c:v>
                </c:pt>
                <c:pt idx="417">
                  <c:v>23.170000000000599</c:v>
                </c:pt>
                <c:pt idx="418">
                  <c:v>23.1800000000006</c:v>
                </c:pt>
                <c:pt idx="419">
                  <c:v>23.190000000000701</c:v>
                </c:pt>
                <c:pt idx="420">
                  <c:v>23.200000000000699</c:v>
                </c:pt>
                <c:pt idx="421">
                  <c:v>23.210000000000701</c:v>
                </c:pt>
                <c:pt idx="422">
                  <c:v>23.220000000000699</c:v>
                </c:pt>
                <c:pt idx="423">
                  <c:v>23.2300000000007</c:v>
                </c:pt>
                <c:pt idx="424">
                  <c:v>23.240000000000698</c:v>
                </c:pt>
                <c:pt idx="425">
                  <c:v>23.2500000000007</c:v>
                </c:pt>
                <c:pt idx="426">
                  <c:v>23.260000000000701</c:v>
                </c:pt>
                <c:pt idx="427">
                  <c:v>23.270000000000699</c:v>
                </c:pt>
                <c:pt idx="428">
                  <c:v>23.280000000000701</c:v>
                </c:pt>
                <c:pt idx="429">
                  <c:v>23.290000000000699</c:v>
                </c:pt>
                <c:pt idx="430">
                  <c:v>23.300000000000701</c:v>
                </c:pt>
                <c:pt idx="431">
                  <c:v>23.310000000000699</c:v>
                </c:pt>
                <c:pt idx="432">
                  <c:v>23.3200000000007</c:v>
                </c:pt>
                <c:pt idx="433">
                  <c:v>23.330000000000702</c:v>
                </c:pt>
                <c:pt idx="434">
                  <c:v>23.3400000000007</c:v>
                </c:pt>
                <c:pt idx="435">
                  <c:v>23.350000000000701</c:v>
                </c:pt>
                <c:pt idx="436">
                  <c:v>23.360000000000699</c:v>
                </c:pt>
                <c:pt idx="437">
                  <c:v>23.370000000000701</c:v>
                </c:pt>
                <c:pt idx="438">
                  <c:v>23.380000000000699</c:v>
                </c:pt>
                <c:pt idx="439">
                  <c:v>23.3900000000007</c:v>
                </c:pt>
                <c:pt idx="440">
                  <c:v>23.400000000000698</c:v>
                </c:pt>
                <c:pt idx="441">
                  <c:v>23.4100000000007</c:v>
                </c:pt>
                <c:pt idx="442">
                  <c:v>23.420000000000702</c:v>
                </c:pt>
                <c:pt idx="443">
                  <c:v>23.4300000000007</c:v>
                </c:pt>
                <c:pt idx="444">
                  <c:v>23.440000000000701</c:v>
                </c:pt>
                <c:pt idx="445">
                  <c:v>23.450000000000699</c:v>
                </c:pt>
                <c:pt idx="446">
                  <c:v>23.460000000000701</c:v>
                </c:pt>
                <c:pt idx="447">
                  <c:v>23.470000000000699</c:v>
                </c:pt>
                <c:pt idx="448">
                  <c:v>23.4800000000007</c:v>
                </c:pt>
                <c:pt idx="449">
                  <c:v>23.490000000000698</c:v>
                </c:pt>
                <c:pt idx="450">
                  <c:v>23.5000000000007</c:v>
                </c:pt>
                <c:pt idx="451">
                  <c:v>23.510000000000701</c:v>
                </c:pt>
                <c:pt idx="452">
                  <c:v>23.520000000000699</c:v>
                </c:pt>
                <c:pt idx="453">
                  <c:v>23.530000000000701</c:v>
                </c:pt>
                <c:pt idx="454">
                  <c:v>23.540000000000699</c:v>
                </c:pt>
                <c:pt idx="455">
                  <c:v>23.550000000000701</c:v>
                </c:pt>
                <c:pt idx="456">
                  <c:v>23.560000000000699</c:v>
                </c:pt>
                <c:pt idx="457">
                  <c:v>23.5700000000007</c:v>
                </c:pt>
                <c:pt idx="458">
                  <c:v>23.580000000000702</c:v>
                </c:pt>
                <c:pt idx="459">
                  <c:v>23.5900000000007</c:v>
                </c:pt>
                <c:pt idx="460">
                  <c:v>23.600000000000701</c:v>
                </c:pt>
                <c:pt idx="461">
                  <c:v>23.610000000000699</c:v>
                </c:pt>
                <c:pt idx="462">
                  <c:v>23.620000000000701</c:v>
                </c:pt>
                <c:pt idx="463">
                  <c:v>23.630000000000699</c:v>
                </c:pt>
                <c:pt idx="464">
                  <c:v>23.6400000000007</c:v>
                </c:pt>
                <c:pt idx="465">
                  <c:v>23.650000000000698</c:v>
                </c:pt>
                <c:pt idx="466">
                  <c:v>23.6600000000007</c:v>
                </c:pt>
                <c:pt idx="467">
                  <c:v>23.670000000000702</c:v>
                </c:pt>
                <c:pt idx="468">
                  <c:v>23.6800000000007</c:v>
                </c:pt>
                <c:pt idx="469">
                  <c:v>23.690000000000701</c:v>
                </c:pt>
                <c:pt idx="470">
                  <c:v>23.700000000000699</c:v>
                </c:pt>
                <c:pt idx="471">
                  <c:v>23.710000000000701</c:v>
                </c:pt>
                <c:pt idx="472">
                  <c:v>23.720000000000699</c:v>
                </c:pt>
                <c:pt idx="473">
                  <c:v>23.7300000000007</c:v>
                </c:pt>
                <c:pt idx="474">
                  <c:v>23.740000000000698</c:v>
                </c:pt>
                <c:pt idx="475">
                  <c:v>23.7500000000007</c:v>
                </c:pt>
                <c:pt idx="476">
                  <c:v>23.760000000000701</c:v>
                </c:pt>
                <c:pt idx="477">
                  <c:v>23.770000000000699</c:v>
                </c:pt>
                <c:pt idx="478">
                  <c:v>23.7800000000008</c:v>
                </c:pt>
                <c:pt idx="479">
                  <c:v>23.790000000000699</c:v>
                </c:pt>
                <c:pt idx="480">
                  <c:v>23.8000000000008</c:v>
                </c:pt>
                <c:pt idx="481">
                  <c:v>23.810000000000699</c:v>
                </c:pt>
                <c:pt idx="482">
                  <c:v>23.8200000000007</c:v>
                </c:pt>
                <c:pt idx="483">
                  <c:v>23.830000000000801</c:v>
                </c:pt>
                <c:pt idx="484">
                  <c:v>23.840000000000799</c:v>
                </c:pt>
                <c:pt idx="485">
                  <c:v>23.850000000000801</c:v>
                </c:pt>
                <c:pt idx="486">
                  <c:v>23.860000000000799</c:v>
                </c:pt>
                <c:pt idx="487">
                  <c:v>23.8700000000008</c:v>
                </c:pt>
                <c:pt idx="488">
                  <c:v>23.880000000000798</c:v>
                </c:pt>
                <c:pt idx="489">
                  <c:v>23.8900000000008</c:v>
                </c:pt>
                <c:pt idx="490">
                  <c:v>23.900000000000801</c:v>
                </c:pt>
                <c:pt idx="491">
                  <c:v>23.9100000000008</c:v>
                </c:pt>
                <c:pt idx="492">
                  <c:v>23.920000000000801</c:v>
                </c:pt>
                <c:pt idx="493">
                  <c:v>23.930000000000799</c:v>
                </c:pt>
                <c:pt idx="494">
                  <c:v>23.940000000000801</c:v>
                </c:pt>
                <c:pt idx="495">
                  <c:v>23.950000000000799</c:v>
                </c:pt>
                <c:pt idx="496">
                  <c:v>23.9600000000008</c:v>
                </c:pt>
                <c:pt idx="497">
                  <c:v>23.970000000000802</c:v>
                </c:pt>
                <c:pt idx="498">
                  <c:v>23.9800000000008</c:v>
                </c:pt>
                <c:pt idx="499">
                  <c:v>23.990000000000801</c:v>
                </c:pt>
                <c:pt idx="500">
                  <c:v>24.000000000000799</c:v>
                </c:pt>
                <c:pt idx="501">
                  <c:v>24.010000000000801</c:v>
                </c:pt>
                <c:pt idx="502">
                  <c:v>24.020000000000799</c:v>
                </c:pt>
                <c:pt idx="503">
                  <c:v>24.0300000000008</c:v>
                </c:pt>
                <c:pt idx="504">
                  <c:v>24.040000000000799</c:v>
                </c:pt>
                <c:pt idx="505">
                  <c:v>24.0500000000008</c:v>
                </c:pt>
                <c:pt idx="506">
                  <c:v>24.060000000000802</c:v>
                </c:pt>
                <c:pt idx="507">
                  <c:v>24.0700000000008</c:v>
                </c:pt>
                <c:pt idx="508">
                  <c:v>24.080000000000801</c:v>
                </c:pt>
                <c:pt idx="509">
                  <c:v>24.090000000000799</c:v>
                </c:pt>
                <c:pt idx="510">
                  <c:v>24.100000000000801</c:v>
                </c:pt>
                <c:pt idx="511">
                  <c:v>24.110000000000799</c:v>
                </c:pt>
                <c:pt idx="512">
                  <c:v>24.1200000000008</c:v>
                </c:pt>
                <c:pt idx="513">
                  <c:v>24.130000000000798</c:v>
                </c:pt>
                <c:pt idx="514">
                  <c:v>24.1400000000008</c:v>
                </c:pt>
                <c:pt idx="515">
                  <c:v>24.150000000000801</c:v>
                </c:pt>
                <c:pt idx="516">
                  <c:v>24.1600000000008</c:v>
                </c:pt>
                <c:pt idx="517">
                  <c:v>24.170000000000801</c:v>
                </c:pt>
                <c:pt idx="518">
                  <c:v>24.180000000000799</c:v>
                </c:pt>
                <c:pt idx="519">
                  <c:v>24.190000000000801</c:v>
                </c:pt>
                <c:pt idx="520">
                  <c:v>24.200000000000799</c:v>
                </c:pt>
                <c:pt idx="521">
                  <c:v>24.2100000000008</c:v>
                </c:pt>
                <c:pt idx="522">
                  <c:v>24.220000000000802</c:v>
                </c:pt>
                <c:pt idx="523">
                  <c:v>24.2300000000008</c:v>
                </c:pt>
                <c:pt idx="524">
                  <c:v>24.240000000000801</c:v>
                </c:pt>
                <c:pt idx="525">
                  <c:v>24.250000000000799</c:v>
                </c:pt>
                <c:pt idx="526">
                  <c:v>24.260000000000801</c:v>
                </c:pt>
                <c:pt idx="527">
                  <c:v>24.270000000000799</c:v>
                </c:pt>
                <c:pt idx="528">
                  <c:v>24.2800000000008</c:v>
                </c:pt>
                <c:pt idx="529">
                  <c:v>24.290000000000799</c:v>
                </c:pt>
                <c:pt idx="530">
                  <c:v>24.3000000000008</c:v>
                </c:pt>
                <c:pt idx="531">
                  <c:v>24.310000000000802</c:v>
                </c:pt>
                <c:pt idx="532">
                  <c:v>24.3200000000008</c:v>
                </c:pt>
                <c:pt idx="533">
                  <c:v>24.330000000000801</c:v>
                </c:pt>
                <c:pt idx="534">
                  <c:v>24.340000000000799</c:v>
                </c:pt>
                <c:pt idx="535">
                  <c:v>24.350000000000801</c:v>
                </c:pt>
                <c:pt idx="536">
                  <c:v>24.360000000000799</c:v>
                </c:pt>
                <c:pt idx="537">
                  <c:v>24.3700000000008</c:v>
                </c:pt>
                <c:pt idx="538">
                  <c:v>24.380000000000798</c:v>
                </c:pt>
                <c:pt idx="539">
                  <c:v>24.3900000000008</c:v>
                </c:pt>
                <c:pt idx="540">
                  <c:v>24.400000000000801</c:v>
                </c:pt>
                <c:pt idx="541">
                  <c:v>24.4100000000008</c:v>
                </c:pt>
                <c:pt idx="542">
                  <c:v>24.420000000000901</c:v>
                </c:pt>
                <c:pt idx="543">
                  <c:v>24.430000000000799</c:v>
                </c:pt>
                <c:pt idx="544">
                  <c:v>24.4400000000009</c:v>
                </c:pt>
                <c:pt idx="545">
                  <c:v>24.450000000000799</c:v>
                </c:pt>
                <c:pt idx="546">
                  <c:v>24.4600000000008</c:v>
                </c:pt>
                <c:pt idx="547">
                  <c:v>24.470000000000901</c:v>
                </c:pt>
                <c:pt idx="548">
                  <c:v>24.480000000000899</c:v>
                </c:pt>
                <c:pt idx="549">
                  <c:v>24.490000000000901</c:v>
                </c:pt>
                <c:pt idx="550">
                  <c:v>24.500000000000899</c:v>
                </c:pt>
                <c:pt idx="551">
                  <c:v>24.5100000000009</c:v>
                </c:pt>
                <c:pt idx="552">
                  <c:v>24.520000000000898</c:v>
                </c:pt>
                <c:pt idx="553">
                  <c:v>24.5300000000009</c:v>
                </c:pt>
                <c:pt idx="554">
                  <c:v>24.540000000000902</c:v>
                </c:pt>
                <c:pt idx="555">
                  <c:v>24.5500000000009</c:v>
                </c:pt>
                <c:pt idx="556">
                  <c:v>24.560000000000901</c:v>
                </c:pt>
                <c:pt idx="557">
                  <c:v>24.570000000000899</c:v>
                </c:pt>
                <c:pt idx="558">
                  <c:v>24.580000000000901</c:v>
                </c:pt>
                <c:pt idx="559">
                  <c:v>24.590000000000899</c:v>
                </c:pt>
                <c:pt idx="560">
                  <c:v>24.6000000000009</c:v>
                </c:pt>
                <c:pt idx="561">
                  <c:v>24.610000000000898</c:v>
                </c:pt>
                <c:pt idx="562">
                  <c:v>24.6200000000009</c:v>
                </c:pt>
                <c:pt idx="563">
                  <c:v>24.630000000000901</c:v>
                </c:pt>
                <c:pt idx="564">
                  <c:v>24.640000000000899</c:v>
                </c:pt>
                <c:pt idx="565">
                  <c:v>24.650000000000901</c:v>
                </c:pt>
                <c:pt idx="566">
                  <c:v>24.660000000000899</c:v>
                </c:pt>
                <c:pt idx="567">
                  <c:v>24.670000000000901</c:v>
                </c:pt>
                <c:pt idx="568">
                  <c:v>24.680000000000899</c:v>
                </c:pt>
                <c:pt idx="569">
                  <c:v>24.6900000000009</c:v>
                </c:pt>
                <c:pt idx="570">
                  <c:v>24.700000000000902</c:v>
                </c:pt>
                <c:pt idx="571">
                  <c:v>24.7100000000009</c:v>
                </c:pt>
                <c:pt idx="572">
                  <c:v>24.720000000000901</c:v>
                </c:pt>
                <c:pt idx="573">
                  <c:v>24.730000000000899</c:v>
                </c:pt>
                <c:pt idx="574">
                  <c:v>24.740000000000901</c:v>
                </c:pt>
                <c:pt idx="575">
                  <c:v>24.750000000000899</c:v>
                </c:pt>
                <c:pt idx="576">
                  <c:v>24.7600000000009</c:v>
                </c:pt>
                <c:pt idx="577">
                  <c:v>24.770000000000898</c:v>
                </c:pt>
                <c:pt idx="578">
                  <c:v>24.7800000000009</c:v>
                </c:pt>
                <c:pt idx="579">
                  <c:v>24.790000000000902</c:v>
                </c:pt>
                <c:pt idx="580">
                  <c:v>24.8000000000009</c:v>
                </c:pt>
                <c:pt idx="581">
                  <c:v>24.810000000000901</c:v>
                </c:pt>
                <c:pt idx="582">
                  <c:v>24.820000000000899</c:v>
                </c:pt>
                <c:pt idx="583">
                  <c:v>24.830000000000901</c:v>
                </c:pt>
                <c:pt idx="584">
                  <c:v>24.840000000000899</c:v>
                </c:pt>
                <c:pt idx="585">
                  <c:v>24.8500000000009</c:v>
                </c:pt>
                <c:pt idx="586">
                  <c:v>24.860000000000898</c:v>
                </c:pt>
                <c:pt idx="587">
                  <c:v>24.8700000000009</c:v>
                </c:pt>
                <c:pt idx="588">
                  <c:v>24.880000000000901</c:v>
                </c:pt>
                <c:pt idx="589">
                  <c:v>24.890000000000899</c:v>
                </c:pt>
                <c:pt idx="590">
                  <c:v>24.900000000000901</c:v>
                </c:pt>
                <c:pt idx="591">
                  <c:v>24.910000000000899</c:v>
                </c:pt>
                <c:pt idx="592">
                  <c:v>24.920000000000901</c:v>
                </c:pt>
                <c:pt idx="593">
                  <c:v>24.930000000000899</c:v>
                </c:pt>
                <c:pt idx="594">
                  <c:v>24.9400000000009</c:v>
                </c:pt>
                <c:pt idx="595">
                  <c:v>24.950000000000902</c:v>
                </c:pt>
                <c:pt idx="596">
                  <c:v>24.9600000000009</c:v>
                </c:pt>
                <c:pt idx="597">
                  <c:v>24.970000000000901</c:v>
                </c:pt>
                <c:pt idx="598">
                  <c:v>24.980000000000899</c:v>
                </c:pt>
                <c:pt idx="599">
                  <c:v>24.990000000000901</c:v>
                </c:pt>
                <c:pt idx="600">
                  <c:v>25.000000000000899</c:v>
                </c:pt>
                <c:pt idx="601">
                  <c:v>25.0100000000009</c:v>
                </c:pt>
                <c:pt idx="602">
                  <c:v>25.020000000000898</c:v>
                </c:pt>
                <c:pt idx="603">
                  <c:v>25.0300000000009</c:v>
                </c:pt>
                <c:pt idx="604">
                  <c:v>25.040000000000902</c:v>
                </c:pt>
                <c:pt idx="605">
                  <c:v>25.0500000000009</c:v>
                </c:pt>
                <c:pt idx="606">
                  <c:v>25.060000000001001</c:v>
                </c:pt>
                <c:pt idx="607">
                  <c:v>25.070000000000899</c:v>
                </c:pt>
                <c:pt idx="608">
                  <c:v>25.080000000001</c:v>
                </c:pt>
                <c:pt idx="609">
                  <c:v>25.090000000000899</c:v>
                </c:pt>
                <c:pt idx="610">
                  <c:v>25.1000000000009</c:v>
                </c:pt>
                <c:pt idx="611">
                  <c:v>25.110000000001001</c:v>
                </c:pt>
                <c:pt idx="612">
                  <c:v>25.120000000000999</c:v>
                </c:pt>
                <c:pt idx="613">
                  <c:v>25.130000000001001</c:v>
                </c:pt>
                <c:pt idx="614">
                  <c:v>25.140000000000999</c:v>
                </c:pt>
                <c:pt idx="615">
                  <c:v>25.150000000001</c:v>
                </c:pt>
                <c:pt idx="616">
                  <c:v>25.160000000000998</c:v>
                </c:pt>
                <c:pt idx="617">
                  <c:v>25.170000000001</c:v>
                </c:pt>
                <c:pt idx="618">
                  <c:v>25.180000000001002</c:v>
                </c:pt>
                <c:pt idx="619">
                  <c:v>25.190000000001</c:v>
                </c:pt>
                <c:pt idx="620">
                  <c:v>25.200000000001001</c:v>
                </c:pt>
                <c:pt idx="621">
                  <c:v>25.210000000000999</c:v>
                </c:pt>
                <c:pt idx="622">
                  <c:v>25.220000000001001</c:v>
                </c:pt>
                <c:pt idx="623">
                  <c:v>25.230000000000999</c:v>
                </c:pt>
                <c:pt idx="624">
                  <c:v>25.240000000001</c:v>
                </c:pt>
                <c:pt idx="625">
                  <c:v>25.250000000000998</c:v>
                </c:pt>
                <c:pt idx="626">
                  <c:v>25.260000000001</c:v>
                </c:pt>
                <c:pt idx="627">
                  <c:v>25.270000000001001</c:v>
                </c:pt>
                <c:pt idx="628">
                  <c:v>25.280000000000999</c:v>
                </c:pt>
                <c:pt idx="629">
                  <c:v>25.290000000001001</c:v>
                </c:pt>
                <c:pt idx="630">
                  <c:v>25.300000000000999</c:v>
                </c:pt>
                <c:pt idx="631">
                  <c:v>25.310000000001001</c:v>
                </c:pt>
                <c:pt idx="632">
                  <c:v>25.320000000000999</c:v>
                </c:pt>
                <c:pt idx="633">
                  <c:v>25.330000000001</c:v>
                </c:pt>
                <c:pt idx="634">
                  <c:v>25.340000000001002</c:v>
                </c:pt>
                <c:pt idx="635">
                  <c:v>25.350000000001</c:v>
                </c:pt>
                <c:pt idx="636">
                  <c:v>25.360000000001001</c:v>
                </c:pt>
                <c:pt idx="637">
                  <c:v>25.370000000000999</c:v>
                </c:pt>
                <c:pt idx="638">
                  <c:v>25.380000000001001</c:v>
                </c:pt>
                <c:pt idx="639">
                  <c:v>25.390000000000999</c:v>
                </c:pt>
                <c:pt idx="640">
                  <c:v>25.400000000001</c:v>
                </c:pt>
                <c:pt idx="641">
                  <c:v>25.410000000000998</c:v>
                </c:pt>
                <c:pt idx="642">
                  <c:v>25.420000000001</c:v>
                </c:pt>
                <c:pt idx="643">
                  <c:v>25.430000000001002</c:v>
                </c:pt>
                <c:pt idx="644">
                  <c:v>25.440000000001</c:v>
                </c:pt>
                <c:pt idx="645">
                  <c:v>25.450000000001001</c:v>
                </c:pt>
                <c:pt idx="646">
                  <c:v>25.460000000000999</c:v>
                </c:pt>
                <c:pt idx="647">
                  <c:v>25.470000000001001</c:v>
                </c:pt>
                <c:pt idx="648">
                  <c:v>25.480000000000999</c:v>
                </c:pt>
                <c:pt idx="649">
                  <c:v>25.490000000001</c:v>
                </c:pt>
                <c:pt idx="650">
                  <c:v>25.500000000000998</c:v>
                </c:pt>
                <c:pt idx="651">
                  <c:v>25.510000000001</c:v>
                </c:pt>
                <c:pt idx="652">
                  <c:v>25.520000000001001</c:v>
                </c:pt>
                <c:pt idx="653">
                  <c:v>25.530000000000999</c:v>
                </c:pt>
                <c:pt idx="654">
                  <c:v>25.540000000001001</c:v>
                </c:pt>
                <c:pt idx="655">
                  <c:v>25.550000000000999</c:v>
                </c:pt>
                <c:pt idx="656">
                  <c:v>25.560000000001001</c:v>
                </c:pt>
                <c:pt idx="657">
                  <c:v>25.570000000000999</c:v>
                </c:pt>
                <c:pt idx="658">
                  <c:v>25.580000000001</c:v>
                </c:pt>
                <c:pt idx="659">
                  <c:v>25.590000000001002</c:v>
                </c:pt>
                <c:pt idx="660">
                  <c:v>25.600000000001</c:v>
                </c:pt>
                <c:pt idx="661">
                  <c:v>25.610000000001001</c:v>
                </c:pt>
                <c:pt idx="662">
                  <c:v>25.620000000000999</c:v>
                </c:pt>
                <c:pt idx="663">
                  <c:v>25.630000000001001</c:v>
                </c:pt>
                <c:pt idx="664">
                  <c:v>25.640000000000999</c:v>
                </c:pt>
                <c:pt idx="665">
                  <c:v>25.650000000001</c:v>
                </c:pt>
                <c:pt idx="666">
                  <c:v>25.660000000000998</c:v>
                </c:pt>
                <c:pt idx="667">
                  <c:v>25.670000000001</c:v>
                </c:pt>
                <c:pt idx="668">
                  <c:v>25.680000000001002</c:v>
                </c:pt>
                <c:pt idx="669">
                  <c:v>25.690000000001</c:v>
                </c:pt>
                <c:pt idx="670">
                  <c:v>25.700000000001101</c:v>
                </c:pt>
                <c:pt idx="671">
                  <c:v>25.710000000000999</c:v>
                </c:pt>
                <c:pt idx="672">
                  <c:v>25.7200000000011</c:v>
                </c:pt>
                <c:pt idx="673">
                  <c:v>25.730000000000999</c:v>
                </c:pt>
                <c:pt idx="674">
                  <c:v>25.7400000000011</c:v>
                </c:pt>
                <c:pt idx="675">
                  <c:v>25.750000000001101</c:v>
                </c:pt>
                <c:pt idx="676">
                  <c:v>25.760000000001099</c:v>
                </c:pt>
                <c:pt idx="677">
                  <c:v>25.770000000001101</c:v>
                </c:pt>
                <c:pt idx="678">
                  <c:v>25.780000000001099</c:v>
                </c:pt>
                <c:pt idx="679">
                  <c:v>25.7900000000011</c:v>
                </c:pt>
                <c:pt idx="680">
                  <c:v>25.800000000001098</c:v>
                </c:pt>
                <c:pt idx="681">
                  <c:v>25.8100000000011</c:v>
                </c:pt>
                <c:pt idx="682">
                  <c:v>25.820000000001102</c:v>
                </c:pt>
                <c:pt idx="683">
                  <c:v>25.8300000000011</c:v>
                </c:pt>
                <c:pt idx="684">
                  <c:v>25.840000000001101</c:v>
                </c:pt>
                <c:pt idx="685">
                  <c:v>25.850000000001099</c:v>
                </c:pt>
                <c:pt idx="686">
                  <c:v>25.860000000001101</c:v>
                </c:pt>
                <c:pt idx="687">
                  <c:v>25.870000000001099</c:v>
                </c:pt>
                <c:pt idx="688">
                  <c:v>25.8800000000011</c:v>
                </c:pt>
                <c:pt idx="689">
                  <c:v>25.890000000001098</c:v>
                </c:pt>
                <c:pt idx="690">
                  <c:v>25.9000000000011</c:v>
                </c:pt>
                <c:pt idx="691">
                  <c:v>25.910000000001101</c:v>
                </c:pt>
                <c:pt idx="692">
                  <c:v>25.920000000001099</c:v>
                </c:pt>
                <c:pt idx="693">
                  <c:v>25.930000000001101</c:v>
                </c:pt>
                <c:pt idx="694">
                  <c:v>25.940000000001099</c:v>
                </c:pt>
                <c:pt idx="695">
                  <c:v>25.950000000001101</c:v>
                </c:pt>
                <c:pt idx="696">
                  <c:v>25.960000000001099</c:v>
                </c:pt>
                <c:pt idx="697">
                  <c:v>25.9700000000011</c:v>
                </c:pt>
                <c:pt idx="698">
                  <c:v>25.980000000001102</c:v>
                </c:pt>
                <c:pt idx="699">
                  <c:v>25.9900000000011</c:v>
                </c:pt>
                <c:pt idx="700">
                  <c:v>26.000000000001101</c:v>
                </c:pt>
                <c:pt idx="701">
                  <c:v>26.010000000001099</c:v>
                </c:pt>
                <c:pt idx="702">
                  <c:v>26.020000000001101</c:v>
                </c:pt>
                <c:pt idx="703">
                  <c:v>26.030000000001099</c:v>
                </c:pt>
                <c:pt idx="704">
                  <c:v>26.0400000000011</c:v>
                </c:pt>
                <c:pt idx="705">
                  <c:v>26.050000000001098</c:v>
                </c:pt>
                <c:pt idx="706">
                  <c:v>26.0600000000011</c:v>
                </c:pt>
                <c:pt idx="707">
                  <c:v>26.070000000001102</c:v>
                </c:pt>
                <c:pt idx="708">
                  <c:v>26.0800000000011</c:v>
                </c:pt>
                <c:pt idx="709">
                  <c:v>26.090000000001101</c:v>
                </c:pt>
                <c:pt idx="710">
                  <c:v>26.100000000001099</c:v>
                </c:pt>
                <c:pt idx="711">
                  <c:v>26.110000000001101</c:v>
                </c:pt>
                <c:pt idx="712">
                  <c:v>26.120000000001099</c:v>
                </c:pt>
                <c:pt idx="713">
                  <c:v>26.1300000000011</c:v>
                </c:pt>
                <c:pt idx="714">
                  <c:v>26.140000000001098</c:v>
                </c:pt>
                <c:pt idx="715">
                  <c:v>26.1500000000011</c:v>
                </c:pt>
                <c:pt idx="716">
                  <c:v>26.160000000001101</c:v>
                </c:pt>
                <c:pt idx="717">
                  <c:v>26.170000000001099</c:v>
                </c:pt>
                <c:pt idx="718">
                  <c:v>26.180000000001101</c:v>
                </c:pt>
                <c:pt idx="719">
                  <c:v>26.190000000001099</c:v>
                </c:pt>
                <c:pt idx="720">
                  <c:v>26.200000000001101</c:v>
                </c:pt>
                <c:pt idx="721">
                  <c:v>26.210000000001099</c:v>
                </c:pt>
                <c:pt idx="722">
                  <c:v>26.2200000000011</c:v>
                </c:pt>
                <c:pt idx="723">
                  <c:v>26.230000000001102</c:v>
                </c:pt>
                <c:pt idx="724">
                  <c:v>26.2400000000011</c:v>
                </c:pt>
                <c:pt idx="725">
                  <c:v>26.250000000001101</c:v>
                </c:pt>
                <c:pt idx="726">
                  <c:v>26.260000000001099</c:v>
                </c:pt>
                <c:pt idx="727">
                  <c:v>26.270000000001101</c:v>
                </c:pt>
                <c:pt idx="728">
                  <c:v>26.280000000001099</c:v>
                </c:pt>
                <c:pt idx="729">
                  <c:v>26.2900000000011</c:v>
                </c:pt>
                <c:pt idx="730">
                  <c:v>26.300000000001098</c:v>
                </c:pt>
                <c:pt idx="731">
                  <c:v>26.3100000000011</c:v>
                </c:pt>
                <c:pt idx="732">
                  <c:v>26.320000000001102</c:v>
                </c:pt>
                <c:pt idx="733">
                  <c:v>26.3300000000011</c:v>
                </c:pt>
                <c:pt idx="734">
                  <c:v>26.340000000001201</c:v>
                </c:pt>
                <c:pt idx="735">
                  <c:v>26.350000000001099</c:v>
                </c:pt>
                <c:pt idx="736">
                  <c:v>26.3600000000012</c:v>
                </c:pt>
                <c:pt idx="737">
                  <c:v>26.370000000001099</c:v>
                </c:pt>
                <c:pt idx="738">
                  <c:v>26.3800000000012</c:v>
                </c:pt>
                <c:pt idx="739">
                  <c:v>26.390000000001201</c:v>
                </c:pt>
                <c:pt idx="740">
                  <c:v>26.400000000001199</c:v>
                </c:pt>
                <c:pt idx="741">
                  <c:v>26.410000000001201</c:v>
                </c:pt>
                <c:pt idx="742">
                  <c:v>26.420000000001199</c:v>
                </c:pt>
                <c:pt idx="743">
                  <c:v>26.430000000001201</c:v>
                </c:pt>
                <c:pt idx="744">
                  <c:v>26.440000000001199</c:v>
                </c:pt>
                <c:pt idx="745">
                  <c:v>26.4500000000012</c:v>
                </c:pt>
                <c:pt idx="746">
                  <c:v>26.460000000001202</c:v>
                </c:pt>
                <c:pt idx="747">
                  <c:v>26.4700000000012</c:v>
                </c:pt>
                <c:pt idx="748">
                  <c:v>26.480000000001201</c:v>
                </c:pt>
                <c:pt idx="749">
                  <c:v>26.490000000001199</c:v>
                </c:pt>
                <c:pt idx="750">
                  <c:v>26.500000000001201</c:v>
                </c:pt>
                <c:pt idx="751">
                  <c:v>26.510000000001199</c:v>
                </c:pt>
                <c:pt idx="752">
                  <c:v>26.5200000000012</c:v>
                </c:pt>
                <c:pt idx="753">
                  <c:v>26.530000000001198</c:v>
                </c:pt>
                <c:pt idx="754">
                  <c:v>26.5400000000012</c:v>
                </c:pt>
                <c:pt idx="755">
                  <c:v>26.550000000001202</c:v>
                </c:pt>
                <c:pt idx="756">
                  <c:v>26.5600000000012</c:v>
                </c:pt>
                <c:pt idx="757">
                  <c:v>26.570000000001201</c:v>
                </c:pt>
                <c:pt idx="758">
                  <c:v>26.580000000001199</c:v>
                </c:pt>
                <c:pt idx="759">
                  <c:v>26.590000000001201</c:v>
                </c:pt>
                <c:pt idx="760">
                  <c:v>26.600000000001199</c:v>
                </c:pt>
                <c:pt idx="761">
                  <c:v>26.6100000000012</c:v>
                </c:pt>
                <c:pt idx="762">
                  <c:v>26.620000000001198</c:v>
                </c:pt>
                <c:pt idx="763">
                  <c:v>26.6300000000012</c:v>
                </c:pt>
                <c:pt idx="764">
                  <c:v>26.640000000001201</c:v>
                </c:pt>
                <c:pt idx="765">
                  <c:v>26.650000000001199</c:v>
                </c:pt>
                <c:pt idx="766">
                  <c:v>26.660000000001201</c:v>
                </c:pt>
                <c:pt idx="767">
                  <c:v>26.670000000001199</c:v>
                </c:pt>
                <c:pt idx="768">
                  <c:v>26.680000000001201</c:v>
                </c:pt>
                <c:pt idx="769">
                  <c:v>26.690000000001199</c:v>
                </c:pt>
                <c:pt idx="770">
                  <c:v>26.7000000000012</c:v>
                </c:pt>
                <c:pt idx="771">
                  <c:v>26.710000000001202</c:v>
                </c:pt>
                <c:pt idx="772">
                  <c:v>26.7200000000012</c:v>
                </c:pt>
                <c:pt idx="773">
                  <c:v>26.730000000001201</c:v>
                </c:pt>
                <c:pt idx="774">
                  <c:v>26.740000000001199</c:v>
                </c:pt>
                <c:pt idx="775">
                  <c:v>26.750000000001201</c:v>
                </c:pt>
                <c:pt idx="776">
                  <c:v>26.760000000001199</c:v>
                </c:pt>
                <c:pt idx="777">
                  <c:v>26.7700000000012</c:v>
                </c:pt>
                <c:pt idx="778">
                  <c:v>26.780000000001198</c:v>
                </c:pt>
                <c:pt idx="779">
                  <c:v>26.7900000000012</c:v>
                </c:pt>
                <c:pt idx="780">
                  <c:v>26.800000000001202</c:v>
                </c:pt>
                <c:pt idx="781">
                  <c:v>26.8100000000012</c:v>
                </c:pt>
                <c:pt idx="782">
                  <c:v>26.820000000001201</c:v>
                </c:pt>
                <c:pt idx="783">
                  <c:v>26.830000000001199</c:v>
                </c:pt>
                <c:pt idx="784">
                  <c:v>26.840000000001201</c:v>
                </c:pt>
                <c:pt idx="785">
                  <c:v>26.850000000001199</c:v>
                </c:pt>
                <c:pt idx="786">
                  <c:v>26.8600000000012</c:v>
                </c:pt>
                <c:pt idx="787">
                  <c:v>26.870000000001198</c:v>
                </c:pt>
                <c:pt idx="788">
                  <c:v>26.8800000000012</c:v>
                </c:pt>
                <c:pt idx="789">
                  <c:v>26.890000000001201</c:v>
                </c:pt>
                <c:pt idx="790">
                  <c:v>26.900000000001199</c:v>
                </c:pt>
                <c:pt idx="791">
                  <c:v>26.910000000001201</c:v>
                </c:pt>
                <c:pt idx="792">
                  <c:v>26.920000000001199</c:v>
                </c:pt>
                <c:pt idx="793">
                  <c:v>26.930000000001201</c:v>
                </c:pt>
                <c:pt idx="794">
                  <c:v>26.940000000001199</c:v>
                </c:pt>
                <c:pt idx="795">
                  <c:v>26.9500000000012</c:v>
                </c:pt>
                <c:pt idx="796">
                  <c:v>26.960000000001202</c:v>
                </c:pt>
                <c:pt idx="797">
                  <c:v>26.9700000000012</c:v>
                </c:pt>
                <c:pt idx="798">
                  <c:v>26.980000000001301</c:v>
                </c:pt>
                <c:pt idx="799">
                  <c:v>26.990000000001199</c:v>
                </c:pt>
                <c:pt idx="800">
                  <c:v>27.0000000000013</c:v>
                </c:pt>
                <c:pt idx="801">
                  <c:v>27.010000000001199</c:v>
                </c:pt>
                <c:pt idx="802">
                  <c:v>27.0200000000013</c:v>
                </c:pt>
                <c:pt idx="803">
                  <c:v>27.030000000001301</c:v>
                </c:pt>
                <c:pt idx="804">
                  <c:v>27.040000000001299</c:v>
                </c:pt>
                <c:pt idx="805">
                  <c:v>27.050000000001301</c:v>
                </c:pt>
                <c:pt idx="806">
                  <c:v>27.060000000001299</c:v>
                </c:pt>
                <c:pt idx="807">
                  <c:v>27.070000000001301</c:v>
                </c:pt>
                <c:pt idx="808">
                  <c:v>27.080000000001299</c:v>
                </c:pt>
                <c:pt idx="809">
                  <c:v>27.0900000000013</c:v>
                </c:pt>
                <c:pt idx="810">
                  <c:v>27.100000000001302</c:v>
                </c:pt>
                <c:pt idx="811">
                  <c:v>27.1100000000013</c:v>
                </c:pt>
                <c:pt idx="812">
                  <c:v>27.120000000001301</c:v>
                </c:pt>
                <c:pt idx="813">
                  <c:v>27.130000000001299</c:v>
                </c:pt>
                <c:pt idx="814">
                  <c:v>27.140000000001301</c:v>
                </c:pt>
                <c:pt idx="815">
                  <c:v>27.150000000001299</c:v>
                </c:pt>
                <c:pt idx="816">
                  <c:v>27.1600000000013</c:v>
                </c:pt>
                <c:pt idx="817">
                  <c:v>27.170000000001298</c:v>
                </c:pt>
                <c:pt idx="818">
                  <c:v>27.1800000000013</c:v>
                </c:pt>
                <c:pt idx="819">
                  <c:v>27.190000000001302</c:v>
                </c:pt>
                <c:pt idx="820">
                  <c:v>27.2000000000013</c:v>
                </c:pt>
                <c:pt idx="821">
                  <c:v>27.210000000001301</c:v>
                </c:pt>
                <c:pt idx="822">
                  <c:v>27.220000000001299</c:v>
                </c:pt>
                <c:pt idx="823">
                  <c:v>27.230000000001301</c:v>
                </c:pt>
                <c:pt idx="824">
                  <c:v>27.240000000001299</c:v>
                </c:pt>
                <c:pt idx="825">
                  <c:v>27.2500000000013</c:v>
                </c:pt>
                <c:pt idx="826">
                  <c:v>27.260000000001298</c:v>
                </c:pt>
                <c:pt idx="827">
                  <c:v>27.2700000000013</c:v>
                </c:pt>
                <c:pt idx="828">
                  <c:v>27.280000000001301</c:v>
                </c:pt>
                <c:pt idx="829">
                  <c:v>27.290000000001299</c:v>
                </c:pt>
                <c:pt idx="830">
                  <c:v>27.300000000001301</c:v>
                </c:pt>
                <c:pt idx="831">
                  <c:v>27.310000000001299</c:v>
                </c:pt>
                <c:pt idx="832">
                  <c:v>27.320000000001301</c:v>
                </c:pt>
                <c:pt idx="833">
                  <c:v>27.330000000001299</c:v>
                </c:pt>
                <c:pt idx="834">
                  <c:v>27.3400000000013</c:v>
                </c:pt>
                <c:pt idx="835">
                  <c:v>27.350000000001302</c:v>
                </c:pt>
                <c:pt idx="836">
                  <c:v>27.3600000000013</c:v>
                </c:pt>
                <c:pt idx="837">
                  <c:v>27.370000000001301</c:v>
                </c:pt>
                <c:pt idx="838">
                  <c:v>27.380000000001299</c:v>
                </c:pt>
                <c:pt idx="839">
                  <c:v>27.390000000001301</c:v>
                </c:pt>
                <c:pt idx="840">
                  <c:v>27.400000000001299</c:v>
                </c:pt>
                <c:pt idx="841">
                  <c:v>27.4100000000013</c:v>
                </c:pt>
                <c:pt idx="842">
                  <c:v>27.420000000001298</c:v>
                </c:pt>
                <c:pt idx="843">
                  <c:v>27.4300000000013</c:v>
                </c:pt>
                <c:pt idx="844">
                  <c:v>27.440000000001302</c:v>
                </c:pt>
                <c:pt idx="845">
                  <c:v>27.4500000000013</c:v>
                </c:pt>
                <c:pt idx="846">
                  <c:v>27.460000000001301</c:v>
                </c:pt>
                <c:pt idx="847">
                  <c:v>27.470000000001299</c:v>
                </c:pt>
                <c:pt idx="848">
                  <c:v>27.480000000001301</c:v>
                </c:pt>
                <c:pt idx="849">
                  <c:v>27.490000000001299</c:v>
                </c:pt>
                <c:pt idx="850">
                  <c:v>27.5000000000013</c:v>
                </c:pt>
                <c:pt idx="851">
                  <c:v>27.510000000001298</c:v>
                </c:pt>
                <c:pt idx="852">
                  <c:v>27.5200000000013</c:v>
                </c:pt>
                <c:pt idx="853">
                  <c:v>27.530000000001301</c:v>
                </c:pt>
                <c:pt idx="854">
                  <c:v>27.540000000001299</c:v>
                </c:pt>
                <c:pt idx="855">
                  <c:v>27.550000000001301</c:v>
                </c:pt>
                <c:pt idx="856">
                  <c:v>27.560000000001299</c:v>
                </c:pt>
                <c:pt idx="857">
                  <c:v>27.570000000001301</c:v>
                </c:pt>
                <c:pt idx="858">
                  <c:v>27.580000000001299</c:v>
                </c:pt>
                <c:pt idx="859">
                  <c:v>27.5900000000013</c:v>
                </c:pt>
                <c:pt idx="860">
                  <c:v>27.600000000001302</c:v>
                </c:pt>
                <c:pt idx="861">
                  <c:v>27.6100000000013</c:v>
                </c:pt>
                <c:pt idx="862">
                  <c:v>27.620000000001301</c:v>
                </c:pt>
                <c:pt idx="863">
                  <c:v>27.630000000001399</c:v>
                </c:pt>
                <c:pt idx="864">
                  <c:v>27.6400000000014</c:v>
                </c:pt>
                <c:pt idx="865">
                  <c:v>27.650000000001299</c:v>
                </c:pt>
                <c:pt idx="866">
                  <c:v>27.6600000000014</c:v>
                </c:pt>
                <c:pt idx="867">
                  <c:v>27.670000000001401</c:v>
                </c:pt>
                <c:pt idx="868">
                  <c:v>27.680000000001399</c:v>
                </c:pt>
                <c:pt idx="869">
                  <c:v>27.690000000001401</c:v>
                </c:pt>
                <c:pt idx="870">
                  <c:v>27.700000000001399</c:v>
                </c:pt>
                <c:pt idx="871">
                  <c:v>27.710000000001401</c:v>
                </c:pt>
                <c:pt idx="872">
                  <c:v>27.720000000001399</c:v>
                </c:pt>
                <c:pt idx="873">
                  <c:v>27.7300000000014</c:v>
                </c:pt>
                <c:pt idx="874">
                  <c:v>27.740000000001402</c:v>
                </c:pt>
                <c:pt idx="875">
                  <c:v>27.7500000000014</c:v>
                </c:pt>
                <c:pt idx="876">
                  <c:v>27.760000000001401</c:v>
                </c:pt>
                <c:pt idx="877">
                  <c:v>27.770000000001399</c:v>
                </c:pt>
                <c:pt idx="878">
                  <c:v>27.780000000001401</c:v>
                </c:pt>
                <c:pt idx="879">
                  <c:v>27.790000000001399</c:v>
                </c:pt>
                <c:pt idx="880">
                  <c:v>27.8000000000014</c:v>
                </c:pt>
                <c:pt idx="881">
                  <c:v>27.810000000001398</c:v>
                </c:pt>
                <c:pt idx="882">
                  <c:v>27.8200000000014</c:v>
                </c:pt>
                <c:pt idx="883">
                  <c:v>27.830000000001402</c:v>
                </c:pt>
                <c:pt idx="884">
                  <c:v>27.8400000000014</c:v>
                </c:pt>
                <c:pt idx="885">
                  <c:v>27.850000000001401</c:v>
                </c:pt>
                <c:pt idx="886">
                  <c:v>27.860000000001399</c:v>
                </c:pt>
                <c:pt idx="887">
                  <c:v>27.870000000001401</c:v>
                </c:pt>
                <c:pt idx="888">
                  <c:v>27.880000000001399</c:v>
                </c:pt>
                <c:pt idx="889">
                  <c:v>27.8900000000014</c:v>
                </c:pt>
                <c:pt idx="890">
                  <c:v>27.900000000001398</c:v>
                </c:pt>
                <c:pt idx="891">
                  <c:v>27.9100000000014</c:v>
                </c:pt>
                <c:pt idx="892">
                  <c:v>27.920000000001401</c:v>
                </c:pt>
                <c:pt idx="893">
                  <c:v>27.930000000001399</c:v>
                </c:pt>
                <c:pt idx="894">
                  <c:v>27.940000000001401</c:v>
                </c:pt>
                <c:pt idx="895">
                  <c:v>27.950000000001399</c:v>
                </c:pt>
                <c:pt idx="896">
                  <c:v>27.960000000001401</c:v>
                </c:pt>
                <c:pt idx="897">
                  <c:v>27.970000000001399</c:v>
                </c:pt>
                <c:pt idx="898">
                  <c:v>27.9800000000014</c:v>
                </c:pt>
                <c:pt idx="899">
                  <c:v>27.990000000001402</c:v>
                </c:pt>
                <c:pt idx="900">
                  <c:v>28.0000000000014</c:v>
                </c:pt>
                <c:pt idx="901">
                  <c:v>28.010000000001401</c:v>
                </c:pt>
                <c:pt idx="902">
                  <c:v>28.020000000001399</c:v>
                </c:pt>
                <c:pt idx="903">
                  <c:v>28.030000000001401</c:v>
                </c:pt>
                <c:pt idx="904">
                  <c:v>28.040000000001399</c:v>
                </c:pt>
                <c:pt idx="905">
                  <c:v>28.0500000000014</c:v>
                </c:pt>
                <c:pt idx="906">
                  <c:v>28.060000000001398</c:v>
                </c:pt>
                <c:pt idx="907">
                  <c:v>28.0700000000014</c:v>
                </c:pt>
                <c:pt idx="908">
                  <c:v>28.080000000001402</c:v>
                </c:pt>
                <c:pt idx="909">
                  <c:v>28.0900000000014</c:v>
                </c:pt>
                <c:pt idx="910">
                  <c:v>28.100000000001401</c:v>
                </c:pt>
                <c:pt idx="911">
                  <c:v>28.110000000001399</c:v>
                </c:pt>
                <c:pt idx="912">
                  <c:v>28.120000000001401</c:v>
                </c:pt>
                <c:pt idx="913">
                  <c:v>28.130000000001399</c:v>
                </c:pt>
                <c:pt idx="914">
                  <c:v>28.1400000000014</c:v>
                </c:pt>
                <c:pt idx="915">
                  <c:v>28.150000000001398</c:v>
                </c:pt>
                <c:pt idx="916">
                  <c:v>28.1600000000014</c:v>
                </c:pt>
                <c:pt idx="917">
                  <c:v>28.170000000001401</c:v>
                </c:pt>
                <c:pt idx="918">
                  <c:v>28.180000000001399</c:v>
                </c:pt>
                <c:pt idx="919">
                  <c:v>28.190000000001401</c:v>
                </c:pt>
                <c:pt idx="920">
                  <c:v>28.200000000001399</c:v>
                </c:pt>
                <c:pt idx="921">
                  <c:v>28.210000000001401</c:v>
                </c:pt>
                <c:pt idx="922">
                  <c:v>28.220000000001399</c:v>
                </c:pt>
                <c:pt idx="923">
                  <c:v>28.2300000000014</c:v>
                </c:pt>
                <c:pt idx="924">
                  <c:v>28.240000000001402</c:v>
                </c:pt>
                <c:pt idx="925">
                  <c:v>28.2500000000014</c:v>
                </c:pt>
                <c:pt idx="926">
                  <c:v>28.260000000001401</c:v>
                </c:pt>
                <c:pt idx="927">
                  <c:v>28.270000000001499</c:v>
                </c:pt>
                <c:pt idx="928">
                  <c:v>28.2800000000015</c:v>
                </c:pt>
                <c:pt idx="929">
                  <c:v>28.290000000001399</c:v>
                </c:pt>
                <c:pt idx="930">
                  <c:v>28.3000000000015</c:v>
                </c:pt>
                <c:pt idx="931">
                  <c:v>28.310000000001502</c:v>
                </c:pt>
                <c:pt idx="932">
                  <c:v>28.3200000000015</c:v>
                </c:pt>
                <c:pt idx="933">
                  <c:v>28.330000000001501</c:v>
                </c:pt>
                <c:pt idx="934">
                  <c:v>28.340000000001499</c:v>
                </c:pt>
                <c:pt idx="935">
                  <c:v>28.350000000001501</c:v>
                </c:pt>
                <c:pt idx="936">
                  <c:v>28.360000000001499</c:v>
                </c:pt>
                <c:pt idx="937">
                  <c:v>28.3700000000015</c:v>
                </c:pt>
                <c:pt idx="938">
                  <c:v>28.380000000001498</c:v>
                </c:pt>
                <c:pt idx="939">
                  <c:v>28.3900000000015</c:v>
                </c:pt>
                <c:pt idx="940">
                  <c:v>28.400000000001501</c:v>
                </c:pt>
                <c:pt idx="941">
                  <c:v>28.410000000001499</c:v>
                </c:pt>
                <c:pt idx="942">
                  <c:v>28.420000000001501</c:v>
                </c:pt>
                <c:pt idx="943">
                  <c:v>28.430000000001499</c:v>
                </c:pt>
                <c:pt idx="944">
                  <c:v>28.440000000001501</c:v>
                </c:pt>
                <c:pt idx="945">
                  <c:v>28.450000000001499</c:v>
                </c:pt>
                <c:pt idx="946">
                  <c:v>28.4600000000015</c:v>
                </c:pt>
                <c:pt idx="947">
                  <c:v>28.470000000001502</c:v>
                </c:pt>
                <c:pt idx="948">
                  <c:v>28.4800000000015</c:v>
                </c:pt>
                <c:pt idx="949">
                  <c:v>28.490000000001501</c:v>
                </c:pt>
                <c:pt idx="950">
                  <c:v>28.500000000001499</c:v>
                </c:pt>
                <c:pt idx="951">
                  <c:v>28.510000000001501</c:v>
                </c:pt>
                <c:pt idx="952">
                  <c:v>28.520000000001499</c:v>
                </c:pt>
                <c:pt idx="953">
                  <c:v>28.5300000000015</c:v>
                </c:pt>
                <c:pt idx="954">
                  <c:v>28.540000000001498</c:v>
                </c:pt>
                <c:pt idx="955">
                  <c:v>28.5500000000015</c:v>
                </c:pt>
                <c:pt idx="956">
                  <c:v>28.560000000001502</c:v>
                </c:pt>
                <c:pt idx="957">
                  <c:v>28.5700000000015</c:v>
                </c:pt>
                <c:pt idx="958">
                  <c:v>28.580000000001501</c:v>
                </c:pt>
                <c:pt idx="959">
                  <c:v>28.590000000001499</c:v>
                </c:pt>
                <c:pt idx="960">
                  <c:v>28.600000000001501</c:v>
                </c:pt>
                <c:pt idx="961">
                  <c:v>28.610000000001499</c:v>
                </c:pt>
                <c:pt idx="962">
                  <c:v>28.6200000000015</c:v>
                </c:pt>
                <c:pt idx="963">
                  <c:v>28.630000000001498</c:v>
                </c:pt>
                <c:pt idx="964">
                  <c:v>28.6400000000015</c:v>
                </c:pt>
                <c:pt idx="965">
                  <c:v>28.650000000001501</c:v>
                </c:pt>
                <c:pt idx="966">
                  <c:v>28.660000000001499</c:v>
                </c:pt>
                <c:pt idx="967">
                  <c:v>28.670000000001501</c:v>
                </c:pt>
                <c:pt idx="968">
                  <c:v>28.680000000001499</c:v>
                </c:pt>
                <c:pt idx="969">
                  <c:v>28.690000000001501</c:v>
                </c:pt>
                <c:pt idx="970">
                  <c:v>28.700000000001499</c:v>
                </c:pt>
                <c:pt idx="971">
                  <c:v>28.7100000000015</c:v>
                </c:pt>
                <c:pt idx="972">
                  <c:v>28.720000000001502</c:v>
                </c:pt>
                <c:pt idx="973">
                  <c:v>28.7300000000015</c:v>
                </c:pt>
                <c:pt idx="974">
                  <c:v>28.740000000001501</c:v>
                </c:pt>
                <c:pt idx="975">
                  <c:v>28.750000000001499</c:v>
                </c:pt>
                <c:pt idx="976">
                  <c:v>28.760000000001501</c:v>
                </c:pt>
                <c:pt idx="977">
                  <c:v>28.770000000001499</c:v>
                </c:pt>
                <c:pt idx="978">
                  <c:v>28.7800000000015</c:v>
                </c:pt>
                <c:pt idx="979">
                  <c:v>28.790000000001498</c:v>
                </c:pt>
                <c:pt idx="980">
                  <c:v>28.8000000000015</c:v>
                </c:pt>
                <c:pt idx="981">
                  <c:v>28.810000000001502</c:v>
                </c:pt>
                <c:pt idx="982">
                  <c:v>28.8200000000015</c:v>
                </c:pt>
                <c:pt idx="983">
                  <c:v>28.830000000001501</c:v>
                </c:pt>
                <c:pt idx="984">
                  <c:v>28.840000000001499</c:v>
                </c:pt>
                <c:pt idx="985">
                  <c:v>28.850000000001501</c:v>
                </c:pt>
                <c:pt idx="986">
                  <c:v>28.860000000001499</c:v>
                </c:pt>
                <c:pt idx="987">
                  <c:v>28.8700000000015</c:v>
                </c:pt>
                <c:pt idx="988">
                  <c:v>28.880000000001498</c:v>
                </c:pt>
                <c:pt idx="989">
                  <c:v>28.8900000000015</c:v>
                </c:pt>
                <c:pt idx="990">
                  <c:v>28.900000000001501</c:v>
                </c:pt>
                <c:pt idx="991">
                  <c:v>28.910000000001499</c:v>
                </c:pt>
                <c:pt idx="992">
                  <c:v>28.9200000000016</c:v>
                </c:pt>
                <c:pt idx="993">
                  <c:v>28.930000000001499</c:v>
                </c:pt>
                <c:pt idx="994">
                  <c:v>28.9400000000016</c:v>
                </c:pt>
                <c:pt idx="995">
                  <c:v>28.950000000001602</c:v>
                </c:pt>
                <c:pt idx="996">
                  <c:v>28.9600000000016</c:v>
                </c:pt>
                <c:pt idx="997">
                  <c:v>28.970000000001601</c:v>
                </c:pt>
                <c:pt idx="998">
                  <c:v>28.980000000001599</c:v>
                </c:pt>
                <c:pt idx="999">
                  <c:v>28.990000000001601</c:v>
                </c:pt>
                <c:pt idx="1000">
                  <c:v>29.000000000001599</c:v>
                </c:pt>
                <c:pt idx="1001">
                  <c:v>29.0100000000016</c:v>
                </c:pt>
                <c:pt idx="1002">
                  <c:v>29.020000000001598</c:v>
                </c:pt>
                <c:pt idx="1003">
                  <c:v>29.0300000000016</c:v>
                </c:pt>
                <c:pt idx="1004">
                  <c:v>29.040000000001601</c:v>
                </c:pt>
                <c:pt idx="1005">
                  <c:v>29.050000000001599</c:v>
                </c:pt>
                <c:pt idx="1006">
                  <c:v>29.060000000001601</c:v>
                </c:pt>
                <c:pt idx="1007">
                  <c:v>29.070000000001599</c:v>
                </c:pt>
                <c:pt idx="1008">
                  <c:v>29.080000000001601</c:v>
                </c:pt>
                <c:pt idx="1009">
                  <c:v>29.090000000001599</c:v>
                </c:pt>
                <c:pt idx="1010">
                  <c:v>29.1000000000016</c:v>
                </c:pt>
                <c:pt idx="1011">
                  <c:v>29.110000000001602</c:v>
                </c:pt>
                <c:pt idx="1012">
                  <c:v>29.1200000000016</c:v>
                </c:pt>
                <c:pt idx="1013">
                  <c:v>29.130000000001601</c:v>
                </c:pt>
                <c:pt idx="1014">
                  <c:v>29.140000000001599</c:v>
                </c:pt>
                <c:pt idx="1015">
                  <c:v>29.150000000001601</c:v>
                </c:pt>
                <c:pt idx="1016">
                  <c:v>29.160000000001599</c:v>
                </c:pt>
                <c:pt idx="1017">
                  <c:v>29.1700000000016</c:v>
                </c:pt>
                <c:pt idx="1018">
                  <c:v>29.180000000001598</c:v>
                </c:pt>
                <c:pt idx="1019">
                  <c:v>29.1900000000016</c:v>
                </c:pt>
                <c:pt idx="1020">
                  <c:v>29.200000000001602</c:v>
                </c:pt>
                <c:pt idx="1021">
                  <c:v>29.2100000000016</c:v>
                </c:pt>
                <c:pt idx="1022">
                  <c:v>29.220000000001601</c:v>
                </c:pt>
                <c:pt idx="1023">
                  <c:v>29.230000000001599</c:v>
                </c:pt>
                <c:pt idx="1024">
                  <c:v>29.240000000001601</c:v>
                </c:pt>
                <c:pt idx="1025">
                  <c:v>29.250000000001599</c:v>
                </c:pt>
                <c:pt idx="1026">
                  <c:v>29.2600000000016</c:v>
                </c:pt>
                <c:pt idx="1027">
                  <c:v>29.270000000001598</c:v>
                </c:pt>
                <c:pt idx="1028">
                  <c:v>29.2800000000016</c:v>
                </c:pt>
                <c:pt idx="1029">
                  <c:v>29.290000000001601</c:v>
                </c:pt>
                <c:pt idx="1030">
                  <c:v>29.300000000001599</c:v>
                </c:pt>
                <c:pt idx="1031">
                  <c:v>29.310000000001601</c:v>
                </c:pt>
                <c:pt idx="1032">
                  <c:v>29.320000000001599</c:v>
                </c:pt>
                <c:pt idx="1033">
                  <c:v>29.330000000001601</c:v>
                </c:pt>
                <c:pt idx="1034">
                  <c:v>29.340000000001599</c:v>
                </c:pt>
                <c:pt idx="1035">
                  <c:v>29.3500000000016</c:v>
                </c:pt>
                <c:pt idx="1036">
                  <c:v>29.360000000001602</c:v>
                </c:pt>
                <c:pt idx="1037">
                  <c:v>29.3700000000016</c:v>
                </c:pt>
                <c:pt idx="1038">
                  <c:v>29.380000000001601</c:v>
                </c:pt>
                <c:pt idx="1039">
                  <c:v>29.390000000001599</c:v>
                </c:pt>
                <c:pt idx="1040">
                  <c:v>29.400000000001601</c:v>
                </c:pt>
                <c:pt idx="1041">
                  <c:v>29.410000000001599</c:v>
                </c:pt>
                <c:pt idx="1042">
                  <c:v>29.4200000000016</c:v>
                </c:pt>
                <c:pt idx="1043">
                  <c:v>29.430000000001598</c:v>
                </c:pt>
                <c:pt idx="1044">
                  <c:v>29.4400000000016</c:v>
                </c:pt>
                <c:pt idx="1045">
                  <c:v>29.450000000001602</c:v>
                </c:pt>
                <c:pt idx="1046">
                  <c:v>29.4600000000016</c:v>
                </c:pt>
                <c:pt idx="1047">
                  <c:v>29.470000000001601</c:v>
                </c:pt>
                <c:pt idx="1048">
                  <c:v>29.480000000001599</c:v>
                </c:pt>
                <c:pt idx="1049">
                  <c:v>29.490000000001601</c:v>
                </c:pt>
                <c:pt idx="1050">
                  <c:v>29.500000000001599</c:v>
                </c:pt>
                <c:pt idx="1051">
                  <c:v>29.5100000000016</c:v>
                </c:pt>
                <c:pt idx="1052">
                  <c:v>29.520000000001598</c:v>
                </c:pt>
                <c:pt idx="1053">
                  <c:v>29.5300000000016</c:v>
                </c:pt>
                <c:pt idx="1054">
                  <c:v>29.540000000001601</c:v>
                </c:pt>
                <c:pt idx="1055">
                  <c:v>29.550000000001599</c:v>
                </c:pt>
                <c:pt idx="1056">
                  <c:v>29.5600000000017</c:v>
                </c:pt>
                <c:pt idx="1057">
                  <c:v>29.570000000001698</c:v>
                </c:pt>
                <c:pt idx="1058">
                  <c:v>29.5800000000017</c:v>
                </c:pt>
                <c:pt idx="1059">
                  <c:v>29.590000000001702</c:v>
                </c:pt>
                <c:pt idx="1060">
                  <c:v>29.6000000000017</c:v>
                </c:pt>
                <c:pt idx="1061">
                  <c:v>29.610000000001701</c:v>
                </c:pt>
                <c:pt idx="1062">
                  <c:v>29.620000000001699</c:v>
                </c:pt>
                <c:pt idx="1063">
                  <c:v>29.630000000001701</c:v>
                </c:pt>
                <c:pt idx="1064">
                  <c:v>29.640000000001699</c:v>
                </c:pt>
                <c:pt idx="1065">
                  <c:v>29.6500000000017</c:v>
                </c:pt>
                <c:pt idx="1066">
                  <c:v>29.660000000001698</c:v>
                </c:pt>
                <c:pt idx="1067">
                  <c:v>29.6700000000017</c:v>
                </c:pt>
                <c:pt idx="1068">
                  <c:v>29.680000000001701</c:v>
                </c:pt>
                <c:pt idx="1069">
                  <c:v>29.690000000001699</c:v>
                </c:pt>
                <c:pt idx="1070">
                  <c:v>29.700000000001701</c:v>
                </c:pt>
                <c:pt idx="1071">
                  <c:v>29.710000000001699</c:v>
                </c:pt>
                <c:pt idx="1072">
                  <c:v>29.720000000001701</c:v>
                </c:pt>
                <c:pt idx="1073">
                  <c:v>29.730000000001699</c:v>
                </c:pt>
                <c:pt idx="1074">
                  <c:v>29.7400000000017</c:v>
                </c:pt>
                <c:pt idx="1075">
                  <c:v>29.750000000001702</c:v>
                </c:pt>
                <c:pt idx="1076">
                  <c:v>29.7600000000017</c:v>
                </c:pt>
                <c:pt idx="1077">
                  <c:v>29.770000000001701</c:v>
                </c:pt>
                <c:pt idx="1078">
                  <c:v>29.780000000001699</c:v>
                </c:pt>
                <c:pt idx="1079">
                  <c:v>29.790000000001701</c:v>
                </c:pt>
                <c:pt idx="1080">
                  <c:v>29.800000000001699</c:v>
                </c:pt>
                <c:pt idx="1081">
                  <c:v>29.8100000000017</c:v>
                </c:pt>
                <c:pt idx="1082">
                  <c:v>29.820000000001698</c:v>
                </c:pt>
                <c:pt idx="1083">
                  <c:v>29.8300000000017</c:v>
                </c:pt>
                <c:pt idx="1084">
                  <c:v>29.840000000001702</c:v>
                </c:pt>
                <c:pt idx="1085">
                  <c:v>29.8500000000017</c:v>
                </c:pt>
                <c:pt idx="1086">
                  <c:v>29.860000000001701</c:v>
                </c:pt>
                <c:pt idx="1087">
                  <c:v>29.870000000001699</c:v>
                </c:pt>
                <c:pt idx="1088">
                  <c:v>29.880000000001701</c:v>
                </c:pt>
                <c:pt idx="1089">
                  <c:v>29.890000000001699</c:v>
                </c:pt>
                <c:pt idx="1090">
                  <c:v>29.9000000000017</c:v>
                </c:pt>
                <c:pt idx="1091">
                  <c:v>29.910000000001698</c:v>
                </c:pt>
                <c:pt idx="1092">
                  <c:v>29.9200000000017</c:v>
                </c:pt>
                <c:pt idx="1093">
                  <c:v>29.930000000001701</c:v>
                </c:pt>
                <c:pt idx="1094">
                  <c:v>29.940000000001699</c:v>
                </c:pt>
                <c:pt idx="1095">
                  <c:v>29.950000000001701</c:v>
                </c:pt>
                <c:pt idx="1096">
                  <c:v>29.960000000001699</c:v>
                </c:pt>
                <c:pt idx="1097">
                  <c:v>29.970000000001701</c:v>
                </c:pt>
                <c:pt idx="1098">
                  <c:v>29.980000000001699</c:v>
                </c:pt>
                <c:pt idx="1099">
                  <c:v>29.9900000000017</c:v>
                </c:pt>
                <c:pt idx="1100">
                  <c:v>30.000000000001702</c:v>
                </c:pt>
                <c:pt idx="1101">
                  <c:v>30.0100000000017</c:v>
                </c:pt>
                <c:pt idx="1102">
                  <c:v>30.020000000001701</c:v>
                </c:pt>
                <c:pt idx="1103">
                  <c:v>30.030000000001699</c:v>
                </c:pt>
                <c:pt idx="1104">
                  <c:v>30.040000000001701</c:v>
                </c:pt>
                <c:pt idx="1105">
                  <c:v>30.050000000001699</c:v>
                </c:pt>
                <c:pt idx="1106">
                  <c:v>30.0600000000017</c:v>
                </c:pt>
                <c:pt idx="1107">
                  <c:v>30.070000000001698</c:v>
                </c:pt>
                <c:pt idx="1108">
                  <c:v>30.0800000000017</c:v>
                </c:pt>
                <c:pt idx="1109">
                  <c:v>30.090000000001702</c:v>
                </c:pt>
                <c:pt idx="1110">
                  <c:v>30.1000000000017</c:v>
                </c:pt>
                <c:pt idx="1111">
                  <c:v>30.110000000001701</c:v>
                </c:pt>
                <c:pt idx="1112">
                  <c:v>30.120000000001699</c:v>
                </c:pt>
                <c:pt idx="1113">
                  <c:v>30.130000000001701</c:v>
                </c:pt>
                <c:pt idx="1114">
                  <c:v>30.140000000001699</c:v>
                </c:pt>
                <c:pt idx="1115">
                  <c:v>30.1500000000017</c:v>
                </c:pt>
                <c:pt idx="1116">
                  <c:v>30.160000000001698</c:v>
                </c:pt>
                <c:pt idx="1117">
                  <c:v>30.1700000000017</c:v>
                </c:pt>
                <c:pt idx="1118">
                  <c:v>30.180000000001701</c:v>
                </c:pt>
                <c:pt idx="1119">
                  <c:v>30.190000000001699</c:v>
                </c:pt>
                <c:pt idx="1120">
                  <c:v>30.200000000001801</c:v>
                </c:pt>
                <c:pt idx="1121">
                  <c:v>30.210000000001799</c:v>
                </c:pt>
                <c:pt idx="1122">
                  <c:v>30.2200000000018</c:v>
                </c:pt>
                <c:pt idx="1123">
                  <c:v>30.230000000001802</c:v>
                </c:pt>
                <c:pt idx="1124">
                  <c:v>30.2400000000018</c:v>
                </c:pt>
                <c:pt idx="1125">
                  <c:v>30.250000000001801</c:v>
                </c:pt>
                <c:pt idx="1126">
                  <c:v>30.260000000001799</c:v>
                </c:pt>
                <c:pt idx="1127">
                  <c:v>30.270000000001801</c:v>
                </c:pt>
                <c:pt idx="1128">
                  <c:v>30.280000000001799</c:v>
                </c:pt>
                <c:pt idx="1129">
                  <c:v>30.2900000000018</c:v>
                </c:pt>
                <c:pt idx="1130">
                  <c:v>30.300000000001798</c:v>
                </c:pt>
                <c:pt idx="1131">
                  <c:v>30.3100000000018</c:v>
                </c:pt>
                <c:pt idx="1132">
                  <c:v>30.320000000001802</c:v>
                </c:pt>
                <c:pt idx="1133">
                  <c:v>30.3300000000018</c:v>
                </c:pt>
                <c:pt idx="1134">
                  <c:v>30.340000000001801</c:v>
                </c:pt>
                <c:pt idx="1135">
                  <c:v>30.350000000001799</c:v>
                </c:pt>
                <c:pt idx="1136">
                  <c:v>30.360000000001801</c:v>
                </c:pt>
                <c:pt idx="1137">
                  <c:v>30.370000000001799</c:v>
                </c:pt>
                <c:pt idx="1138">
                  <c:v>30.3800000000018</c:v>
                </c:pt>
                <c:pt idx="1139">
                  <c:v>30.390000000001798</c:v>
                </c:pt>
                <c:pt idx="1140">
                  <c:v>30.4000000000018</c:v>
                </c:pt>
                <c:pt idx="1141">
                  <c:v>30.410000000001801</c:v>
                </c:pt>
                <c:pt idx="1142">
                  <c:v>30.420000000001799</c:v>
                </c:pt>
                <c:pt idx="1143">
                  <c:v>30.430000000001801</c:v>
                </c:pt>
                <c:pt idx="1144">
                  <c:v>30.440000000001799</c:v>
                </c:pt>
                <c:pt idx="1145">
                  <c:v>30.450000000001801</c:v>
                </c:pt>
                <c:pt idx="1146">
                  <c:v>30.460000000001799</c:v>
                </c:pt>
                <c:pt idx="1147">
                  <c:v>30.4700000000018</c:v>
                </c:pt>
                <c:pt idx="1148">
                  <c:v>30.480000000001802</c:v>
                </c:pt>
                <c:pt idx="1149">
                  <c:v>30.4900000000018</c:v>
                </c:pt>
                <c:pt idx="1150">
                  <c:v>30.500000000001801</c:v>
                </c:pt>
                <c:pt idx="1151">
                  <c:v>30.510000000001799</c:v>
                </c:pt>
                <c:pt idx="1152">
                  <c:v>30.520000000001801</c:v>
                </c:pt>
                <c:pt idx="1153">
                  <c:v>30.530000000001799</c:v>
                </c:pt>
                <c:pt idx="1154">
                  <c:v>30.5400000000018</c:v>
                </c:pt>
                <c:pt idx="1155">
                  <c:v>30.550000000001798</c:v>
                </c:pt>
                <c:pt idx="1156">
                  <c:v>30.5600000000018</c:v>
                </c:pt>
                <c:pt idx="1157">
                  <c:v>30.570000000001802</c:v>
                </c:pt>
                <c:pt idx="1158">
                  <c:v>30.5800000000018</c:v>
                </c:pt>
                <c:pt idx="1159">
                  <c:v>30.590000000001801</c:v>
                </c:pt>
                <c:pt idx="1160">
                  <c:v>30.600000000001799</c:v>
                </c:pt>
                <c:pt idx="1161">
                  <c:v>30.610000000001801</c:v>
                </c:pt>
                <c:pt idx="1162">
                  <c:v>30.620000000001799</c:v>
                </c:pt>
                <c:pt idx="1163">
                  <c:v>30.6300000000018</c:v>
                </c:pt>
                <c:pt idx="1164">
                  <c:v>30.640000000001798</c:v>
                </c:pt>
                <c:pt idx="1165">
                  <c:v>30.6500000000018</c:v>
                </c:pt>
                <c:pt idx="1166">
                  <c:v>30.660000000001801</c:v>
                </c:pt>
                <c:pt idx="1167">
                  <c:v>30.670000000001799</c:v>
                </c:pt>
                <c:pt idx="1168">
                  <c:v>30.680000000001801</c:v>
                </c:pt>
                <c:pt idx="1169">
                  <c:v>30.690000000001799</c:v>
                </c:pt>
                <c:pt idx="1170">
                  <c:v>30.700000000001801</c:v>
                </c:pt>
                <c:pt idx="1171">
                  <c:v>30.710000000001799</c:v>
                </c:pt>
                <c:pt idx="1172">
                  <c:v>30.7200000000018</c:v>
                </c:pt>
                <c:pt idx="1173">
                  <c:v>30.730000000001802</c:v>
                </c:pt>
                <c:pt idx="1174">
                  <c:v>30.7400000000018</c:v>
                </c:pt>
                <c:pt idx="1175">
                  <c:v>30.750000000001801</c:v>
                </c:pt>
                <c:pt idx="1176">
                  <c:v>30.760000000001799</c:v>
                </c:pt>
                <c:pt idx="1177">
                  <c:v>30.770000000001801</c:v>
                </c:pt>
                <c:pt idx="1178">
                  <c:v>30.780000000001799</c:v>
                </c:pt>
                <c:pt idx="1179">
                  <c:v>30.7900000000018</c:v>
                </c:pt>
                <c:pt idx="1180">
                  <c:v>30.800000000001798</c:v>
                </c:pt>
                <c:pt idx="1181">
                  <c:v>30.8100000000018</c:v>
                </c:pt>
                <c:pt idx="1182">
                  <c:v>30.820000000001802</c:v>
                </c:pt>
                <c:pt idx="1183">
                  <c:v>30.8300000000018</c:v>
                </c:pt>
                <c:pt idx="1184">
                  <c:v>30.840000000001901</c:v>
                </c:pt>
                <c:pt idx="1185">
                  <c:v>30.850000000001899</c:v>
                </c:pt>
                <c:pt idx="1186">
                  <c:v>30.8600000000019</c:v>
                </c:pt>
                <c:pt idx="1187">
                  <c:v>30.870000000001902</c:v>
                </c:pt>
                <c:pt idx="1188">
                  <c:v>30.8800000000019</c:v>
                </c:pt>
                <c:pt idx="1189">
                  <c:v>30.890000000001901</c:v>
                </c:pt>
                <c:pt idx="1190">
                  <c:v>30.900000000001899</c:v>
                </c:pt>
                <c:pt idx="1191">
                  <c:v>30.910000000001901</c:v>
                </c:pt>
                <c:pt idx="1192">
                  <c:v>30.920000000001899</c:v>
                </c:pt>
                <c:pt idx="1193">
                  <c:v>30.9300000000019</c:v>
                </c:pt>
                <c:pt idx="1194">
                  <c:v>30.940000000001898</c:v>
                </c:pt>
                <c:pt idx="1195">
                  <c:v>30.9500000000019</c:v>
                </c:pt>
                <c:pt idx="1196">
                  <c:v>30.960000000001902</c:v>
                </c:pt>
                <c:pt idx="1197">
                  <c:v>30.9700000000019</c:v>
                </c:pt>
                <c:pt idx="1198">
                  <c:v>30.980000000001901</c:v>
                </c:pt>
                <c:pt idx="1199">
                  <c:v>30.990000000001899</c:v>
                </c:pt>
                <c:pt idx="1200">
                  <c:v>31.000000000001901</c:v>
                </c:pt>
                <c:pt idx="1201">
                  <c:v>31.010000000001899</c:v>
                </c:pt>
                <c:pt idx="1202">
                  <c:v>31.0200000000019</c:v>
                </c:pt>
                <c:pt idx="1203">
                  <c:v>31.030000000001898</c:v>
                </c:pt>
                <c:pt idx="1204">
                  <c:v>31.0400000000019</c:v>
                </c:pt>
                <c:pt idx="1205">
                  <c:v>31.050000000001901</c:v>
                </c:pt>
                <c:pt idx="1206">
                  <c:v>31.060000000001899</c:v>
                </c:pt>
                <c:pt idx="1207">
                  <c:v>31.070000000001901</c:v>
                </c:pt>
                <c:pt idx="1208">
                  <c:v>31.080000000001899</c:v>
                </c:pt>
                <c:pt idx="1209">
                  <c:v>31.090000000001901</c:v>
                </c:pt>
                <c:pt idx="1210">
                  <c:v>31.100000000001899</c:v>
                </c:pt>
                <c:pt idx="1211">
                  <c:v>31.1100000000019</c:v>
                </c:pt>
                <c:pt idx="1212">
                  <c:v>31.120000000001902</c:v>
                </c:pt>
                <c:pt idx="1213">
                  <c:v>31.1300000000019</c:v>
                </c:pt>
                <c:pt idx="1214">
                  <c:v>31.140000000001901</c:v>
                </c:pt>
                <c:pt idx="1215">
                  <c:v>31.150000000001899</c:v>
                </c:pt>
                <c:pt idx="1216">
                  <c:v>31.160000000001901</c:v>
                </c:pt>
                <c:pt idx="1217">
                  <c:v>31.170000000001899</c:v>
                </c:pt>
                <c:pt idx="1218">
                  <c:v>31.1800000000019</c:v>
                </c:pt>
                <c:pt idx="1219">
                  <c:v>31.190000000001898</c:v>
                </c:pt>
                <c:pt idx="1220">
                  <c:v>31.2000000000019</c:v>
                </c:pt>
                <c:pt idx="1221">
                  <c:v>31.210000000001902</c:v>
                </c:pt>
                <c:pt idx="1222">
                  <c:v>31.2200000000019</c:v>
                </c:pt>
                <c:pt idx="1223">
                  <c:v>31.230000000001901</c:v>
                </c:pt>
                <c:pt idx="1224">
                  <c:v>31.240000000001899</c:v>
                </c:pt>
                <c:pt idx="1225">
                  <c:v>31.250000000001901</c:v>
                </c:pt>
                <c:pt idx="1226">
                  <c:v>31.260000000001899</c:v>
                </c:pt>
                <c:pt idx="1227">
                  <c:v>31.2700000000019</c:v>
                </c:pt>
                <c:pt idx="1228">
                  <c:v>31.280000000001898</c:v>
                </c:pt>
                <c:pt idx="1229">
                  <c:v>31.2900000000019</c:v>
                </c:pt>
                <c:pt idx="1230">
                  <c:v>31.300000000001901</c:v>
                </c:pt>
                <c:pt idx="1231">
                  <c:v>31.310000000001899</c:v>
                </c:pt>
                <c:pt idx="1232">
                  <c:v>31.320000000001901</c:v>
                </c:pt>
                <c:pt idx="1233">
                  <c:v>31.330000000001899</c:v>
                </c:pt>
                <c:pt idx="1234">
                  <c:v>31.340000000001901</c:v>
                </c:pt>
                <c:pt idx="1235">
                  <c:v>31.350000000001899</c:v>
                </c:pt>
                <c:pt idx="1236">
                  <c:v>31.3600000000019</c:v>
                </c:pt>
                <c:pt idx="1237">
                  <c:v>31.370000000001902</c:v>
                </c:pt>
                <c:pt idx="1238">
                  <c:v>31.3800000000019</c:v>
                </c:pt>
                <c:pt idx="1239">
                  <c:v>31.390000000001901</c:v>
                </c:pt>
                <c:pt idx="1240">
                  <c:v>31.400000000001899</c:v>
                </c:pt>
                <c:pt idx="1241">
                  <c:v>31.410000000001901</c:v>
                </c:pt>
                <c:pt idx="1242">
                  <c:v>31.420000000001899</c:v>
                </c:pt>
                <c:pt idx="1243">
                  <c:v>31.4300000000019</c:v>
                </c:pt>
                <c:pt idx="1244">
                  <c:v>31.440000000001898</c:v>
                </c:pt>
                <c:pt idx="1245">
                  <c:v>31.4500000000019</c:v>
                </c:pt>
                <c:pt idx="1246">
                  <c:v>31.460000000001902</c:v>
                </c:pt>
                <c:pt idx="1247">
                  <c:v>31.4700000000019</c:v>
                </c:pt>
                <c:pt idx="1248">
                  <c:v>31.480000000002001</c:v>
                </c:pt>
                <c:pt idx="1249">
                  <c:v>31.490000000001999</c:v>
                </c:pt>
                <c:pt idx="1250">
                  <c:v>31.500000000002</c:v>
                </c:pt>
                <c:pt idx="1251">
                  <c:v>31.510000000002002</c:v>
                </c:pt>
                <c:pt idx="1252">
                  <c:v>31.520000000002</c:v>
                </c:pt>
                <c:pt idx="1253">
                  <c:v>31.530000000002001</c:v>
                </c:pt>
                <c:pt idx="1254">
                  <c:v>31.540000000001999</c:v>
                </c:pt>
                <c:pt idx="1255">
                  <c:v>31.550000000002001</c:v>
                </c:pt>
                <c:pt idx="1256">
                  <c:v>31.560000000001999</c:v>
                </c:pt>
                <c:pt idx="1257">
                  <c:v>31.570000000002</c:v>
                </c:pt>
                <c:pt idx="1258">
                  <c:v>31.580000000001998</c:v>
                </c:pt>
                <c:pt idx="1259">
                  <c:v>31.590000000002</c:v>
                </c:pt>
                <c:pt idx="1260">
                  <c:v>31.600000000002002</c:v>
                </c:pt>
                <c:pt idx="1261">
                  <c:v>31.610000000002</c:v>
                </c:pt>
                <c:pt idx="1262">
                  <c:v>31.620000000002001</c:v>
                </c:pt>
                <c:pt idx="1263">
                  <c:v>31.630000000001999</c:v>
                </c:pt>
                <c:pt idx="1264">
                  <c:v>31.640000000002001</c:v>
                </c:pt>
                <c:pt idx="1265">
                  <c:v>31.650000000001999</c:v>
                </c:pt>
                <c:pt idx="1266">
                  <c:v>31.660000000002</c:v>
                </c:pt>
                <c:pt idx="1267">
                  <c:v>31.670000000001998</c:v>
                </c:pt>
                <c:pt idx="1268">
                  <c:v>31.680000000002</c:v>
                </c:pt>
                <c:pt idx="1269">
                  <c:v>31.690000000002001</c:v>
                </c:pt>
                <c:pt idx="1270">
                  <c:v>31.700000000001999</c:v>
                </c:pt>
                <c:pt idx="1271">
                  <c:v>31.710000000002001</c:v>
                </c:pt>
                <c:pt idx="1272">
                  <c:v>31.720000000001999</c:v>
                </c:pt>
                <c:pt idx="1273">
                  <c:v>31.730000000002001</c:v>
                </c:pt>
                <c:pt idx="1274">
                  <c:v>31.740000000001999</c:v>
                </c:pt>
                <c:pt idx="1275">
                  <c:v>31.750000000002</c:v>
                </c:pt>
                <c:pt idx="1276">
                  <c:v>31.760000000002002</c:v>
                </c:pt>
                <c:pt idx="1277">
                  <c:v>31.770000000002</c:v>
                </c:pt>
                <c:pt idx="1278">
                  <c:v>31.780000000002001</c:v>
                </c:pt>
                <c:pt idx="1279">
                  <c:v>31.790000000001999</c:v>
                </c:pt>
                <c:pt idx="1280">
                  <c:v>31.800000000002001</c:v>
                </c:pt>
                <c:pt idx="1281">
                  <c:v>31.810000000001999</c:v>
                </c:pt>
                <c:pt idx="1282">
                  <c:v>31.820000000002</c:v>
                </c:pt>
                <c:pt idx="1283">
                  <c:v>31.830000000001998</c:v>
                </c:pt>
                <c:pt idx="1284">
                  <c:v>31.840000000002</c:v>
                </c:pt>
                <c:pt idx="1285">
                  <c:v>31.850000000002002</c:v>
                </c:pt>
                <c:pt idx="1286">
                  <c:v>31.860000000002</c:v>
                </c:pt>
                <c:pt idx="1287">
                  <c:v>31.870000000002001</c:v>
                </c:pt>
                <c:pt idx="1288">
                  <c:v>31.880000000001999</c:v>
                </c:pt>
                <c:pt idx="1289">
                  <c:v>31.890000000002001</c:v>
                </c:pt>
                <c:pt idx="1290">
                  <c:v>31.900000000001999</c:v>
                </c:pt>
                <c:pt idx="1291">
                  <c:v>31.910000000002</c:v>
                </c:pt>
                <c:pt idx="1292">
                  <c:v>31.920000000001998</c:v>
                </c:pt>
                <c:pt idx="1293">
                  <c:v>31.930000000002</c:v>
                </c:pt>
                <c:pt idx="1294">
                  <c:v>31.940000000002001</c:v>
                </c:pt>
                <c:pt idx="1295">
                  <c:v>31.950000000001999</c:v>
                </c:pt>
                <c:pt idx="1296">
                  <c:v>31.960000000002001</c:v>
                </c:pt>
                <c:pt idx="1297">
                  <c:v>31.970000000001999</c:v>
                </c:pt>
                <c:pt idx="1298">
                  <c:v>31.980000000002001</c:v>
                </c:pt>
                <c:pt idx="1299">
                  <c:v>31.990000000001999</c:v>
                </c:pt>
                <c:pt idx="1300">
                  <c:v>32.000000000001997</c:v>
                </c:pt>
                <c:pt idx="1301">
                  <c:v>32.010000000002002</c:v>
                </c:pt>
                <c:pt idx="1302">
                  <c:v>32.020000000002</c:v>
                </c:pt>
                <c:pt idx="1303">
                  <c:v>32.030000000001998</c:v>
                </c:pt>
                <c:pt idx="1304">
                  <c:v>32.040000000002003</c:v>
                </c:pt>
                <c:pt idx="1305">
                  <c:v>32.050000000002001</c:v>
                </c:pt>
                <c:pt idx="1306">
                  <c:v>32.060000000001999</c:v>
                </c:pt>
                <c:pt idx="1307">
                  <c:v>32.070000000001997</c:v>
                </c:pt>
                <c:pt idx="1308">
                  <c:v>32.080000000002002</c:v>
                </c:pt>
                <c:pt idx="1309">
                  <c:v>32.090000000002</c:v>
                </c:pt>
                <c:pt idx="1310">
                  <c:v>32.100000000001998</c:v>
                </c:pt>
                <c:pt idx="1311">
                  <c:v>32.110000000002003</c:v>
                </c:pt>
                <c:pt idx="1312">
                  <c:v>32.120000000002101</c:v>
                </c:pt>
                <c:pt idx="1313">
                  <c:v>32.130000000002099</c:v>
                </c:pt>
                <c:pt idx="1314">
                  <c:v>32.140000000002097</c:v>
                </c:pt>
                <c:pt idx="1315">
                  <c:v>32.150000000002102</c:v>
                </c:pt>
                <c:pt idx="1316">
                  <c:v>32.1600000000021</c:v>
                </c:pt>
                <c:pt idx="1317">
                  <c:v>32.170000000002098</c:v>
                </c:pt>
                <c:pt idx="1318">
                  <c:v>32.180000000002103</c:v>
                </c:pt>
                <c:pt idx="1319">
                  <c:v>32.190000000002101</c:v>
                </c:pt>
                <c:pt idx="1320">
                  <c:v>32.200000000002099</c:v>
                </c:pt>
                <c:pt idx="1321">
                  <c:v>32.210000000002097</c:v>
                </c:pt>
                <c:pt idx="1322">
                  <c:v>32.220000000002102</c:v>
                </c:pt>
                <c:pt idx="1323">
                  <c:v>32.2300000000021</c:v>
                </c:pt>
                <c:pt idx="1324">
                  <c:v>32.240000000002098</c:v>
                </c:pt>
                <c:pt idx="1325">
                  <c:v>32.250000000002103</c:v>
                </c:pt>
                <c:pt idx="1326">
                  <c:v>32.260000000002101</c:v>
                </c:pt>
                <c:pt idx="1327">
                  <c:v>32.270000000002099</c:v>
                </c:pt>
                <c:pt idx="1328">
                  <c:v>32.280000000002097</c:v>
                </c:pt>
                <c:pt idx="1329">
                  <c:v>32.290000000002102</c:v>
                </c:pt>
                <c:pt idx="1330">
                  <c:v>32.3000000000021</c:v>
                </c:pt>
                <c:pt idx="1331">
                  <c:v>32.310000000002098</c:v>
                </c:pt>
                <c:pt idx="1332">
                  <c:v>32.320000000002103</c:v>
                </c:pt>
                <c:pt idx="1333">
                  <c:v>32.330000000002102</c:v>
                </c:pt>
                <c:pt idx="1334">
                  <c:v>32.3400000000021</c:v>
                </c:pt>
                <c:pt idx="1335">
                  <c:v>32.350000000002098</c:v>
                </c:pt>
                <c:pt idx="1336">
                  <c:v>32.360000000002103</c:v>
                </c:pt>
                <c:pt idx="1337">
                  <c:v>32.370000000002101</c:v>
                </c:pt>
                <c:pt idx="1338">
                  <c:v>32.380000000002099</c:v>
                </c:pt>
                <c:pt idx="1339">
                  <c:v>32.390000000002097</c:v>
                </c:pt>
                <c:pt idx="1340">
                  <c:v>32.400000000002102</c:v>
                </c:pt>
                <c:pt idx="1341">
                  <c:v>32.4100000000021</c:v>
                </c:pt>
                <c:pt idx="1342">
                  <c:v>32.420000000002098</c:v>
                </c:pt>
                <c:pt idx="1343">
                  <c:v>32.430000000002103</c:v>
                </c:pt>
                <c:pt idx="1344">
                  <c:v>32.440000000002101</c:v>
                </c:pt>
                <c:pt idx="1345">
                  <c:v>32.450000000002099</c:v>
                </c:pt>
                <c:pt idx="1346">
                  <c:v>32.460000000002097</c:v>
                </c:pt>
                <c:pt idx="1347">
                  <c:v>32.470000000002102</c:v>
                </c:pt>
                <c:pt idx="1348">
                  <c:v>32.4800000000021</c:v>
                </c:pt>
                <c:pt idx="1349">
                  <c:v>32.490000000002098</c:v>
                </c:pt>
                <c:pt idx="1350">
                  <c:v>32.500000000002103</c:v>
                </c:pt>
                <c:pt idx="1351">
                  <c:v>32.510000000002101</c:v>
                </c:pt>
                <c:pt idx="1352">
                  <c:v>32.520000000002099</c:v>
                </c:pt>
                <c:pt idx="1353">
                  <c:v>32.530000000002097</c:v>
                </c:pt>
                <c:pt idx="1354">
                  <c:v>32.540000000002102</c:v>
                </c:pt>
                <c:pt idx="1355">
                  <c:v>32.5500000000021</c:v>
                </c:pt>
                <c:pt idx="1356">
                  <c:v>32.560000000002098</c:v>
                </c:pt>
                <c:pt idx="1357">
                  <c:v>32.570000000002103</c:v>
                </c:pt>
                <c:pt idx="1358">
                  <c:v>32.580000000002102</c:v>
                </c:pt>
                <c:pt idx="1359">
                  <c:v>32.5900000000021</c:v>
                </c:pt>
                <c:pt idx="1360">
                  <c:v>32.600000000002098</c:v>
                </c:pt>
                <c:pt idx="1361">
                  <c:v>32.610000000002103</c:v>
                </c:pt>
                <c:pt idx="1362">
                  <c:v>32.620000000002101</c:v>
                </c:pt>
                <c:pt idx="1363">
                  <c:v>32.630000000002099</c:v>
                </c:pt>
                <c:pt idx="1364">
                  <c:v>32.640000000002097</c:v>
                </c:pt>
                <c:pt idx="1365">
                  <c:v>32.650000000002102</c:v>
                </c:pt>
                <c:pt idx="1366">
                  <c:v>32.6600000000021</c:v>
                </c:pt>
                <c:pt idx="1367">
                  <c:v>32.670000000002098</c:v>
                </c:pt>
                <c:pt idx="1368">
                  <c:v>32.680000000002103</c:v>
                </c:pt>
                <c:pt idx="1369">
                  <c:v>32.690000000002101</c:v>
                </c:pt>
                <c:pt idx="1370">
                  <c:v>32.700000000002099</c:v>
                </c:pt>
                <c:pt idx="1371">
                  <c:v>32.710000000002097</c:v>
                </c:pt>
                <c:pt idx="1372">
                  <c:v>32.720000000002102</c:v>
                </c:pt>
                <c:pt idx="1373">
                  <c:v>32.7300000000021</c:v>
                </c:pt>
                <c:pt idx="1374">
                  <c:v>32.740000000002098</c:v>
                </c:pt>
                <c:pt idx="1375">
                  <c:v>32.750000000002103</c:v>
                </c:pt>
                <c:pt idx="1376">
                  <c:v>32.760000000002201</c:v>
                </c:pt>
                <c:pt idx="1377">
                  <c:v>32.770000000002199</c:v>
                </c:pt>
                <c:pt idx="1378">
                  <c:v>32.780000000002197</c:v>
                </c:pt>
                <c:pt idx="1379">
                  <c:v>32.790000000002202</c:v>
                </c:pt>
                <c:pt idx="1380">
                  <c:v>32.8000000000022</c:v>
                </c:pt>
                <c:pt idx="1381">
                  <c:v>32.810000000002198</c:v>
                </c:pt>
                <c:pt idx="1382">
                  <c:v>32.820000000002203</c:v>
                </c:pt>
                <c:pt idx="1383">
                  <c:v>32.830000000002201</c:v>
                </c:pt>
                <c:pt idx="1384">
                  <c:v>32.840000000002199</c:v>
                </c:pt>
                <c:pt idx="1385">
                  <c:v>32.850000000002197</c:v>
                </c:pt>
                <c:pt idx="1386">
                  <c:v>32.860000000002202</c:v>
                </c:pt>
                <c:pt idx="1387">
                  <c:v>32.8700000000022</c:v>
                </c:pt>
                <c:pt idx="1388">
                  <c:v>32.880000000002198</c:v>
                </c:pt>
                <c:pt idx="1389">
                  <c:v>32.890000000002203</c:v>
                </c:pt>
                <c:pt idx="1390">
                  <c:v>32.900000000002201</c:v>
                </c:pt>
                <c:pt idx="1391">
                  <c:v>32.910000000002199</c:v>
                </c:pt>
                <c:pt idx="1392">
                  <c:v>32.920000000002197</c:v>
                </c:pt>
                <c:pt idx="1393">
                  <c:v>32.930000000002202</c:v>
                </c:pt>
                <c:pt idx="1394">
                  <c:v>32.9400000000022</c:v>
                </c:pt>
                <c:pt idx="1395">
                  <c:v>32.950000000002198</c:v>
                </c:pt>
                <c:pt idx="1396">
                  <c:v>32.960000000002204</c:v>
                </c:pt>
                <c:pt idx="1397">
                  <c:v>32.970000000002202</c:v>
                </c:pt>
                <c:pt idx="1398">
                  <c:v>32.9800000000022</c:v>
                </c:pt>
                <c:pt idx="1399">
                  <c:v>32.990000000002198</c:v>
                </c:pt>
                <c:pt idx="1400">
                  <c:v>33.000000000002203</c:v>
                </c:pt>
                <c:pt idx="1401">
                  <c:v>33.010000000002201</c:v>
                </c:pt>
                <c:pt idx="1402">
                  <c:v>33.020000000002199</c:v>
                </c:pt>
                <c:pt idx="1403">
                  <c:v>33.030000000002197</c:v>
                </c:pt>
                <c:pt idx="1404">
                  <c:v>33.040000000002202</c:v>
                </c:pt>
                <c:pt idx="1405">
                  <c:v>33.0500000000022</c:v>
                </c:pt>
                <c:pt idx="1406">
                  <c:v>33.060000000002198</c:v>
                </c:pt>
                <c:pt idx="1407">
                  <c:v>33.070000000002203</c:v>
                </c:pt>
                <c:pt idx="1408">
                  <c:v>33.080000000002201</c:v>
                </c:pt>
                <c:pt idx="1409">
                  <c:v>33.090000000002199</c:v>
                </c:pt>
                <c:pt idx="1410">
                  <c:v>33.100000000002197</c:v>
                </c:pt>
                <c:pt idx="1411">
                  <c:v>33.110000000002202</c:v>
                </c:pt>
                <c:pt idx="1412">
                  <c:v>33.1200000000022</c:v>
                </c:pt>
                <c:pt idx="1413">
                  <c:v>33.130000000002198</c:v>
                </c:pt>
                <c:pt idx="1414">
                  <c:v>33.140000000002203</c:v>
                </c:pt>
                <c:pt idx="1415">
                  <c:v>33.150000000002201</c:v>
                </c:pt>
                <c:pt idx="1416">
                  <c:v>33.160000000002199</c:v>
                </c:pt>
                <c:pt idx="1417">
                  <c:v>33.170000000002197</c:v>
                </c:pt>
                <c:pt idx="1418">
                  <c:v>33.180000000002202</c:v>
                </c:pt>
                <c:pt idx="1419">
                  <c:v>33.1900000000022</c:v>
                </c:pt>
                <c:pt idx="1420">
                  <c:v>33.200000000002198</c:v>
                </c:pt>
                <c:pt idx="1421">
                  <c:v>33.210000000002204</c:v>
                </c:pt>
                <c:pt idx="1422">
                  <c:v>33.220000000002202</c:v>
                </c:pt>
                <c:pt idx="1423">
                  <c:v>33.2300000000022</c:v>
                </c:pt>
                <c:pt idx="1424">
                  <c:v>33.240000000002198</c:v>
                </c:pt>
                <c:pt idx="1425">
                  <c:v>33.250000000002203</c:v>
                </c:pt>
                <c:pt idx="1426">
                  <c:v>33.260000000002201</c:v>
                </c:pt>
                <c:pt idx="1427">
                  <c:v>33.270000000002199</c:v>
                </c:pt>
                <c:pt idx="1428">
                  <c:v>33.280000000002197</c:v>
                </c:pt>
                <c:pt idx="1429">
                  <c:v>33.290000000002202</c:v>
                </c:pt>
                <c:pt idx="1430">
                  <c:v>33.3000000000022</c:v>
                </c:pt>
                <c:pt idx="1431">
                  <c:v>33.310000000002198</c:v>
                </c:pt>
                <c:pt idx="1432">
                  <c:v>33.320000000002203</c:v>
                </c:pt>
                <c:pt idx="1433">
                  <c:v>33.330000000002201</c:v>
                </c:pt>
                <c:pt idx="1434">
                  <c:v>33.340000000002199</c:v>
                </c:pt>
                <c:pt idx="1435">
                  <c:v>33.350000000002197</c:v>
                </c:pt>
                <c:pt idx="1436">
                  <c:v>33.360000000002202</c:v>
                </c:pt>
                <c:pt idx="1437">
                  <c:v>33.3700000000022</c:v>
                </c:pt>
                <c:pt idx="1438">
                  <c:v>33.380000000002198</c:v>
                </c:pt>
                <c:pt idx="1439">
                  <c:v>33.390000000002203</c:v>
                </c:pt>
                <c:pt idx="1440">
                  <c:v>33.400000000002301</c:v>
                </c:pt>
                <c:pt idx="1441">
                  <c:v>33.410000000002299</c:v>
                </c:pt>
                <c:pt idx="1442">
                  <c:v>33.420000000002297</c:v>
                </c:pt>
                <c:pt idx="1443">
                  <c:v>33.430000000002302</c:v>
                </c:pt>
                <c:pt idx="1444">
                  <c:v>33.4400000000023</c:v>
                </c:pt>
                <c:pt idx="1445">
                  <c:v>33.450000000002298</c:v>
                </c:pt>
                <c:pt idx="1446">
                  <c:v>33.460000000002303</c:v>
                </c:pt>
                <c:pt idx="1447">
                  <c:v>33.470000000002301</c:v>
                </c:pt>
                <c:pt idx="1448">
                  <c:v>33.480000000002299</c:v>
                </c:pt>
                <c:pt idx="1449">
                  <c:v>33.490000000002297</c:v>
                </c:pt>
                <c:pt idx="1450">
                  <c:v>33.500000000002302</c:v>
                </c:pt>
                <c:pt idx="1451">
                  <c:v>33.5100000000023</c:v>
                </c:pt>
                <c:pt idx="1452">
                  <c:v>33.520000000002298</c:v>
                </c:pt>
                <c:pt idx="1453">
                  <c:v>33.530000000002303</c:v>
                </c:pt>
                <c:pt idx="1454">
                  <c:v>33.540000000002301</c:v>
                </c:pt>
                <c:pt idx="1455">
                  <c:v>33.550000000002299</c:v>
                </c:pt>
                <c:pt idx="1456">
                  <c:v>33.560000000002297</c:v>
                </c:pt>
                <c:pt idx="1457">
                  <c:v>33.570000000002302</c:v>
                </c:pt>
                <c:pt idx="1458">
                  <c:v>33.5800000000023</c:v>
                </c:pt>
                <c:pt idx="1459">
                  <c:v>33.590000000002298</c:v>
                </c:pt>
                <c:pt idx="1460">
                  <c:v>33.600000000002296</c:v>
                </c:pt>
                <c:pt idx="1461">
                  <c:v>33.610000000002302</c:v>
                </c:pt>
                <c:pt idx="1462">
                  <c:v>33.6200000000023</c:v>
                </c:pt>
                <c:pt idx="1463">
                  <c:v>33.630000000002298</c:v>
                </c:pt>
                <c:pt idx="1464">
                  <c:v>33.640000000002303</c:v>
                </c:pt>
                <c:pt idx="1465">
                  <c:v>33.650000000002301</c:v>
                </c:pt>
                <c:pt idx="1466">
                  <c:v>33.660000000002299</c:v>
                </c:pt>
                <c:pt idx="1467">
                  <c:v>33.670000000002297</c:v>
                </c:pt>
                <c:pt idx="1468">
                  <c:v>33.680000000002302</c:v>
                </c:pt>
                <c:pt idx="1469">
                  <c:v>33.6900000000023</c:v>
                </c:pt>
                <c:pt idx="1470">
                  <c:v>33.700000000002298</c:v>
                </c:pt>
                <c:pt idx="1471">
                  <c:v>33.710000000002303</c:v>
                </c:pt>
                <c:pt idx="1472">
                  <c:v>33.720000000002301</c:v>
                </c:pt>
                <c:pt idx="1473">
                  <c:v>33.730000000002299</c:v>
                </c:pt>
                <c:pt idx="1474">
                  <c:v>33.740000000002297</c:v>
                </c:pt>
                <c:pt idx="1475">
                  <c:v>33.750000000002302</c:v>
                </c:pt>
                <c:pt idx="1476">
                  <c:v>33.7600000000023</c:v>
                </c:pt>
                <c:pt idx="1477">
                  <c:v>33.770000000002298</c:v>
                </c:pt>
                <c:pt idx="1478">
                  <c:v>33.780000000002303</c:v>
                </c:pt>
                <c:pt idx="1479">
                  <c:v>33.790000000002301</c:v>
                </c:pt>
                <c:pt idx="1480">
                  <c:v>33.800000000002299</c:v>
                </c:pt>
                <c:pt idx="1481">
                  <c:v>33.810000000002297</c:v>
                </c:pt>
                <c:pt idx="1482">
                  <c:v>33.820000000002302</c:v>
                </c:pt>
                <c:pt idx="1483">
                  <c:v>33.8300000000023</c:v>
                </c:pt>
                <c:pt idx="1484">
                  <c:v>33.840000000002298</c:v>
                </c:pt>
                <c:pt idx="1485">
                  <c:v>33.850000000002296</c:v>
                </c:pt>
                <c:pt idx="1486">
                  <c:v>33.860000000002302</c:v>
                </c:pt>
                <c:pt idx="1487">
                  <c:v>33.8700000000023</c:v>
                </c:pt>
                <c:pt idx="1488">
                  <c:v>33.880000000002298</c:v>
                </c:pt>
                <c:pt idx="1489">
                  <c:v>33.890000000002303</c:v>
                </c:pt>
                <c:pt idx="1490">
                  <c:v>33.900000000002301</c:v>
                </c:pt>
                <c:pt idx="1491">
                  <c:v>33.910000000002299</c:v>
                </c:pt>
                <c:pt idx="1492">
                  <c:v>33.920000000002297</c:v>
                </c:pt>
                <c:pt idx="1493">
                  <c:v>33.930000000002302</c:v>
                </c:pt>
                <c:pt idx="1494">
                  <c:v>33.9400000000023</c:v>
                </c:pt>
                <c:pt idx="1495">
                  <c:v>33.950000000002298</c:v>
                </c:pt>
                <c:pt idx="1496">
                  <c:v>33.960000000002303</c:v>
                </c:pt>
                <c:pt idx="1497">
                  <c:v>33.970000000002301</c:v>
                </c:pt>
                <c:pt idx="1498">
                  <c:v>33.980000000002299</c:v>
                </c:pt>
                <c:pt idx="1499">
                  <c:v>33.990000000002297</c:v>
                </c:pt>
                <c:pt idx="1500">
                  <c:v>34.000000000002302</c:v>
                </c:pt>
                <c:pt idx="1501">
                  <c:v>34.0100000000023</c:v>
                </c:pt>
                <c:pt idx="1502">
                  <c:v>34.020000000002298</c:v>
                </c:pt>
                <c:pt idx="1503">
                  <c:v>34.030000000002303</c:v>
                </c:pt>
                <c:pt idx="1504">
                  <c:v>34.040000000002401</c:v>
                </c:pt>
                <c:pt idx="1505">
                  <c:v>34.050000000002399</c:v>
                </c:pt>
                <c:pt idx="1506">
                  <c:v>34.060000000002397</c:v>
                </c:pt>
                <c:pt idx="1507">
                  <c:v>34.070000000002402</c:v>
                </c:pt>
                <c:pt idx="1508">
                  <c:v>34.0800000000024</c:v>
                </c:pt>
                <c:pt idx="1509">
                  <c:v>34.090000000002398</c:v>
                </c:pt>
                <c:pt idx="1510">
                  <c:v>34.100000000002403</c:v>
                </c:pt>
                <c:pt idx="1511">
                  <c:v>34.110000000002401</c:v>
                </c:pt>
                <c:pt idx="1512">
                  <c:v>34.120000000002399</c:v>
                </c:pt>
                <c:pt idx="1513">
                  <c:v>34.130000000002397</c:v>
                </c:pt>
                <c:pt idx="1514">
                  <c:v>34.140000000002402</c:v>
                </c:pt>
                <c:pt idx="1515">
                  <c:v>34.1500000000024</c:v>
                </c:pt>
                <c:pt idx="1516">
                  <c:v>34.160000000002398</c:v>
                </c:pt>
                <c:pt idx="1517">
                  <c:v>34.170000000002403</c:v>
                </c:pt>
                <c:pt idx="1518">
                  <c:v>34.180000000002401</c:v>
                </c:pt>
                <c:pt idx="1519">
                  <c:v>34.190000000002399</c:v>
                </c:pt>
                <c:pt idx="1520">
                  <c:v>34.200000000002397</c:v>
                </c:pt>
                <c:pt idx="1521">
                  <c:v>34.210000000002402</c:v>
                </c:pt>
                <c:pt idx="1522">
                  <c:v>34.2200000000024</c:v>
                </c:pt>
                <c:pt idx="1523">
                  <c:v>34.230000000002399</c:v>
                </c:pt>
                <c:pt idx="1524">
                  <c:v>34.240000000002397</c:v>
                </c:pt>
                <c:pt idx="1525">
                  <c:v>34.250000000002402</c:v>
                </c:pt>
                <c:pt idx="1526">
                  <c:v>34.2600000000024</c:v>
                </c:pt>
                <c:pt idx="1527">
                  <c:v>34.270000000002398</c:v>
                </c:pt>
                <c:pt idx="1528">
                  <c:v>34.280000000002403</c:v>
                </c:pt>
                <c:pt idx="1529">
                  <c:v>34.290000000002401</c:v>
                </c:pt>
                <c:pt idx="1530">
                  <c:v>34.300000000002399</c:v>
                </c:pt>
                <c:pt idx="1531">
                  <c:v>34.310000000002397</c:v>
                </c:pt>
                <c:pt idx="1532">
                  <c:v>34.320000000002402</c:v>
                </c:pt>
                <c:pt idx="1533">
                  <c:v>34.3300000000024</c:v>
                </c:pt>
                <c:pt idx="1534">
                  <c:v>34.340000000002398</c:v>
                </c:pt>
                <c:pt idx="1535">
                  <c:v>34.350000000002403</c:v>
                </c:pt>
                <c:pt idx="1536">
                  <c:v>34.360000000002401</c:v>
                </c:pt>
                <c:pt idx="1537">
                  <c:v>34.370000000002399</c:v>
                </c:pt>
                <c:pt idx="1538">
                  <c:v>34.380000000002397</c:v>
                </c:pt>
                <c:pt idx="1539">
                  <c:v>34.390000000002402</c:v>
                </c:pt>
                <c:pt idx="1540">
                  <c:v>34.4000000000024</c:v>
                </c:pt>
                <c:pt idx="1541">
                  <c:v>34.410000000002398</c:v>
                </c:pt>
                <c:pt idx="1542">
                  <c:v>34.420000000002403</c:v>
                </c:pt>
                <c:pt idx="1543">
                  <c:v>34.430000000002401</c:v>
                </c:pt>
                <c:pt idx="1544">
                  <c:v>34.440000000002399</c:v>
                </c:pt>
                <c:pt idx="1545">
                  <c:v>34.450000000002397</c:v>
                </c:pt>
                <c:pt idx="1546">
                  <c:v>34.460000000002402</c:v>
                </c:pt>
                <c:pt idx="1547">
                  <c:v>34.4700000000024</c:v>
                </c:pt>
                <c:pt idx="1548">
                  <c:v>34.480000000002399</c:v>
                </c:pt>
                <c:pt idx="1549">
                  <c:v>34.490000000002397</c:v>
                </c:pt>
                <c:pt idx="1550">
                  <c:v>34.500000000002402</c:v>
                </c:pt>
                <c:pt idx="1551">
                  <c:v>34.5100000000024</c:v>
                </c:pt>
                <c:pt idx="1552">
                  <c:v>34.520000000002398</c:v>
                </c:pt>
                <c:pt idx="1553">
                  <c:v>34.530000000002403</c:v>
                </c:pt>
                <c:pt idx="1554">
                  <c:v>34.540000000002401</c:v>
                </c:pt>
                <c:pt idx="1555">
                  <c:v>34.550000000002399</c:v>
                </c:pt>
                <c:pt idx="1556">
                  <c:v>34.560000000002397</c:v>
                </c:pt>
                <c:pt idx="1557">
                  <c:v>34.570000000002402</c:v>
                </c:pt>
                <c:pt idx="1558">
                  <c:v>34.5800000000024</c:v>
                </c:pt>
                <c:pt idx="1559">
                  <c:v>34.590000000002398</c:v>
                </c:pt>
                <c:pt idx="1560">
                  <c:v>34.600000000002403</c:v>
                </c:pt>
                <c:pt idx="1561">
                  <c:v>34.610000000002401</c:v>
                </c:pt>
                <c:pt idx="1562">
                  <c:v>34.620000000002399</c:v>
                </c:pt>
                <c:pt idx="1563">
                  <c:v>34.630000000002397</c:v>
                </c:pt>
                <c:pt idx="1564">
                  <c:v>34.640000000002402</c:v>
                </c:pt>
                <c:pt idx="1565">
                  <c:v>34.6500000000024</c:v>
                </c:pt>
                <c:pt idx="1566">
                  <c:v>34.660000000002398</c:v>
                </c:pt>
                <c:pt idx="1567">
                  <c:v>34.670000000002403</c:v>
                </c:pt>
                <c:pt idx="1568">
                  <c:v>34.680000000002501</c:v>
                </c:pt>
                <c:pt idx="1569">
                  <c:v>34.690000000002499</c:v>
                </c:pt>
                <c:pt idx="1570">
                  <c:v>34.700000000002497</c:v>
                </c:pt>
                <c:pt idx="1571">
                  <c:v>34.710000000002502</c:v>
                </c:pt>
                <c:pt idx="1572">
                  <c:v>34.7200000000025</c:v>
                </c:pt>
                <c:pt idx="1573">
                  <c:v>34.730000000002498</c:v>
                </c:pt>
                <c:pt idx="1574">
                  <c:v>34.740000000002503</c:v>
                </c:pt>
                <c:pt idx="1575">
                  <c:v>34.750000000002501</c:v>
                </c:pt>
                <c:pt idx="1576">
                  <c:v>34.760000000002499</c:v>
                </c:pt>
                <c:pt idx="1577">
                  <c:v>34.770000000002497</c:v>
                </c:pt>
                <c:pt idx="1578">
                  <c:v>34.780000000002502</c:v>
                </c:pt>
                <c:pt idx="1579">
                  <c:v>34.7900000000025</c:v>
                </c:pt>
                <c:pt idx="1580">
                  <c:v>34.800000000002498</c:v>
                </c:pt>
                <c:pt idx="1581">
                  <c:v>34.810000000002503</c:v>
                </c:pt>
                <c:pt idx="1582">
                  <c:v>34.820000000002501</c:v>
                </c:pt>
                <c:pt idx="1583">
                  <c:v>34.830000000002499</c:v>
                </c:pt>
                <c:pt idx="1584">
                  <c:v>34.840000000002497</c:v>
                </c:pt>
                <c:pt idx="1585">
                  <c:v>34.850000000002503</c:v>
                </c:pt>
                <c:pt idx="1586">
                  <c:v>34.860000000002501</c:v>
                </c:pt>
                <c:pt idx="1587">
                  <c:v>34.870000000002499</c:v>
                </c:pt>
                <c:pt idx="1588">
                  <c:v>34.880000000002497</c:v>
                </c:pt>
                <c:pt idx="1589">
                  <c:v>34.890000000002502</c:v>
                </c:pt>
                <c:pt idx="1590">
                  <c:v>34.9000000000025</c:v>
                </c:pt>
                <c:pt idx="1591">
                  <c:v>34.910000000002498</c:v>
                </c:pt>
                <c:pt idx="1592">
                  <c:v>34.920000000002503</c:v>
                </c:pt>
                <c:pt idx="1593">
                  <c:v>34.930000000002501</c:v>
                </c:pt>
                <c:pt idx="1594">
                  <c:v>34.940000000002499</c:v>
                </c:pt>
                <c:pt idx="1595">
                  <c:v>34.950000000002497</c:v>
                </c:pt>
                <c:pt idx="1596">
                  <c:v>34.960000000002502</c:v>
                </c:pt>
                <c:pt idx="1597">
                  <c:v>34.9700000000025</c:v>
                </c:pt>
                <c:pt idx="1598">
                  <c:v>34.980000000002498</c:v>
                </c:pt>
                <c:pt idx="1599">
                  <c:v>34.990000000002503</c:v>
                </c:pt>
                <c:pt idx="1600">
                  <c:v>35.000000000002501</c:v>
                </c:pt>
                <c:pt idx="1601">
                  <c:v>35.010000000002499</c:v>
                </c:pt>
                <c:pt idx="1602">
                  <c:v>35.020000000002497</c:v>
                </c:pt>
                <c:pt idx="1603">
                  <c:v>35.030000000002502</c:v>
                </c:pt>
                <c:pt idx="1604">
                  <c:v>35.0400000000025</c:v>
                </c:pt>
                <c:pt idx="1605">
                  <c:v>35.050000000002498</c:v>
                </c:pt>
                <c:pt idx="1606">
                  <c:v>35.060000000002503</c:v>
                </c:pt>
                <c:pt idx="1607">
                  <c:v>35.070000000002501</c:v>
                </c:pt>
                <c:pt idx="1608">
                  <c:v>35.080000000002499</c:v>
                </c:pt>
                <c:pt idx="1609">
                  <c:v>35.090000000002497</c:v>
                </c:pt>
                <c:pt idx="1610">
                  <c:v>35.100000000002503</c:v>
                </c:pt>
                <c:pt idx="1611">
                  <c:v>35.110000000002501</c:v>
                </c:pt>
                <c:pt idx="1612">
                  <c:v>35.120000000002499</c:v>
                </c:pt>
                <c:pt idx="1613">
                  <c:v>35.130000000002497</c:v>
                </c:pt>
                <c:pt idx="1614">
                  <c:v>35.140000000002502</c:v>
                </c:pt>
                <c:pt idx="1615">
                  <c:v>35.1500000000025</c:v>
                </c:pt>
                <c:pt idx="1616">
                  <c:v>35.160000000002498</c:v>
                </c:pt>
                <c:pt idx="1617">
                  <c:v>35.170000000002503</c:v>
                </c:pt>
                <c:pt idx="1618">
                  <c:v>35.180000000002501</c:v>
                </c:pt>
                <c:pt idx="1619">
                  <c:v>35.190000000002499</c:v>
                </c:pt>
                <c:pt idx="1620">
                  <c:v>35.200000000002497</c:v>
                </c:pt>
                <c:pt idx="1621">
                  <c:v>35.210000000002502</c:v>
                </c:pt>
                <c:pt idx="1622">
                  <c:v>35.2200000000025</c:v>
                </c:pt>
                <c:pt idx="1623">
                  <c:v>35.230000000002498</c:v>
                </c:pt>
                <c:pt idx="1624">
                  <c:v>35.240000000002503</c:v>
                </c:pt>
                <c:pt idx="1625">
                  <c:v>35.250000000002501</c:v>
                </c:pt>
                <c:pt idx="1626">
                  <c:v>35.260000000002499</c:v>
                </c:pt>
                <c:pt idx="1627">
                  <c:v>35.270000000002497</c:v>
                </c:pt>
                <c:pt idx="1628">
                  <c:v>35.280000000002502</c:v>
                </c:pt>
                <c:pt idx="1629">
                  <c:v>35.2900000000025</c:v>
                </c:pt>
                <c:pt idx="1630">
                  <c:v>35.300000000002498</c:v>
                </c:pt>
                <c:pt idx="1631">
                  <c:v>35.310000000002503</c:v>
                </c:pt>
                <c:pt idx="1632">
                  <c:v>35.320000000002601</c:v>
                </c:pt>
                <c:pt idx="1633">
                  <c:v>35.330000000002599</c:v>
                </c:pt>
                <c:pt idx="1634">
                  <c:v>35.340000000002597</c:v>
                </c:pt>
                <c:pt idx="1635">
                  <c:v>35.350000000002602</c:v>
                </c:pt>
                <c:pt idx="1636">
                  <c:v>35.3600000000026</c:v>
                </c:pt>
                <c:pt idx="1637">
                  <c:v>35.370000000002598</c:v>
                </c:pt>
                <c:pt idx="1638">
                  <c:v>35.380000000002603</c:v>
                </c:pt>
                <c:pt idx="1639">
                  <c:v>35.390000000002601</c:v>
                </c:pt>
                <c:pt idx="1640">
                  <c:v>35.400000000002599</c:v>
                </c:pt>
                <c:pt idx="1641">
                  <c:v>35.410000000002597</c:v>
                </c:pt>
                <c:pt idx="1642">
                  <c:v>35.420000000002602</c:v>
                </c:pt>
                <c:pt idx="1643">
                  <c:v>35.4300000000026</c:v>
                </c:pt>
                <c:pt idx="1644">
                  <c:v>35.440000000002598</c:v>
                </c:pt>
                <c:pt idx="1645">
                  <c:v>35.450000000002603</c:v>
                </c:pt>
                <c:pt idx="1646">
                  <c:v>35.460000000002601</c:v>
                </c:pt>
                <c:pt idx="1647">
                  <c:v>35.470000000002599</c:v>
                </c:pt>
                <c:pt idx="1648">
                  <c:v>35.480000000002597</c:v>
                </c:pt>
                <c:pt idx="1649">
                  <c:v>35.490000000002603</c:v>
                </c:pt>
                <c:pt idx="1650">
                  <c:v>35.500000000002601</c:v>
                </c:pt>
                <c:pt idx="1651">
                  <c:v>35.510000000002599</c:v>
                </c:pt>
                <c:pt idx="1652">
                  <c:v>35.520000000002597</c:v>
                </c:pt>
                <c:pt idx="1653">
                  <c:v>35.530000000002602</c:v>
                </c:pt>
                <c:pt idx="1654">
                  <c:v>35.5400000000026</c:v>
                </c:pt>
                <c:pt idx="1655">
                  <c:v>35.550000000002598</c:v>
                </c:pt>
                <c:pt idx="1656">
                  <c:v>35.560000000002603</c:v>
                </c:pt>
                <c:pt idx="1657">
                  <c:v>35.570000000002601</c:v>
                </c:pt>
                <c:pt idx="1658">
                  <c:v>35.580000000002599</c:v>
                </c:pt>
                <c:pt idx="1659">
                  <c:v>35.590000000002597</c:v>
                </c:pt>
                <c:pt idx="1660">
                  <c:v>35.600000000002602</c:v>
                </c:pt>
                <c:pt idx="1661">
                  <c:v>35.6100000000026</c:v>
                </c:pt>
                <c:pt idx="1662">
                  <c:v>35.620000000002598</c:v>
                </c:pt>
                <c:pt idx="1663">
                  <c:v>35.630000000002603</c:v>
                </c:pt>
                <c:pt idx="1664">
                  <c:v>35.640000000002601</c:v>
                </c:pt>
                <c:pt idx="1665">
                  <c:v>35.650000000002599</c:v>
                </c:pt>
                <c:pt idx="1666">
                  <c:v>35.660000000002597</c:v>
                </c:pt>
                <c:pt idx="1667">
                  <c:v>35.670000000002602</c:v>
                </c:pt>
                <c:pt idx="1668">
                  <c:v>35.6800000000026</c:v>
                </c:pt>
                <c:pt idx="1669">
                  <c:v>35.690000000002598</c:v>
                </c:pt>
                <c:pt idx="1670">
                  <c:v>35.700000000002603</c:v>
                </c:pt>
                <c:pt idx="1671">
                  <c:v>35.710000000002601</c:v>
                </c:pt>
                <c:pt idx="1672">
                  <c:v>35.720000000002599</c:v>
                </c:pt>
                <c:pt idx="1673">
                  <c:v>35.730000000002597</c:v>
                </c:pt>
                <c:pt idx="1674">
                  <c:v>35.740000000002603</c:v>
                </c:pt>
                <c:pt idx="1675">
                  <c:v>35.750000000002601</c:v>
                </c:pt>
                <c:pt idx="1676">
                  <c:v>35.760000000002599</c:v>
                </c:pt>
                <c:pt idx="1677">
                  <c:v>35.770000000002597</c:v>
                </c:pt>
                <c:pt idx="1678">
                  <c:v>35.780000000002602</c:v>
                </c:pt>
                <c:pt idx="1679">
                  <c:v>35.7900000000026</c:v>
                </c:pt>
                <c:pt idx="1680">
                  <c:v>35.800000000002598</c:v>
                </c:pt>
                <c:pt idx="1681">
                  <c:v>35.810000000002603</c:v>
                </c:pt>
                <c:pt idx="1682">
                  <c:v>35.820000000002601</c:v>
                </c:pt>
                <c:pt idx="1683">
                  <c:v>35.830000000002599</c:v>
                </c:pt>
                <c:pt idx="1684">
                  <c:v>35.840000000002597</c:v>
                </c:pt>
                <c:pt idx="1685">
                  <c:v>35.850000000002602</c:v>
                </c:pt>
                <c:pt idx="1686">
                  <c:v>35.8600000000026</c:v>
                </c:pt>
                <c:pt idx="1687">
                  <c:v>35.870000000002598</c:v>
                </c:pt>
                <c:pt idx="1688">
                  <c:v>35.880000000002603</c:v>
                </c:pt>
                <c:pt idx="1689">
                  <c:v>35.890000000002601</c:v>
                </c:pt>
                <c:pt idx="1690">
                  <c:v>35.900000000002599</c:v>
                </c:pt>
                <c:pt idx="1691">
                  <c:v>35.910000000002597</c:v>
                </c:pt>
                <c:pt idx="1692">
                  <c:v>35.920000000002602</c:v>
                </c:pt>
                <c:pt idx="1693">
                  <c:v>35.9300000000026</c:v>
                </c:pt>
                <c:pt idx="1694">
                  <c:v>35.940000000002598</c:v>
                </c:pt>
                <c:pt idx="1695">
                  <c:v>35.950000000002603</c:v>
                </c:pt>
                <c:pt idx="1696">
                  <c:v>35.960000000002701</c:v>
                </c:pt>
                <c:pt idx="1697">
                  <c:v>35.970000000002699</c:v>
                </c:pt>
                <c:pt idx="1698">
                  <c:v>35.980000000002697</c:v>
                </c:pt>
                <c:pt idx="1699">
                  <c:v>35.990000000002702</c:v>
                </c:pt>
                <c:pt idx="1700">
                  <c:v>36.0000000000027</c:v>
                </c:pt>
                <c:pt idx="1701">
                  <c:v>36.010000000002698</c:v>
                </c:pt>
                <c:pt idx="1702">
                  <c:v>36.020000000002703</c:v>
                </c:pt>
                <c:pt idx="1703">
                  <c:v>36.030000000002701</c:v>
                </c:pt>
                <c:pt idx="1704">
                  <c:v>36.040000000002699</c:v>
                </c:pt>
                <c:pt idx="1705">
                  <c:v>36.050000000002697</c:v>
                </c:pt>
                <c:pt idx="1706">
                  <c:v>36.060000000002702</c:v>
                </c:pt>
                <c:pt idx="1707">
                  <c:v>36.0700000000027</c:v>
                </c:pt>
                <c:pt idx="1708">
                  <c:v>36.080000000002698</c:v>
                </c:pt>
                <c:pt idx="1709">
                  <c:v>36.090000000002703</c:v>
                </c:pt>
                <c:pt idx="1710">
                  <c:v>36.100000000002701</c:v>
                </c:pt>
                <c:pt idx="1711">
                  <c:v>36.110000000002699</c:v>
                </c:pt>
                <c:pt idx="1712">
                  <c:v>36.120000000002698</c:v>
                </c:pt>
                <c:pt idx="1713">
                  <c:v>36.130000000002703</c:v>
                </c:pt>
                <c:pt idx="1714">
                  <c:v>36.140000000002701</c:v>
                </c:pt>
                <c:pt idx="1715">
                  <c:v>36.150000000002699</c:v>
                </c:pt>
                <c:pt idx="1716">
                  <c:v>36.160000000002697</c:v>
                </c:pt>
                <c:pt idx="1717">
                  <c:v>36.170000000002702</c:v>
                </c:pt>
                <c:pt idx="1718">
                  <c:v>36.1800000000027</c:v>
                </c:pt>
                <c:pt idx="1719">
                  <c:v>36.190000000002698</c:v>
                </c:pt>
                <c:pt idx="1720">
                  <c:v>36.200000000002703</c:v>
                </c:pt>
                <c:pt idx="1721">
                  <c:v>36.210000000002701</c:v>
                </c:pt>
                <c:pt idx="1722">
                  <c:v>36.220000000002699</c:v>
                </c:pt>
                <c:pt idx="1723">
                  <c:v>36.230000000002697</c:v>
                </c:pt>
                <c:pt idx="1724">
                  <c:v>36.240000000002702</c:v>
                </c:pt>
                <c:pt idx="1725">
                  <c:v>36.2500000000027</c:v>
                </c:pt>
                <c:pt idx="1726">
                  <c:v>36.260000000002698</c:v>
                </c:pt>
                <c:pt idx="1727">
                  <c:v>36.270000000002703</c:v>
                </c:pt>
                <c:pt idx="1728">
                  <c:v>36.280000000002701</c:v>
                </c:pt>
                <c:pt idx="1729">
                  <c:v>36.290000000002699</c:v>
                </c:pt>
                <c:pt idx="1730">
                  <c:v>36.300000000002697</c:v>
                </c:pt>
                <c:pt idx="1731">
                  <c:v>36.310000000002702</c:v>
                </c:pt>
                <c:pt idx="1732">
                  <c:v>36.3200000000027</c:v>
                </c:pt>
                <c:pt idx="1733">
                  <c:v>36.330000000002698</c:v>
                </c:pt>
                <c:pt idx="1734">
                  <c:v>36.340000000002703</c:v>
                </c:pt>
                <c:pt idx="1735">
                  <c:v>36.350000000002701</c:v>
                </c:pt>
                <c:pt idx="1736">
                  <c:v>36.360000000002699</c:v>
                </c:pt>
                <c:pt idx="1737">
                  <c:v>36.370000000002698</c:v>
                </c:pt>
                <c:pt idx="1738">
                  <c:v>36.380000000002703</c:v>
                </c:pt>
                <c:pt idx="1739">
                  <c:v>36.390000000002701</c:v>
                </c:pt>
                <c:pt idx="1740">
                  <c:v>36.400000000002699</c:v>
                </c:pt>
                <c:pt idx="1741">
                  <c:v>36.410000000002697</c:v>
                </c:pt>
                <c:pt idx="1742">
                  <c:v>36.420000000002702</c:v>
                </c:pt>
                <c:pt idx="1743">
                  <c:v>36.4300000000027</c:v>
                </c:pt>
                <c:pt idx="1744">
                  <c:v>36.440000000002698</c:v>
                </c:pt>
                <c:pt idx="1745">
                  <c:v>36.450000000002703</c:v>
                </c:pt>
                <c:pt idx="1746">
                  <c:v>36.460000000002701</c:v>
                </c:pt>
                <c:pt idx="1747">
                  <c:v>36.470000000002699</c:v>
                </c:pt>
                <c:pt idx="1748">
                  <c:v>36.480000000002697</c:v>
                </c:pt>
                <c:pt idx="1749">
                  <c:v>36.490000000002702</c:v>
                </c:pt>
                <c:pt idx="1750">
                  <c:v>36.5000000000027</c:v>
                </c:pt>
                <c:pt idx="1751">
                  <c:v>36.510000000002698</c:v>
                </c:pt>
                <c:pt idx="1752">
                  <c:v>36.520000000002703</c:v>
                </c:pt>
                <c:pt idx="1753">
                  <c:v>36.530000000002701</c:v>
                </c:pt>
                <c:pt idx="1754">
                  <c:v>36.540000000002699</c:v>
                </c:pt>
                <c:pt idx="1755">
                  <c:v>36.550000000002697</c:v>
                </c:pt>
                <c:pt idx="1756">
                  <c:v>36.560000000002702</c:v>
                </c:pt>
                <c:pt idx="1757">
                  <c:v>36.5700000000027</c:v>
                </c:pt>
                <c:pt idx="1758">
                  <c:v>36.580000000002698</c:v>
                </c:pt>
                <c:pt idx="1759">
                  <c:v>36.590000000002703</c:v>
                </c:pt>
                <c:pt idx="1760">
                  <c:v>36.600000000002801</c:v>
                </c:pt>
                <c:pt idx="1761">
                  <c:v>36.610000000002799</c:v>
                </c:pt>
                <c:pt idx="1762">
                  <c:v>36.620000000002797</c:v>
                </c:pt>
                <c:pt idx="1763">
                  <c:v>36.630000000002802</c:v>
                </c:pt>
                <c:pt idx="1764">
                  <c:v>36.6400000000028</c:v>
                </c:pt>
                <c:pt idx="1765">
                  <c:v>36.650000000002798</c:v>
                </c:pt>
                <c:pt idx="1766">
                  <c:v>36.660000000002803</c:v>
                </c:pt>
                <c:pt idx="1767">
                  <c:v>36.670000000002801</c:v>
                </c:pt>
                <c:pt idx="1768">
                  <c:v>36.680000000002799</c:v>
                </c:pt>
                <c:pt idx="1769">
                  <c:v>36.690000000002797</c:v>
                </c:pt>
                <c:pt idx="1770">
                  <c:v>36.700000000002802</c:v>
                </c:pt>
                <c:pt idx="1771">
                  <c:v>36.7100000000028</c:v>
                </c:pt>
                <c:pt idx="1772">
                  <c:v>36.720000000002798</c:v>
                </c:pt>
                <c:pt idx="1773">
                  <c:v>36.730000000002804</c:v>
                </c:pt>
                <c:pt idx="1774">
                  <c:v>36.740000000002802</c:v>
                </c:pt>
                <c:pt idx="1775">
                  <c:v>36.7500000000028</c:v>
                </c:pt>
                <c:pt idx="1776">
                  <c:v>36.760000000002798</c:v>
                </c:pt>
                <c:pt idx="1777">
                  <c:v>36.770000000002803</c:v>
                </c:pt>
                <c:pt idx="1778">
                  <c:v>36.780000000002801</c:v>
                </c:pt>
                <c:pt idx="1779">
                  <c:v>36.790000000002799</c:v>
                </c:pt>
                <c:pt idx="1780">
                  <c:v>36.800000000002797</c:v>
                </c:pt>
                <c:pt idx="1781">
                  <c:v>36.810000000002802</c:v>
                </c:pt>
                <c:pt idx="1782">
                  <c:v>36.8200000000028</c:v>
                </c:pt>
                <c:pt idx="1783">
                  <c:v>36.830000000002798</c:v>
                </c:pt>
                <c:pt idx="1784">
                  <c:v>36.840000000002803</c:v>
                </c:pt>
                <c:pt idx="1785">
                  <c:v>36.850000000002801</c:v>
                </c:pt>
                <c:pt idx="1786">
                  <c:v>36.860000000002799</c:v>
                </c:pt>
                <c:pt idx="1787">
                  <c:v>36.870000000002797</c:v>
                </c:pt>
                <c:pt idx="1788">
                  <c:v>36.880000000002802</c:v>
                </c:pt>
                <c:pt idx="1789">
                  <c:v>36.8900000000028</c:v>
                </c:pt>
                <c:pt idx="1790">
                  <c:v>36.900000000002798</c:v>
                </c:pt>
                <c:pt idx="1791">
                  <c:v>36.910000000002803</c:v>
                </c:pt>
                <c:pt idx="1792">
                  <c:v>36.920000000002801</c:v>
                </c:pt>
                <c:pt idx="1793">
                  <c:v>36.930000000002799</c:v>
                </c:pt>
                <c:pt idx="1794">
                  <c:v>36.940000000002797</c:v>
                </c:pt>
                <c:pt idx="1795">
                  <c:v>36.950000000002802</c:v>
                </c:pt>
                <c:pt idx="1796">
                  <c:v>36.9600000000028</c:v>
                </c:pt>
                <c:pt idx="1797">
                  <c:v>36.970000000002798</c:v>
                </c:pt>
                <c:pt idx="1798">
                  <c:v>36.980000000002804</c:v>
                </c:pt>
                <c:pt idx="1799">
                  <c:v>36.990000000002802</c:v>
                </c:pt>
                <c:pt idx="1800">
                  <c:v>37.0000000000028</c:v>
                </c:pt>
                <c:pt idx="1801">
                  <c:v>37.010000000002798</c:v>
                </c:pt>
                <c:pt idx="1802">
                  <c:v>37.020000000002803</c:v>
                </c:pt>
                <c:pt idx="1803">
                  <c:v>37.030000000002801</c:v>
                </c:pt>
                <c:pt idx="1804">
                  <c:v>37.040000000002799</c:v>
                </c:pt>
                <c:pt idx="1805">
                  <c:v>37.050000000002797</c:v>
                </c:pt>
                <c:pt idx="1806">
                  <c:v>37.060000000002802</c:v>
                </c:pt>
                <c:pt idx="1807">
                  <c:v>37.0700000000028</c:v>
                </c:pt>
                <c:pt idx="1808">
                  <c:v>37.080000000002798</c:v>
                </c:pt>
                <c:pt idx="1809">
                  <c:v>37.090000000002803</c:v>
                </c:pt>
                <c:pt idx="1810">
                  <c:v>37.100000000002801</c:v>
                </c:pt>
                <c:pt idx="1811">
                  <c:v>37.110000000002799</c:v>
                </c:pt>
                <c:pt idx="1812">
                  <c:v>37.120000000002797</c:v>
                </c:pt>
                <c:pt idx="1813">
                  <c:v>37.130000000002802</c:v>
                </c:pt>
                <c:pt idx="1814">
                  <c:v>37.1400000000028</c:v>
                </c:pt>
                <c:pt idx="1815">
                  <c:v>37.150000000002798</c:v>
                </c:pt>
                <c:pt idx="1816">
                  <c:v>37.160000000002803</c:v>
                </c:pt>
                <c:pt idx="1817">
                  <c:v>37.170000000002801</c:v>
                </c:pt>
                <c:pt idx="1818">
                  <c:v>37.180000000002799</c:v>
                </c:pt>
                <c:pt idx="1819">
                  <c:v>37.190000000002797</c:v>
                </c:pt>
                <c:pt idx="1820">
                  <c:v>37.200000000002802</c:v>
                </c:pt>
                <c:pt idx="1821">
                  <c:v>37.2100000000028</c:v>
                </c:pt>
                <c:pt idx="1822">
                  <c:v>37.220000000002798</c:v>
                </c:pt>
                <c:pt idx="1823">
                  <c:v>37.230000000002804</c:v>
                </c:pt>
                <c:pt idx="1824">
                  <c:v>37.240000000002901</c:v>
                </c:pt>
                <c:pt idx="1825">
                  <c:v>37.250000000002899</c:v>
                </c:pt>
                <c:pt idx="1826">
                  <c:v>37.260000000002897</c:v>
                </c:pt>
                <c:pt idx="1827">
                  <c:v>37.270000000002902</c:v>
                </c:pt>
                <c:pt idx="1828">
                  <c:v>37.2800000000029</c:v>
                </c:pt>
                <c:pt idx="1829">
                  <c:v>37.290000000002898</c:v>
                </c:pt>
                <c:pt idx="1830">
                  <c:v>37.300000000002903</c:v>
                </c:pt>
                <c:pt idx="1831">
                  <c:v>37.310000000002901</c:v>
                </c:pt>
                <c:pt idx="1832">
                  <c:v>37.320000000002899</c:v>
                </c:pt>
                <c:pt idx="1833">
                  <c:v>37.330000000002897</c:v>
                </c:pt>
                <c:pt idx="1834">
                  <c:v>37.340000000002902</c:v>
                </c:pt>
                <c:pt idx="1835">
                  <c:v>37.3500000000029</c:v>
                </c:pt>
                <c:pt idx="1836">
                  <c:v>37.360000000002898</c:v>
                </c:pt>
                <c:pt idx="1837">
                  <c:v>37.370000000002896</c:v>
                </c:pt>
                <c:pt idx="1838">
                  <c:v>37.380000000002902</c:v>
                </c:pt>
                <c:pt idx="1839">
                  <c:v>37.3900000000029</c:v>
                </c:pt>
                <c:pt idx="1840">
                  <c:v>37.400000000002898</c:v>
                </c:pt>
                <c:pt idx="1841">
                  <c:v>37.410000000002903</c:v>
                </c:pt>
                <c:pt idx="1842">
                  <c:v>37.420000000002901</c:v>
                </c:pt>
                <c:pt idx="1843">
                  <c:v>37.430000000002899</c:v>
                </c:pt>
                <c:pt idx="1844">
                  <c:v>37.440000000002897</c:v>
                </c:pt>
                <c:pt idx="1845">
                  <c:v>37.450000000002902</c:v>
                </c:pt>
                <c:pt idx="1846">
                  <c:v>37.4600000000029</c:v>
                </c:pt>
                <c:pt idx="1847">
                  <c:v>37.470000000002898</c:v>
                </c:pt>
                <c:pt idx="1848">
                  <c:v>37.480000000002903</c:v>
                </c:pt>
                <c:pt idx="1849">
                  <c:v>37.490000000002901</c:v>
                </c:pt>
                <c:pt idx="1850">
                  <c:v>37.500000000002899</c:v>
                </c:pt>
                <c:pt idx="1851">
                  <c:v>37.510000000002897</c:v>
                </c:pt>
                <c:pt idx="1852">
                  <c:v>37.520000000002902</c:v>
                </c:pt>
                <c:pt idx="1853">
                  <c:v>37.5300000000029</c:v>
                </c:pt>
                <c:pt idx="1854">
                  <c:v>37.540000000002898</c:v>
                </c:pt>
                <c:pt idx="1855">
                  <c:v>37.550000000002903</c:v>
                </c:pt>
                <c:pt idx="1856">
                  <c:v>37.560000000002901</c:v>
                </c:pt>
                <c:pt idx="1857">
                  <c:v>37.570000000002899</c:v>
                </c:pt>
                <c:pt idx="1858">
                  <c:v>37.580000000002897</c:v>
                </c:pt>
                <c:pt idx="1859">
                  <c:v>37.590000000002902</c:v>
                </c:pt>
                <c:pt idx="1860">
                  <c:v>37.6000000000029</c:v>
                </c:pt>
                <c:pt idx="1861">
                  <c:v>37.610000000002898</c:v>
                </c:pt>
                <c:pt idx="1862">
                  <c:v>37.620000000002896</c:v>
                </c:pt>
                <c:pt idx="1863">
                  <c:v>37.630000000002902</c:v>
                </c:pt>
                <c:pt idx="1864">
                  <c:v>37.6400000000029</c:v>
                </c:pt>
                <c:pt idx="1865">
                  <c:v>37.650000000002898</c:v>
                </c:pt>
                <c:pt idx="1866">
                  <c:v>37.660000000002903</c:v>
                </c:pt>
                <c:pt idx="1867">
                  <c:v>37.670000000002901</c:v>
                </c:pt>
                <c:pt idx="1868">
                  <c:v>37.680000000002899</c:v>
                </c:pt>
                <c:pt idx="1869">
                  <c:v>37.690000000002897</c:v>
                </c:pt>
                <c:pt idx="1870">
                  <c:v>37.700000000002902</c:v>
                </c:pt>
                <c:pt idx="1871">
                  <c:v>37.7100000000029</c:v>
                </c:pt>
                <c:pt idx="1872">
                  <c:v>37.720000000002898</c:v>
                </c:pt>
                <c:pt idx="1873">
                  <c:v>37.730000000002903</c:v>
                </c:pt>
                <c:pt idx="1874">
                  <c:v>37.740000000002901</c:v>
                </c:pt>
                <c:pt idx="1875">
                  <c:v>37.750000000002899</c:v>
                </c:pt>
                <c:pt idx="1876">
                  <c:v>37.760000000002897</c:v>
                </c:pt>
                <c:pt idx="1877">
                  <c:v>37.770000000002902</c:v>
                </c:pt>
                <c:pt idx="1878">
                  <c:v>37.7800000000029</c:v>
                </c:pt>
                <c:pt idx="1879">
                  <c:v>37.790000000002898</c:v>
                </c:pt>
                <c:pt idx="1880">
                  <c:v>37.800000000002903</c:v>
                </c:pt>
                <c:pt idx="1881">
                  <c:v>37.810000000002901</c:v>
                </c:pt>
                <c:pt idx="1882">
                  <c:v>37.820000000002899</c:v>
                </c:pt>
                <c:pt idx="1883">
                  <c:v>37.830000000002897</c:v>
                </c:pt>
                <c:pt idx="1884">
                  <c:v>37.840000000002902</c:v>
                </c:pt>
                <c:pt idx="1885">
                  <c:v>37.8500000000029</c:v>
                </c:pt>
                <c:pt idx="1886">
                  <c:v>37.860000000002898</c:v>
                </c:pt>
                <c:pt idx="1887">
                  <c:v>37.870000000002896</c:v>
                </c:pt>
                <c:pt idx="1888">
                  <c:v>37.880000000003001</c:v>
                </c:pt>
                <c:pt idx="1889">
                  <c:v>37.890000000002999</c:v>
                </c:pt>
                <c:pt idx="1890">
                  <c:v>37.900000000002997</c:v>
                </c:pt>
                <c:pt idx="1891">
                  <c:v>37.910000000003002</c:v>
                </c:pt>
                <c:pt idx="1892">
                  <c:v>37.920000000003</c:v>
                </c:pt>
                <c:pt idx="1893">
                  <c:v>37.930000000002998</c:v>
                </c:pt>
                <c:pt idx="1894">
                  <c:v>37.940000000003003</c:v>
                </c:pt>
                <c:pt idx="1895">
                  <c:v>37.950000000003001</c:v>
                </c:pt>
                <c:pt idx="1896">
                  <c:v>37.960000000002999</c:v>
                </c:pt>
                <c:pt idx="1897">
                  <c:v>37.970000000002997</c:v>
                </c:pt>
                <c:pt idx="1898">
                  <c:v>37.980000000003002</c:v>
                </c:pt>
                <c:pt idx="1899">
                  <c:v>37.990000000003</c:v>
                </c:pt>
                <c:pt idx="1900">
                  <c:v>38.000000000002998</c:v>
                </c:pt>
                <c:pt idx="1901">
                  <c:v>38.010000000002997</c:v>
                </c:pt>
                <c:pt idx="1902">
                  <c:v>38.020000000003002</c:v>
                </c:pt>
                <c:pt idx="1903">
                  <c:v>38.030000000003</c:v>
                </c:pt>
                <c:pt idx="1904">
                  <c:v>38.040000000002998</c:v>
                </c:pt>
                <c:pt idx="1905">
                  <c:v>38.050000000003003</c:v>
                </c:pt>
                <c:pt idx="1906">
                  <c:v>38.060000000003001</c:v>
                </c:pt>
                <c:pt idx="1907">
                  <c:v>38.070000000002999</c:v>
                </c:pt>
                <c:pt idx="1908">
                  <c:v>38.080000000002997</c:v>
                </c:pt>
                <c:pt idx="1909">
                  <c:v>38.090000000003002</c:v>
                </c:pt>
                <c:pt idx="1910">
                  <c:v>38.100000000003</c:v>
                </c:pt>
                <c:pt idx="1911">
                  <c:v>38.110000000002998</c:v>
                </c:pt>
                <c:pt idx="1912">
                  <c:v>38.120000000003003</c:v>
                </c:pt>
                <c:pt idx="1913">
                  <c:v>38.130000000003001</c:v>
                </c:pt>
                <c:pt idx="1914">
                  <c:v>38.140000000002999</c:v>
                </c:pt>
                <c:pt idx="1915">
                  <c:v>38.150000000002997</c:v>
                </c:pt>
                <c:pt idx="1916">
                  <c:v>38.160000000003002</c:v>
                </c:pt>
                <c:pt idx="1917">
                  <c:v>38.170000000003</c:v>
                </c:pt>
                <c:pt idx="1918">
                  <c:v>38.180000000002998</c:v>
                </c:pt>
                <c:pt idx="1919">
                  <c:v>38.190000000003003</c:v>
                </c:pt>
                <c:pt idx="1920">
                  <c:v>38.200000000003001</c:v>
                </c:pt>
                <c:pt idx="1921">
                  <c:v>38.210000000002999</c:v>
                </c:pt>
                <c:pt idx="1922">
                  <c:v>38.220000000002997</c:v>
                </c:pt>
                <c:pt idx="1923">
                  <c:v>38.230000000003002</c:v>
                </c:pt>
                <c:pt idx="1924">
                  <c:v>38.240000000003</c:v>
                </c:pt>
                <c:pt idx="1925">
                  <c:v>38.250000000002998</c:v>
                </c:pt>
                <c:pt idx="1926">
                  <c:v>38.260000000002997</c:v>
                </c:pt>
                <c:pt idx="1927">
                  <c:v>38.270000000003002</c:v>
                </c:pt>
                <c:pt idx="1928">
                  <c:v>38.280000000003</c:v>
                </c:pt>
                <c:pt idx="1929">
                  <c:v>38.290000000002998</c:v>
                </c:pt>
                <c:pt idx="1930">
                  <c:v>38.300000000003003</c:v>
                </c:pt>
                <c:pt idx="1931">
                  <c:v>38.310000000003001</c:v>
                </c:pt>
                <c:pt idx="1932">
                  <c:v>38.320000000002999</c:v>
                </c:pt>
                <c:pt idx="1933">
                  <c:v>38.330000000002997</c:v>
                </c:pt>
                <c:pt idx="1934">
                  <c:v>38.340000000003002</c:v>
                </c:pt>
                <c:pt idx="1935">
                  <c:v>38.350000000003</c:v>
                </c:pt>
                <c:pt idx="1936">
                  <c:v>38.360000000002998</c:v>
                </c:pt>
                <c:pt idx="1937">
                  <c:v>38.370000000003003</c:v>
                </c:pt>
                <c:pt idx="1938">
                  <c:v>38.380000000003001</c:v>
                </c:pt>
                <c:pt idx="1939">
                  <c:v>38.390000000002999</c:v>
                </c:pt>
                <c:pt idx="1940">
                  <c:v>38.400000000002997</c:v>
                </c:pt>
                <c:pt idx="1941">
                  <c:v>38.410000000003002</c:v>
                </c:pt>
                <c:pt idx="1942">
                  <c:v>38.420000000003</c:v>
                </c:pt>
                <c:pt idx="1943">
                  <c:v>38.430000000002998</c:v>
                </c:pt>
                <c:pt idx="1944">
                  <c:v>38.440000000003003</c:v>
                </c:pt>
                <c:pt idx="1945">
                  <c:v>38.450000000003001</c:v>
                </c:pt>
                <c:pt idx="1946">
                  <c:v>38.460000000002999</c:v>
                </c:pt>
                <c:pt idx="1947">
                  <c:v>38.470000000002997</c:v>
                </c:pt>
                <c:pt idx="1948">
                  <c:v>38.480000000003002</c:v>
                </c:pt>
                <c:pt idx="1949">
                  <c:v>38.490000000003</c:v>
                </c:pt>
                <c:pt idx="1950">
                  <c:v>38.500000000002998</c:v>
                </c:pt>
                <c:pt idx="1951">
                  <c:v>38.510000000002997</c:v>
                </c:pt>
                <c:pt idx="1952">
                  <c:v>38.520000000003101</c:v>
                </c:pt>
                <c:pt idx="1953">
                  <c:v>38.530000000003099</c:v>
                </c:pt>
                <c:pt idx="1954">
                  <c:v>38.540000000003097</c:v>
                </c:pt>
                <c:pt idx="1955">
                  <c:v>38.550000000003102</c:v>
                </c:pt>
                <c:pt idx="1956">
                  <c:v>38.5600000000031</c:v>
                </c:pt>
                <c:pt idx="1957">
                  <c:v>38.570000000003098</c:v>
                </c:pt>
                <c:pt idx="1958">
                  <c:v>38.580000000003103</c:v>
                </c:pt>
                <c:pt idx="1959">
                  <c:v>38.590000000003101</c:v>
                </c:pt>
                <c:pt idx="1960">
                  <c:v>38.600000000003099</c:v>
                </c:pt>
                <c:pt idx="1961">
                  <c:v>38.610000000003097</c:v>
                </c:pt>
                <c:pt idx="1962">
                  <c:v>38.620000000003103</c:v>
                </c:pt>
                <c:pt idx="1963">
                  <c:v>38.630000000003101</c:v>
                </c:pt>
                <c:pt idx="1964">
                  <c:v>38.640000000003099</c:v>
                </c:pt>
                <c:pt idx="1965">
                  <c:v>38.650000000003097</c:v>
                </c:pt>
                <c:pt idx="1966">
                  <c:v>38.660000000003102</c:v>
                </c:pt>
                <c:pt idx="1967">
                  <c:v>38.6700000000031</c:v>
                </c:pt>
                <c:pt idx="1968">
                  <c:v>38.680000000003098</c:v>
                </c:pt>
                <c:pt idx="1969">
                  <c:v>38.690000000003103</c:v>
                </c:pt>
                <c:pt idx="1970">
                  <c:v>38.700000000003101</c:v>
                </c:pt>
                <c:pt idx="1971">
                  <c:v>38.710000000003099</c:v>
                </c:pt>
                <c:pt idx="1972">
                  <c:v>38.720000000003097</c:v>
                </c:pt>
                <c:pt idx="1973">
                  <c:v>38.730000000003102</c:v>
                </c:pt>
                <c:pt idx="1974">
                  <c:v>38.7400000000031</c:v>
                </c:pt>
                <c:pt idx="1975">
                  <c:v>38.750000000003098</c:v>
                </c:pt>
                <c:pt idx="1976">
                  <c:v>38.760000000003103</c:v>
                </c:pt>
                <c:pt idx="1977">
                  <c:v>38.770000000003101</c:v>
                </c:pt>
                <c:pt idx="1978">
                  <c:v>38.780000000003099</c:v>
                </c:pt>
                <c:pt idx="1979">
                  <c:v>38.790000000003097</c:v>
                </c:pt>
                <c:pt idx="1980">
                  <c:v>38.800000000003102</c:v>
                </c:pt>
                <c:pt idx="1981">
                  <c:v>38.8100000000031</c:v>
                </c:pt>
                <c:pt idx="1982">
                  <c:v>38.820000000003098</c:v>
                </c:pt>
                <c:pt idx="1983">
                  <c:v>38.830000000003103</c:v>
                </c:pt>
                <c:pt idx="1984">
                  <c:v>38.840000000003101</c:v>
                </c:pt>
                <c:pt idx="1985">
                  <c:v>38.850000000003099</c:v>
                </c:pt>
                <c:pt idx="1986">
                  <c:v>38.860000000003097</c:v>
                </c:pt>
                <c:pt idx="1987">
                  <c:v>38.870000000003103</c:v>
                </c:pt>
                <c:pt idx="1988">
                  <c:v>38.880000000003101</c:v>
                </c:pt>
                <c:pt idx="1989">
                  <c:v>38.890000000003099</c:v>
                </c:pt>
                <c:pt idx="1990">
                  <c:v>38.900000000003097</c:v>
                </c:pt>
                <c:pt idx="1991">
                  <c:v>38.910000000003102</c:v>
                </c:pt>
                <c:pt idx="1992">
                  <c:v>38.9200000000031</c:v>
                </c:pt>
                <c:pt idx="1993">
                  <c:v>38.930000000003098</c:v>
                </c:pt>
                <c:pt idx="1994">
                  <c:v>38.940000000003103</c:v>
                </c:pt>
                <c:pt idx="1995">
                  <c:v>38.950000000003101</c:v>
                </c:pt>
                <c:pt idx="1996">
                  <c:v>38.960000000003099</c:v>
                </c:pt>
                <c:pt idx="1997">
                  <c:v>38.970000000003097</c:v>
                </c:pt>
                <c:pt idx="1998">
                  <c:v>38.980000000003102</c:v>
                </c:pt>
                <c:pt idx="1999">
                  <c:v>38.9900000000031</c:v>
                </c:pt>
                <c:pt idx="2000">
                  <c:v>39.000000000003098</c:v>
                </c:pt>
                <c:pt idx="2001">
                  <c:v>39.010000000003103</c:v>
                </c:pt>
                <c:pt idx="2002">
                  <c:v>39.020000000003101</c:v>
                </c:pt>
                <c:pt idx="2003">
                  <c:v>39.030000000003099</c:v>
                </c:pt>
                <c:pt idx="2004">
                  <c:v>39.040000000003097</c:v>
                </c:pt>
                <c:pt idx="2005">
                  <c:v>39.050000000003102</c:v>
                </c:pt>
                <c:pt idx="2006">
                  <c:v>39.0600000000031</c:v>
                </c:pt>
                <c:pt idx="2007">
                  <c:v>39.070000000003098</c:v>
                </c:pt>
                <c:pt idx="2008">
                  <c:v>39.080000000003103</c:v>
                </c:pt>
                <c:pt idx="2009">
                  <c:v>39.090000000003101</c:v>
                </c:pt>
                <c:pt idx="2010">
                  <c:v>39.100000000003099</c:v>
                </c:pt>
                <c:pt idx="2011">
                  <c:v>39.110000000003097</c:v>
                </c:pt>
                <c:pt idx="2012">
                  <c:v>39.120000000003103</c:v>
                </c:pt>
                <c:pt idx="2013">
                  <c:v>39.130000000003101</c:v>
                </c:pt>
                <c:pt idx="2014">
                  <c:v>39.140000000003099</c:v>
                </c:pt>
                <c:pt idx="2015">
                  <c:v>39.150000000003097</c:v>
                </c:pt>
                <c:pt idx="2016">
                  <c:v>39.160000000003201</c:v>
                </c:pt>
                <c:pt idx="2017">
                  <c:v>39.170000000003199</c:v>
                </c:pt>
                <c:pt idx="2018">
                  <c:v>39.180000000003197</c:v>
                </c:pt>
                <c:pt idx="2019">
                  <c:v>39.190000000003202</c:v>
                </c:pt>
                <c:pt idx="2020">
                  <c:v>39.2000000000032</c:v>
                </c:pt>
                <c:pt idx="2021">
                  <c:v>39.210000000003198</c:v>
                </c:pt>
                <c:pt idx="2022">
                  <c:v>39.220000000003203</c:v>
                </c:pt>
                <c:pt idx="2023">
                  <c:v>39.230000000003201</c:v>
                </c:pt>
                <c:pt idx="2024">
                  <c:v>39.240000000003199</c:v>
                </c:pt>
                <c:pt idx="2025">
                  <c:v>39.250000000003197</c:v>
                </c:pt>
                <c:pt idx="2026">
                  <c:v>39.260000000003203</c:v>
                </c:pt>
                <c:pt idx="2027">
                  <c:v>39.270000000003201</c:v>
                </c:pt>
                <c:pt idx="2028">
                  <c:v>39.280000000003199</c:v>
                </c:pt>
                <c:pt idx="2029">
                  <c:v>39.290000000003197</c:v>
                </c:pt>
                <c:pt idx="2030">
                  <c:v>39.300000000003202</c:v>
                </c:pt>
                <c:pt idx="2031">
                  <c:v>39.3100000000032</c:v>
                </c:pt>
                <c:pt idx="2032">
                  <c:v>39.320000000003198</c:v>
                </c:pt>
                <c:pt idx="2033">
                  <c:v>39.330000000003203</c:v>
                </c:pt>
                <c:pt idx="2034">
                  <c:v>39.340000000003201</c:v>
                </c:pt>
                <c:pt idx="2035">
                  <c:v>39.350000000003199</c:v>
                </c:pt>
                <c:pt idx="2036">
                  <c:v>39.360000000003197</c:v>
                </c:pt>
                <c:pt idx="2037">
                  <c:v>39.370000000003202</c:v>
                </c:pt>
                <c:pt idx="2038">
                  <c:v>39.3800000000032</c:v>
                </c:pt>
                <c:pt idx="2039">
                  <c:v>39.390000000003198</c:v>
                </c:pt>
                <c:pt idx="2040">
                  <c:v>39.400000000003203</c:v>
                </c:pt>
                <c:pt idx="2041">
                  <c:v>39.410000000003201</c:v>
                </c:pt>
                <c:pt idx="2042">
                  <c:v>39.420000000003199</c:v>
                </c:pt>
                <c:pt idx="2043">
                  <c:v>39.430000000003197</c:v>
                </c:pt>
                <c:pt idx="2044">
                  <c:v>39.440000000003202</c:v>
                </c:pt>
                <c:pt idx="2045">
                  <c:v>39.4500000000032</c:v>
                </c:pt>
                <c:pt idx="2046">
                  <c:v>39.460000000003198</c:v>
                </c:pt>
                <c:pt idx="2047">
                  <c:v>39.470000000003203</c:v>
                </c:pt>
                <c:pt idx="2048">
                  <c:v>39.480000000003201</c:v>
                </c:pt>
                <c:pt idx="2049">
                  <c:v>39.490000000003199</c:v>
                </c:pt>
                <c:pt idx="2050">
                  <c:v>39.500000000003197</c:v>
                </c:pt>
                <c:pt idx="2051">
                  <c:v>39.510000000003203</c:v>
                </c:pt>
                <c:pt idx="2052">
                  <c:v>39.520000000003201</c:v>
                </c:pt>
                <c:pt idx="2053">
                  <c:v>39.530000000003199</c:v>
                </c:pt>
                <c:pt idx="2054">
                  <c:v>39.540000000003197</c:v>
                </c:pt>
                <c:pt idx="2055">
                  <c:v>39.550000000003202</c:v>
                </c:pt>
                <c:pt idx="2056">
                  <c:v>39.5600000000032</c:v>
                </c:pt>
                <c:pt idx="2057">
                  <c:v>39.570000000003198</c:v>
                </c:pt>
                <c:pt idx="2058">
                  <c:v>39.580000000003203</c:v>
                </c:pt>
                <c:pt idx="2059">
                  <c:v>39.590000000003201</c:v>
                </c:pt>
                <c:pt idx="2060">
                  <c:v>39.600000000003199</c:v>
                </c:pt>
                <c:pt idx="2061">
                  <c:v>39.610000000003197</c:v>
                </c:pt>
                <c:pt idx="2062">
                  <c:v>39.620000000003202</c:v>
                </c:pt>
                <c:pt idx="2063">
                  <c:v>39.6300000000032</c:v>
                </c:pt>
                <c:pt idx="2064">
                  <c:v>39.640000000003198</c:v>
                </c:pt>
                <c:pt idx="2065">
                  <c:v>39.650000000003203</c:v>
                </c:pt>
                <c:pt idx="2066">
                  <c:v>39.660000000003201</c:v>
                </c:pt>
                <c:pt idx="2067">
                  <c:v>39.670000000003199</c:v>
                </c:pt>
                <c:pt idx="2068">
                  <c:v>39.680000000003197</c:v>
                </c:pt>
                <c:pt idx="2069">
                  <c:v>39.690000000003202</c:v>
                </c:pt>
                <c:pt idx="2070">
                  <c:v>39.7000000000032</c:v>
                </c:pt>
                <c:pt idx="2071">
                  <c:v>39.710000000003198</c:v>
                </c:pt>
                <c:pt idx="2072">
                  <c:v>39.720000000003203</c:v>
                </c:pt>
                <c:pt idx="2073">
                  <c:v>39.730000000003201</c:v>
                </c:pt>
                <c:pt idx="2074">
                  <c:v>39.740000000003199</c:v>
                </c:pt>
                <c:pt idx="2075">
                  <c:v>39.750000000003197</c:v>
                </c:pt>
                <c:pt idx="2076">
                  <c:v>39.760000000003203</c:v>
                </c:pt>
                <c:pt idx="2077">
                  <c:v>39.770000000003201</c:v>
                </c:pt>
                <c:pt idx="2078">
                  <c:v>39.780000000003199</c:v>
                </c:pt>
                <c:pt idx="2079">
                  <c:v>39.790000000003197</c:v>
                </c:pt>
                <c:pt idx="2080">
                  <c:v>39.800000000003301</c:v>
                </c:pt>
                <c:pt idx="2081">
                  <c:v>39.810000000003299</c:v>
                </c:pt>
                <c:pt idx="2082">
                  <c:v>39.820000000003297</c:v>
                </c:pt>
                <c:pt idx="2083">
                  <c:v>39.830000000003302</c:v>
                </c:pt>
                <c:pt idx="2084">
                  <c:v>39.8400000000033</c:v>
                </c:pt>
                <c:pt idx="2085">
                  <c:v>39.850000000003298</c:v>
                </c:pt>
                <c:pt idx="2086">
                  <c:v>39.860000000003303</c:v>
                </c:pt>
                <c:pt idx="2087">
                  <c:v>39.870000000003301</c:v>
                </c:pt>
                <c:pt idx="2088">
                  <c:v>39.880000000003299</c:v>
                </c:pt>
                <c:pt idx="2089">
                  <c:v>39.890000000003297</c:v>
                </c:pt>
                <c:pt idx="2090">
                  <c:v>39.900000000003303</c:v>
                </c:pt>
                <c:pt idx="2091">
                  <c:v>39.910000000003301</c:v>
                </c:pt>
                <c:pt idx="2092">
                  <c:v>39.920000000003299</c:v>
                </c:pt>
                <c:pt idx="2093">
                  <c:v>39.930000000003297</c:v>
                </c:pt>
                <c:pt idx="2094">
                  <c:v>39.940000000003302</c:v>
                </c:pt>
                <c:pt idx="2095">
                  <c:v>39.9500000000033</c:v>
                </c:pt>
                <c:pt idx="2096">
                  <c:v>39.960000000003298</c:v>
                </c:pt>
                <c:pt idx="2097">
                  <c:v>39.970000000003303</c:v>
                </c:pt>
                <c:pt idx="2098">
                  <c:v>39.980000000003301</c:v>
                </c:pt>
                <c:pt idx="2099">
                  <c:v>39.990000000003299</c:v>
                </c:pt>
                <c:pt idx="2100">
                  <c:v>40.000000000003297</c:v>
                </c:pt>
                <c:pt idx="2101">
                  <c:v>40.010000000003302</c:v>
                </c:pt>
                <c:pt idx="2102">
                  <c:v>40.0200000000033</c:v>
                </c:pt>
                <c:pt idx="2103">
                  <c:v>40.030000000003298</c:v>
                </c:pt>
                <c:pt idx="2104">
                  <c:v>40.040000000003303</c:v>
                </c:pt>
                <c:pt idx="2105">
                  <c:v>40.050000000003301</c:v>
                </c:pt>
                <c:pt idx="2106">
                  <c:v>40.060000000003299</c:v>
                </c:pt>
                <c:pt idx="2107">
                  <c:v>40.070000000003297</c:v>
                </c:pt>
                <c:pt idx="2108">
                  <c:v>40.080000000003302</c:v>
                </c:pt>
                <c:pt idx="2109">
                  <c:v>40.0900000000033</c:v>
                </c:pt>
                <c:pt idx="2110">
                  <c:v>40.100000000003298</c:v>
                </c:pt>
                <c:pt idx="2111">
                  <c:v>40.110000000003303</c:v>
                </c:pt>
                <c:pt idx="2112">
                  <c:v>40.120000000003301</c:v>
                </c:pt>
                <c:pt idx="2113">
                  <c:v>40.130000000003299</c:v>
                </c:pt>
                <c:pt idx="2114">
                  <c:v>40.140000000003297</c:v>
                </c:pt>
                <c:pt idx="2115">
                  <c:v>40.150000000003303</c:v>
                </c:pt>
                <c:pt idx="2116">
                  <c:v>40.160000000003301</c:v>
                </c:pt>
                <c:pt idx="2117">
                  <c:v>40.170000000003299</c:v>
                </c:pt>
                <c:pt idx="2118">
                  <c:v>40.180000000003297</c:v>
                </c:pt>
                <c:pt idx="2119">
                  <c:v>40.190000000003302</c:v>
                </c:pt>
                <c:pt idx="2120">
                  <c:v>40.2000000000033</c:v>
                </c:pt>
                <c:pt idx="2121">
                  <c:v>40.210000000003298</c:v>
                </c:pt>
                <c:pt idx="2122">
                  <c:v>40.220000000003303</c:v>
                </c:pt>
                <c:pt idx="2123">
                  <c:v>40.230000000003301</c:v>
                </c:pt>
                <c:pt idx="2124">
                  <c:v>40.240000000003299</c:v>
                </c:pt>
                <c:pt idx="2125">
                  <c:v>40.250000000003297</c:v>
                </c:pt>
                <c:pt idx="2126">
                  <c:v>40.260000000003302</c:v>
                </c:pt>
                <c:pt idx="2127">
                  <c:v>40.2700000000033</c:v>
                </c:pt>
                <c:pt idx="2128">
                  <c:v>40.280000000003298</c:v>
                </c:pt>
                <c:pt idx="2129">
                  <c:v>40.290000000003303</c:v>
                </c:pt>
                <c:pt idx="2130">
                  <c:v>40.300000000003301</c:v>
                </c:pt>
                <c:pt idx="2131">
                  <c:v>40.310000000003299</c:v>
                </c:pt>
                <c:pt idx="2132">
                  <c:v>40.320000000003297</c:v>
                </c:pt>
                <c:pt idx="2133">
                  <c:v>40.330000000003302</c:v>
                </c:pt>
                <c:pt idx="2134">
                  <c:v>40.3400000000033</c:v>
                </c:pt>
                <c:pt idx="2135">
                  <c:v>40.350000000003298</c:v>
                </c:pt>
                <c:pt idx="2136">
                  <c:v>40.360000000003303</c:v>
                </c:pt>
                <c:pt idx="2137">
                  <c:v>40.370000000003301</c:v>
                </c:pt>
                <c:pt idx="2138">
                  <c:v>40.380000000003299</c:v>
                </c:pt>
                <c:pt idx="2139">
                  <c:v>40.390000000003297</c:v>
                </c:pt>
                <c:pt idx="2140">
                  <c:v>40.400000000003303</c:v>
                </c:pt>
                <c:pt idx="2141">
                  <c:v>40.410000000003301</c:v>
                </c:pt>
                <c:pt idx="2142">
                  <c:v>40.420000000003299</c:v>
                </c:pt>
                <c:pt idx="2143">
                  <c:v>40.430000000003297</c:v>
                </c:pt>
                <c:pt idx="2144">
                  <c:v>40.440000000003401</c:v>
                </c:pt>
                <c:pt idx="2145">
                  <c:v>40.450000000003399</c:v>
                </c:pt>
                <c:pt idx="2146">
                  <c:v>40.460000000003397</c:v>
                </c:pt>
                <c:pt idx="2147">
                  <c:v>40.470000000003402</c:v>
                </c:pt>
                <c:pt idx="2148">
                  <c:v>40.4800000000034</c:v>
                </c:pt>
                <c:pt idx="2149">
                  <c:v>40.490000000003398</c:v>
                </c:pt>
                <c:pt idx="2150">
                  <c:v>40.500000000003403</c:v>
                </c:pt>
                <c:pt idx="2151">
                  <c:v>40.510000000003402</c:v>
                </c:pt>
                <c:pt idx="2152">
                  <c:v>40.5200000000034</c:v>
                </c:pt>
                <c:pt idx="2153">
                  <c:v>40.530000000003398</c:v>
                </c:pt>
                <c:pt idx="2154">
                  <c:v>40.540000000003403</c:v>
                </c:pt>
                <c:pt idx="2155">
                  <c:v>40.550000000003401</c:v>
                </c:pt>
                <c:pt idx="2156">
                  <c:v>40.560000000003399</c:v>
                </c:pt>
                <c:pt idx="2157">
                  <c:v>40.570000000003397</c:v>
                </c:pt>
                <c:pt idx="2158">
                  <c:v>40.580000000003402</c:v>
                </c:pt>
                <c:pt idx="2159">
                  <c:v>40.5900000000034</c:v>
                </c:pt>
                <c:pt idx="2160">
                  <c:v>40.600000000003398</c:v>
                </c:pt>
                <c:pt idx="2161">
                  <c:v>40.610000000003403</c:v>
                </c:pt>
                <c:pt idx="2162">
                  <c:v>40.620000000003401</c:v>
                </c:pt>
                <c:pt idx="2163">
                  <c:v>40.630000000003399</c:v>
                </c:pt>
                <c:pt idx="2164">
                  <c:v>40.640000000003397</c:v>
                </c:pt>
                <c:pt idx="2165">
                  <c:v>40.650000000003402</c:v>
                </c:pt>
                <c:pt idx="2166">
                  <c:v>40.6600000000034</c:v>
                </c:pt>
                <c:pt idx="2167">
                  <c:v>40.670000000003398</c:v>
                </c:pt>
                <c:pt idx="2168">
                  <c:v>40.680000000003403</c:v>
                </c:pt>
                <c:pt idx="2169">
                  <c:v>40.690000000003401</c:v>
                </c:pt>
                <c:pt idx="2170">
                  <c:v>40.700000000003399</c:v>
                </c:pt>
                <c:pt idx="2171">
                  <c:v>40.710000000003397</c:v>
                </c:pt>
                <c:pt idx="2172">
                  <c:v>40.720000000003402</c:v>
                </c:pt>
                <c:pt idx="2173">
                  <c:v>40.7300000000034</c:v>
                </c:pt>
                <c:pt idx="2174">
                  <c:v>40.740000000003398</c:v>
                </c:pt>
                <c:pt idx="2175">
                  <c:v>40.750000000003403</c:v>
                </c:pt>
                <c:pt idx="2176">
                  <c:v>40.760000000003402</c:v>
                </c:pt>
                <c:pt idx="2177">
                  <c:v>40.7700000000034</c:v>
                </c:pt>
                <c:pt idx="2178">
                  <c:v>40.780000000003398</c:v>
                </c:pt>
                <c:pt idx="2179">
                  <c:v>40.790000000003403</c:v>
                </c:pt>
                <c:pt idx="2180">
                  <c:v>40.800000000003401</c:v>
                </c:pt>
                <c:pt idx="2181">
                  <c:v>40.810000000003399</c:v>
                </c:pt>
                <c:pt idx="2182">
                  <c:v>40.820000000003397</c:v>
                </c:pt>
                <c:pt idx="2183">
                  <c:v>40.830000000003402</c:v>
                </c:pt>
                <c:pt idx="2184">
                  <c:v>40.8400000000034</c:v>
                </c:pt>
                <c:pt idx="2185">
                  <c:v>40.850000000003398</c:v>
                </c:pt>
                <c:pt idx="2186">
                  <c:v>40.860000000003403</c:v>
                </c:pt>
                <c:pt idx="2187">
                  <c:v>40.870000000003401</c:v>
                </c:pt>
                <c:pt idx="2188">
                  <c:v>40.880000000003399</c:v>
                </c:pt>
                <c:pt idx="2189">
                  <c:v>40.890000000003397</c:v>
                </c:pt>
                <c:pt idx="2190">
                  <c:v>40.900000000003402</c:v>
                </c:pt>
                <c:pt idx="2191">
                  <c:v>40.9100000000034</c:v>
                </c:pt>
                <c:pt idx="2192">
                  <c:v>40.920000000003398</c:v>
                </c:pt>
                <c:pt idx="2193">
                  <c:v>40.930000000003403</c:v>
                </c:pt>
                <c:pt idx="2194">
                  <c:v>40.940000000003401</c:v>
                </c:pt>
                <c:pt idx="2195">
                  <c:v>40.950000000003399</c:v>
                </c:pt>
                <c:pt idx="2196">
                  <c:v>40.960000000003397</c:v>
                </c:pt>
                <c:pt idx="2197">
                  <c:v>40.970000000003402</c:v>
                </c:pt>
                <c:pt idx="2198">
                  <c:v>40.9800000000034</c:v>
                </c:pt>
                <c:pt idx="2199">
                  <c:v>40.990000000003398</c:v>
                </c:pt>
                <c:pt idx="2200">
                  <c:v>41.000000000003403</c:v>
                </c:pt>
                <c:pt idx="2201">
                  <c:v>41.010000000003402</c:v>
                </c:pt>
                <c:pt idx="2202">
                  <c:v>41.0200000000034</c:v>
                </c:pt>
                <c:pt idx="2203">
                  <c:v>41.030000000003398</c:v>
                </c:pt>
                <c:pt idx="2204">
                  <c:v>41.040000000003403</c:v>
                </c:pt>
                <c:pt idx="2205">
                  <c:v>41.050000000003401</c:v>
                </c:pt>
                <c:pt idx="2206">
                  <c:v>41.060000000003399</c:v>
                </c:pt>
                <c:pt idx="2207">
                  <c:v>41.070000000003397</c:v>
                </c:pt>
                <c:pt idx="2208">
                  <c:v>41.080000000003501</c:v>
                </c:pt>
                <c:pt idx="2209">
                  <c:v>41.090000000003499</c:v>
                </c:pt>
                <c:pt idx="2210">
                  <c:v>41.100000000003497</c:v>
                </c:pt>
                <c:pt idx="2211">
                  <c:v>41.110000000003502</c:v>
                </c:pt>
                <c:pt idx="2212">
                  <c:v>41.1200000000035</c:v>
                </c:pt>
                <c:pt idx="2213">
                  <c:v>41.130000000003498</c:v>
                </c:pt>
                <c:pt idx="2214">
                  <c:v>41.140000000003504</c:v>
                </c:pt>
                <c:pt idx="2215">
                  <c:v>41.150000000003502</c:v>
                </c:pt>
                <c:pt idx="2216">
                  <c:v>41.1600000000035</c:v>
                </c:pt>
                <c:pt idx="2217">
                  <c:v>41.170000000003498</c:v>
                </c:pt>
                <c:pt idx="2218">
                  <c:v>41.180000000003503</c:v>
                </c:pt>
                <c:pt idx="2219">
                  <c:v>41.190000000003501</c:v>
                </c:pt>
                <c:pt idx="2220">
                  <c:v>41.200000000003499</c:v>
                </c:pt>
                <c:pt idx="2221">
                  <c:v>41.210000000003497</c:v>
                </c:pt>
                <c:pt idx="2222">
                  <c:v>41.220000000003502</c:v>
                </c:pt>
                <c:pt idx="2223">
                  <c:v>41.2300000000035</c:v>
                </c:pt>
                <c:pt idx="2224">
                  <c:v>41.240000000003498</c:v>
                </c:pt>
                <c:pt idx="2225">
                  <c:v>41.250000000003503</c:v>
                </c:pt>
                <c:pt idx="2226">
                  <c:v>41.260000000003501</c:v>
                </c:pt>
                <c:pt idx="2227">
                  <c:v>41.270000000003499</c:v>
                </c:pt>
                <c:pt idx="2228">
                  <c:v>41.280000000003497</c:v>
                </c:pt>
                <c:pt idx="2229">
                  <c:v>41.290000000003502</c:v>
                </c:pt>
                <c:pt idx="2230">
                  <c:v>41.3000000000035</c:v>
                </c:pt>
                <c:pt idx="2231">
                  <c:v>41.310000000003498</c:v>
                </c:pt>
                <c:pt idx="2232">
                  <c:v>41.320000000003503</c:v>
                </c:pt>
                <c:pt idx="2233">
                  <c:v>41.330000000003501</c:v>
                </c:pt>
                <c:pt idx="2234">
                  <c:v>41.340000000003499</c:v>
                </c:pt>
                <c:pt idx="2235">
                  <c:v>41.350000000003497</c:v>
                </c:pt>
                <c:pt idx="2236">
                  <c:v>41.360000000003502</c:v>
                </c:pt>
                <c:pt idx="2237">
                  <c:v>41.3700000000035</c:v>
                </c:pt>
                <c:pt idx="2238">
                  <c:v>41.380000000003498</c:v>
                </c:pt>
                <c:pt idx="2239">
                  <c:v>41.390000000003504</c:v>
                </c:pt>
                <c:pt idx="2240">
                  <c:v>41.400000000003502</c:v>
                </c:pt>
                <c:pt idx="2241">
                  <c:v>41.4100000000035</c:v>
                </c:pt>
                <c:pt idx="2242">
                  <c:v>41.420000000003498</c:v>
                </c:pt>
                <c:pt idx="2243">
                  <c:v>41.430000000003503</c:v>
                </c:pt>
                <c:pt idx="2244">
                  <c:v>41.440000000003501</c:v>
                </c:pt>
                <c:pt idx="2245">
                  <c:v>41.450000000003499</c:v>
                </c:pt>
                <c:pt idx="2246">
                  <c:v>41.460000000003497</c:v>
                </c:pt>
                <c:pt idx="2247">
                  <c:v>41.470000000003502</c:v>
                </c:pt>
                <c:pt idx="2248">
                  <c:v>41.4800000000035</c:v>
                </c:pt>
                <c:pt idx="2249">
                  <c:v>41.490000000003498</c:v>
                </c:pt>
                <c:pt idx="2250">
                  <c:v>41.500000000003503</c:v>
                </c:pt>
                <c:pt idx="2251">
                  <c:v>41.510000000003501</c:v>
                </c:pt>
                <c:pt idx="2252">
                  <c:v>41.520000000003499</c:v>
                </c:pt>
                <c:pt idx="2253">
                  <c:v>41.530000000003497</c:v>
                </c:pt>
                <c:pt idx="2254">
                  <c:v>41.540000000003502</c:v>
                </c:pt>
                <c:pt idx="2255">
                  <c:v>41.5500000000035</c:v>
                </c:pt>
                <c:pt idx="2256">
                  <c:v>41.560000000003498</c:v>
                </c:pt>
                <c:pt idx="2257">
                  <c:v>41.570000000003503</c:v>
                </c:pt>
                <c:pt idx="2258">
                  <c:v>41.580000000003501</c:v>
                </c:pt>
                <c:pt idx="2259">
                  <c:v>41.590000000003499</c:v>
                </c:pt>
                <c:pt idx="2260">
                  <c:v>41.600000000003497</c:v>
                </c:pt>
                <c:pt idx="2261">
                  <c:v>41.610000000003502</c:v>
                </c:pt>
                <c:pt idx="2262">
                  <c:v>41.6200000000035</c:v>
                </c:pt>
                <c:pt idx="2263">
                  <c:v>41.630000000003498</c:v>
                </c:pt>
                <c:pt idx="2264">
                  <c:v>41.640000000003504</c:v>
                </c:pt>
                <c:pt idx="2265">
                  <c:v>41.650000000003502</c:v>
                </c:pt>
                <c:pt idx="2266">
                  <c:v>41.6600000000035</c:v>
                </c:pt>
                <c:pt idx="2267">
                  <c:v>41.670000000003498</c:v>
                </c:pt>
                <c:pt idx="2268">
                  <c:v>41.680000000003503</c:v>
                </c:pt>
                <c:pt idx="2269">
                  <c:v>41.690000000003501</c:v>
                </c:pt>
                <c:pt idx="2270">
                  <c:v>41.700000000003499</c:v>
                </c:pt>
                <c:pt idx="2271">
                  <c:v>41.710000000003603</c:v>
                </c:pt>
                <c:pt idx="2272">
                  <c:v>41.720000000003601</c:v>
                </c:pt>
                <c:pt idx="2273">
                  <c:v>41.730000000003599</c:v>
                </c:pt>
                <c:pt idx="2274">
                  <c:v>41.740000000003597</c:v>
                </c:pt>
                <c:pt idx="2275">
                  <c:v>41.750000000003602</c:v>
                </c:pt>
                <c:pt idx="2276">
                  <c:v>41.7600000000036</c:v>
                </c:pt>
                <c:pt idx="2277">
                  <c:v>41.770000000003598</c:v>
                </c:pt>
                <c:pt idx="2278">
                  <c:v>41.780000000003596</c:v>
                </c:pt>
                <c:pt idx="2279">
                  <c:v>41.790000000003602</c:v>
                </c:pt>
                <c:pt idx="2280">
                  <c:v>41.8000000000036</c:v>
                </c:pt>
                <c:pt idx="2281">
                  <c:v>41.810000000003598</c:v>
                </c:pt>
                <c:pt idx="2282">
                  <c:v>41.820000000003603</c:v>
                </c:pt>
                <c:pt idx="2283">
                  <c:v>41.830000000003601</c:v>
                </c:pt>
                <c:pt idx="2284">
                  <c:v>41.840000000003599</c:v>
                </c:pt>
                <c:pt idx="2285">
                  <c:v>41.850000000003597</c:v>
                </c:pt>
                <c:pt idx="2286">
                  <c:v>41.860000000003602</c:v>
                </c:pt>
                <c:pt idx="2287">
                  <c:v>41.8700000000036</c:v>
                </c:pt>
                <c:pt idx="2288">
                  <c:v>41.880000000003598</c:v>
                </c:pt>
                <c:pt idx="2289">
                  <c:v>41.890000000003603</c:v>
                </c:pt>
                <c:pt idx="2290">
                  <c:v>41.900000000003601</c:v>
                </c:pt>
                <c:pt idx="2291">
                  <c:v>41.910000000003599</c:v>
                </c:pt>
                <c:pt idx="2292">
                  <c:v>41.920000000003597</c:v>
                </c:pt>
                <c:pt idx="2293">
                  <c:v>41.930000000003602</c:v>
                </c:pt>
                <c:pt idx="2294">
                  <c:v>41.9400000000036</c:v>
                </c:pt>
                <c:pt idx="2295">
                  <c:v>41.950000000003598</c:v>
                </c:pt>
                <c:pt idx="2296">
                  <c:v>41.960000000003603</c:v>
                </c:pt>
                <c:pt idx="2297">
                  <c:v>41.970000000003601</c:v>
                </c:pt>
                <c:pt idx="2298">
                  <c:v>41.980000000003599</c:v>
                </c:pt>
                <c:pt idx="2299">
                  <c:v>41.990000000003597</c:v>
                </c:pt>
                <c:pt idx="2300">
                  <c:v>42.000000000003602</c:v>
                </c:pt>
                <c:pt idx="2301">
                  <c:v>42.0100000000036</c:v>
                </c:pt>
                <c:pt idx="2302">
                  <c:v>42.020000000003598</c:v>
                </c:pt>
                <c:pt idx="2303">
                  <c:v>42.030000000003596</c:v>
                </c:pt>
                <c:pt idx="2304">
                  <c:v>42.040000000003602</c:v>
                </c:pt>
                <c:pt idx="2305">
                  <c:v>42.0500000000036</c:v>
                </c:pt>
                <c:pt idx="2306">
                  <c:v>42.060000000003598</c:v>
                </c:pt>
                <c:pt idx="2307">
                  <c:v>42.070000000003603</c:v>
                </c:pt>
                <c:pt idx="2308">
                  <c:v>42.080000000003601</c:v>
                </c:pt>
                <c:pt idx="2309">
                  <c:v>42.090000000003599</c:v>
                </c:pt>
                <c:pt idx="2310">
                  <c:v>42.100000000003597</c:v>
                </c:pt>
                <c:pt idx="2311">
                  <c:v>42.110000000003602</c:v>
                </c:pt>
                <c:pt idx="2312">
                  <c:v>42.1200000000036</c:v>
                </c:pt>
                <c:pt idx="2313">
                  <c:v>42.130000000003598</c:v>
                </c:pt>
                <c:pt idx="2314">
                  <c:v>42.140000000003603</c:v>
                </c:pt>
                <c:pt idx="2315">
                  <c:v>42.150000000003601</c:v>
                </c:pt>
                <c:pt idx="2316">
                  <c:v>42.160000000003599</c:v>
                </c:pt>
                <c:pt idx="2317">
                  <c:v>42.170000000003597</c:v>
                </c:pt>
                <c:pt idx="2318">
                  <c:v>42.180000000003602</c:v>
                </c:pt>
                <c:pt idx="2319">
                  <c:v>42.1900000000036</c:v>
                </c:pt>
                <c:pt idx="2320">
                  <c:v>42.200000000003598</c:v>
                </c:pt>
                <c:pt idx="2321">
                  <c:v>42.210000000003603</c:v>
                </c:pt>
                <c:pt idx="2322">
                  <c:v>42.220000000003601</c:v>
                </c:pt>
                <c:pt idx="2323">
                  <c:v>42.230000000003599</c:v>
                </c:pt>
                <c:pt idx="2324">
                  <c:v>42.240000000003597</c:v>
                </c:pt>
                <c:pt idx="2325">
                  <c:v>42.250000000003602</c:v>
                </c:pt>
                <c:pt idx="2326">
                  <c:v>42.2600000000036</c:v>
                </c:pt>
                <c:pt idx="2327">
                  <c:v>42.270000000003598</c:v>
                </c:pt>
                <c:pt idx="2328">
                  <c:v>42.280000000003596</c:v>
                </c:pt>
                <c:pt idx="2329">
                  <c:v>42.290000000003602</c:v>
                </c:pt>
                <c:pt idx="2330">
                  <c:v>42.3000000000036</c:v>
                </c:pt>
                <c:pt idx="2331">
                  <c:v>42.310000000003598</c:v>
                </c:pt>
                <c:pt idx="2332">
                  <c:v>42.320000000003603</c:v>
                </c:pt>
                <c:pt idx="2333">
                  <c:v>42.330000000003601</c:v>
                </c:pt>
                <c:pt idx="2334">
                  <c:v>42.340000000003599</c:v>
                </c:pt>
                <c:pt idx="2335">
                  <c:v>42.350000000003703</c:v>
                </c:pt>
                <c:pt idx="2336">
                  <c:v>42.360000000003701</c:v>
                </c:pt>
                <c:pt idx="2337">
                  <c:v>42.370000000003699</c:v>
                </c:pt>
                <c:pt idx="2338">
                  <c:v>42.380000000003697</c:v>
                </c:pt>
                <c:pt idx="2339">
                  <c:v>42.390000000003702</c:v>
                </c:pt>
                <c:pt idx="2340">
                  <c:v>42.400000000003701</c:v>
                </c:pt>
                <c:pt idx="2341">
                  <c:v>42.410000000003699</c:v>
                </c:pt>
                <c:pt idx="2342">
                  <c:v>42.420000000003697</c:v>
                </c:pt>
                <c:pt idx="2343">
                  <c:v>42.430000000003702</c:v>
                </c:pt>
                <c:pt idx="2344">
                  <c:v>42.4400000000037</c:v>
                </c:pt>
                <c:pt idx="2345">
                  <c:v>42.450000000003698</c:v>
                </c:pt>
                <c:pt idx="2346">
                  <c:v>42.460000000003703</c:v>
                </c:pt>
                <c:pt idx="2347">
                  <c:v>42.470000000003701</c:v>
                </c:pt>
                <c:pt idx="2348">
                  <c:v>42.480000000003699</c:v>
                </c:pt>
                <c:pt idx="2349">
                  <c:v>42.490000000003697</c:v>
                </c:pt>
                <c:pt idx="2350">
                  <c:v>42.500000000003702</c:v>
                </c:pt>
                <c:pt idx="2351">
                  <c:v>42.5100000000037</c:v>
                </c:pt>
                <c:pt idx="2352">
                  <c:v>42.520000000003698</c:v>
                </c:pt>
                <c:pt idx="2353">
                  <c:v>42.530000000003703</c:v>
                </c:pt>
                <c:pt idx="2354">
                  <c:v>42.540000000003701</c:v>
                </c:pt>
                <c:pt idx="2355">
                  <c:v>42.550000000003699</c:v>
                </c:pt>
                <c:pt idx="2356">
                  <c:v>42.560000000003697</c:v>
                </c:pt>
                <c:pt idx="2357">
                  <c:v>42.570000000003702</c:v>
                </c:pt>
                <c:pt idx="2358">
                  <c:v>42.5800000000037</c:v>
                </c:pt>
                <c:pt idx="2359">
                  <c:v>42.590000000003698</c:v>
                </c:pt>
                <c:pt idx="2360">
                  <c:v>42.600000000003703</c:v>
                </c:pt>
                <c:pt idx="2361">
                  <c:v>42.610000000003701</c:v>
                </c:pt>
                <c:pt idx="2362">
                  <c:v>42.620000000003699</c:v>
                </c:pt>
                <c:pt idx="2363">
                  <c:v>42.630000000003697</c:v>
                </c:pt>
                <c:pt idx="2364">
                  <c:v>42.640000000003702</c:v>
                </c:pt>
                <c:pt idx="2365">
                  <c:v>42.650000000003701</c:v>
                </c:pt>
                <c:pt idx="2366">
                  <c:v>42.660000000003699</c:v>
                </c:pt>
                <c:pt idx="2367">
                  <c:v>42.670000000003697</c:v>
                </c:pt>
                <c:pt idx="2368">
                  <c:v>42.680000000003702</c:v>
                </c:pt>
                <c:pt idx="2369">
                  <c:v>42.6900000000037</c:v>
                </c:pt>
                <c:pt idx="2370">
                  <c:v>42.700000000003698</c:v>
                </c:pt>
                <c:pt idx="2371">
                  <c:v>42.710000000003703</c:v>
                </c:pt>
                <c:pt idx="2372">
                  <c:v>42.720000000003701</c:v>
                </c:pt>
                <c:pt idx="2373">
                  <c:v>42.730000000003699</c:v>
                </c:pt>
                <c:pt idx="2374">
                  <c:v>42.740000000003697</c:v>
                </c:pt>
                <c:pt idx="2375">
                  <c:v>42.750000000003702</c:v>
                </c:pt>
                <c:pt idx="2376">
                  <c:v>42.7600000000037</c:v>
                </c:pt>
                <c:pt idx="2377">
                  <c:v>42.770000000003698</c:v>
                </c:pt>
                <c:pt idx="2378">
                  <c:v>42.780000000003703</c:v>
                </c:pt>
                <c:pt idx="2379">
                  <c:v>42.790000000003701</c:v>
                </c:pt>
                <c:pt idx="2380">
                  <c:v>42.800000000003699</c:v>
                </c:pt>
                <c:pt idx="2381">
                  <c:v>42.810000000003697</c:v>
                </c:pt>
                <c:pt idx="2382">
                  <c:v>42.820000000003702</c:v>
                </c:pt>
                <c:pt idx="2383">
                  <c:v>42.8300000000037</c:v>
                </c:pt>
                <c:pt idx="2384">
                  <c:v>42.840000000003698</c:v>
                </c:pt>
                <c:pt idx="2385">
                  <c:v>42.850000000003703</c:v>
                </c:pt>
                <c:pt idx="2386">
                  <c:v>42.860000000003701</c:v>
                </c:pt>
                <c:pt idx="2387">
                  <c:v>42.870000000003699</c:v>
                </c:pt>
                <c:pt idx="2388">
                  <c:v>42.880000000003697</c:v>
                </c:pt>
                <c:pt idx="2389">
                  <c:v>42.890000000003702</c:v>
                </c:pt>
                <c:pt idx="2390">
                  <c:v>42.900000000003701</c:v>
                </c:pt>
                <c:pt idx="2391">
                  <c:v>42.910000000003699</c:v>
                </c:pt>
                <c:pt idx="2392">
                  <c:v>42.920000000003697</c:v>
                </c:pt>
                <c:pt idx="2393">
                  <c:v>42.930000000003702</c:v>
                </c:pt>
                <c:pt idx="2394">
                  <c:v>42.9400000000037</c:v>
                </c:pt>
                <c:pt idx="2395">
                  <c:v>42.950000000003698</c:v>
                </c:pt>
                <c:pt idx="2396">
                  <c:v>42.960000000003703</c:v>
                </c:pt>
                <c:pt idx="2397">
                  <c:v>42.970000000003701</c:v>
                </c:pt>
                <c:pt idx="2398">
                  <c:v>42.980000000003699</c:v>
                </c:pt>
                <c:pt idx="2399">
                  <c:v>42.990000000003803</c:v>
                </c:pt>
                <c:pt idx="2400">
                  <c:v>43.000000000003801</c:v>
                </c:pt>
                <c:pt idx="2401">
                  <c:v>43.010000000003799</c:v>
                </c:pt>
                <c:pt idx="2402">
                  <c:v>43.020000000003797</c:v>
                </c:pt>
                <c:pt idx="2403">
                  <c:v>43.030000000003803</c:v>
                </c:pt>
                <c:pt idx="2404">
                  <c:v>43.040000000003801</c:v>
                </c:pt>
                <c:pt idx="2405">
                  <c:v>43.050000000003799</c:v>
                </c:pt>
                <c:pt idx="2406">
                  <c:v>43.060000000003797</c:v>
                </c:pt>
                <c:pt idx="2407">
                  <c:v>43.070000000003802</c:v>
                </c:pt>
                <c:pt idx="2408">
                  <c:v>43.0800000000038</c:v>
                </c:pt>
                <c:pt idx="2409">
                  <c:v>43.090000000003798</c:v>
                </c:pt>
                <c:pt idx="2410">
                  <c:v>43.100000000003803</c:v>
                </c:pt>
                <c:pt idx="2411">
                  <c:v>43.110000000003801</c:v>
                </c:pt>
                <c:pt idx="2412">
                  <c:v>43.120000000003799</c:v>
                </c:pt>
                <c:pt idx="2413">
                  <c:v>43.130000000003797</c:v>
                </c:pt>
                <c:pt idx="2414">
                  <c:v>43.140000000003802</c:v>
                </c:pt>
                <c:pt idx="2415">
                  <c:v>43.1500000000038</c:v>
                </c:pt>
                <c:pt idx="2416">
                  <c:v>43.160000000003798</c:v>
                </c:pt>
                <c:pt idx="2417">
                  <c:v>43.170000000003803</c:v>
                </c:pt>
                <c:pt idx="2418">
                  <c:v>43.180000000003801</c:v>
                </c:pt>
                <c:pt idx="2419">
                  <c:v>43.190000000003799</c:v>
                </c:pt>
                <c:pt idx="2420">
                  <c:v>43.200000000003797</c:v>
                </c:pt>
                <c:pt idx="2421">
                  <c:v>43.210000000003802</c:v>
                </c:pt>
                <c:pt idx="2422">
                  <c:v>43.2200000000038</c:v>
                </c:pt>
                <c:pt idx="2423">
                  <c:v>43.230000000003798</c:v>
                </c:pt>
                <c:pt idx="2424">
                  <c:v>43.240000000003803</c:v>
                </c:pt>
                <c:pt idx="2425">
                  <c:v>43.250000000003801</c:v>
                </c:pt>
                <c:pt idx="2426">
                  <c:v>43.260000000003799</c:v>
                </c:pt>
                <c:pt idx="2427">
                  <c:v>43.270000000003797</c:v>
                </c:pt>
                <c:pt idx="2428">
                  <c:v>43.280000000003803</c:v>
                </c:pt>
                <c:pt idx="2429">
                  <c:v>43.290000000003801</c:v>
                </c:pt>
                <c:pt idx="2430">
                  <c:v>43.300000000003799</c:v>
                </c:pt>
                <c:pt idx="2431">
                  <c:v>43.310000000003797</c:v>
                </c:pt>
                <c:pt idx="2432">
                  <c:v>43.320000000003802</c:v>
                </c:pt>
                <c:pt idx="2433">
                  <c:v>43.3300000000038</c:v>
                </c:pt>
                <c:pt idx="2434">
                  <c:v>43.340000000003798</c:v>
                </c:pt>
                <c:pt idx="2435">
                  <c:v>43.350000000003803</c:v>
                </c:pt>
                <c:pt idx="2436">
                  <c:v>43.360000000003801</c:v>
                </c:pt>
                <c:pt idx="2437">
                  <c:v>43.370000000003799</c:v>
                </c:pt>
                <c:pt idx="2438">
                  <c:v>43.380000000003797</c:v>
                </c:pt>
                <c:pt idx="2439">
                  <c:v>43.390000000003802</c:v>
                </c:pt>
                <c:pt idx="2440">
                  <c:v>43.4000000000038</c:v>
                </c:pt>
                <c:pt idx="2441">
                  <c:v>43.410000000003798</c:v>
                </c:pt>
                <c:pt idx="2442">
                  <c:v>43.420000000003803</c:v>
                </c:pt>
                <c:pt idx="2443">
                  <c:v>43.430000000003801</c:v>
                </c:pt>
                <c:pt idx="2444">
                  <c:v>43.440000000003799</c:v>
                </c:pt>
                <c:pt idx="2445">
                  <c:v>43.450000000003797</c:v>
                </c:pt>
                <c:pt idx="2446">
                  <c:v>43.460000000003802</c:v>
                </c:pt>
                <c:pt idx="2447">
                  <c:v>43.4700000000038</c:v>
                </c:pt>
                <c:pt idx="2448">
                  <c:v>43.480000000003798</c:v>
                </c:pt>
                <c:pt idx="2449">
                  <c:v>43.490000000003803</c:v>
                </c:pt>
                <c:pt idx="2450">
                  <c:v>43.500000000003801</c:v>
                </c:pt>
                <c:pt idx="2451">
                  <c:v>43.510000000003799</c:v>
                </c:pt>
                <c:pt idx="2452">
                  <c:v>43.520000000003797</c:v>
                </c:pt>
                <c:pt idx="2453">
                  <c:v>43.530000000003803</c:v>
                </c:pt>
                <c:pt idx="2454">
                  <c:v>43.540000000003801</c:v>
                </c:pt>
                <c:pt idx="2455">
                  <c:v>43.550000000003799</c:v>
                </c:pt>
                <c:pt idx="2456">
                  <c:v>43.560000000003797</c:v>
                </c:pt>
                <c:pt idx="2457">
                  <c:v>43.570000000003802</c:v>
                </c:pt>
                <c:pt idx="2458">
                  <c:v>43.5800000000038</c:v>
                </c:pt>
                <c:pt idx="2459">
                  <c:v>43.590000000003798</c:v>
                </c:pt>
                <c:pt idx="2460">
                  <c:v>43.600000000003803</c:v>
                </c:pt>
                <c:pt idx="2461">
                  <c:v>43.610000000003801</c:v>
                </c:pt>
                <c:pt idx="2462">
                  <c:v>43.620000000003799</c:v>
                </c:pt>
                <c:pt idx="2463">
                  <c:v>43.630000000003903</c:v>
                </c:pt>
                <c:pt idx="2464">
                  <c:v>43.640000000003901</c:v>
                </c:pt>
                <c:pt idx="2465">
                  <c:v>43.650000000003899</c:v>
                </c:pt>
                <c:pt idx="2466">
                  <c:v>43.660000000003897</c:v>
                </c:pt>
                <c:pt idx="2467">
                  <c:v>43.670000000003903</c:v>
                </c:pt>
                <c:pt idx="2468">
                  <c:v>43.680000000003901</c:v>
                </c:pt>
                <c:pt idx="2469">
                  <c:v>43.690000000003899</c:v>
                </c:pt>
                <c:pt idx="2470">
                  <c:v>43.700000000003897</c:v>
                </c:pt>
                <c:pt idx="2471">
                  <c:v>43.710000000003902</c:v>
                </c:pt>
                <c:pt idx="2472">
                  <c:v>43.7200000000039</c:v>
                </c:pt>
                <c:pt idx="2473">
                  <c:v>43.730000000003898</c:v>
                </c:pt>
                <c:pt idx="2474">
                  <c:v>43.740000000003903</c:v>
                </c:pt>
                <c:pt idx="2475">
                  <c:v>43.750000000003901</c:v>
                </c:pt>
                <c:pt idx="2476">
                  <c:v>43.760000000003899</c:v>
                </c:pt>
                <c:pt idx="2477">
                  <c:v>43.770000000003897</c:v>
                </c:pt>
                <c:pt idx="2478">
                  <c:v>43.780000000003902</c:v>
                </c:pt>
                <c:pt idx="2479">
                  <c:v>43.7900000000039</c:v>
                </c:pt>
                <c:pt idx="2480">
                  <c:v>43.800000000003898</c:v>
                </c:pt>
                <c:pt idx="2481">
                  <c:v>43.810000000003903</c:v>
                </c:pt>
                <c:pt idx="2482">
                  <c:v>43.820000000003901</c:v>
                </c:pt>
                <c:pt idx="2483">
                  <c:v>43.830000000003899</c:v>
                </c:pt>
                <c:pt idx="2484">
                  <c:v>43.840000000003897</c:v>
                </c:pt>
                <c:pt idx="2485">
                  <c:v>43.850000000003902</c:v>
                </c:pt>
                <c:pt idx="2486">
                  <c:v>43.8600000000039</c:v>
                </c:pt>
                <c:pt idx="2487">
                  <c:v>43.870000000003898</c:v>
                </c:pt>
                <c:pt idx="2488">
                  <c:v>43.880000000003903</c:v>
                </c:pt>
                <c:pt idx="2489">
                  <c:v>43.890000000003901</c:v>
                </c:pt>
                <c:pt idx="2490">
                  <c:v>43.900000000003899</c:v>
                </c:pt>
                <c:pt idx="2491">
                  <c:v>43.910000000003897</c:v>
                </c:pt>
                <c:pt idx="2492">
                  <c:v>43.920000000003903</c:v>
                </c:pt>
                <c:pt idx="2493">
                  <c:v>43.930000000003901</c:v>
                </c:pt>
                <c:pt idx="2494">
                  <c:v>43.940000000003899</c:v>
                </c:pt>
                <c:pt idx="2495">
                  <c:v>43.950000000003897</c:v>
                </c:pt>
                <c:pt idx="2496">
                  <c:v>43.960000000003902</c:v>
                </c:pt>
                <c:pt idx="2497">
                  <c:v>43.9700000000039</c:v>
                </c:pt>
                <c:pt idx="2498">
                  <c:v>43.980000000003898</c:v>
                </c:pt>
                <c:pt idx="2499">
                  <c:v>43.990000000003903</c:v>
                </c:pt>
                <c:pt idx="2500">
                  <c:v>44.000000000003901</c:v>
                </c:pt>
                <c:pt idx="2501">
                  <c:v>44.010000000003899</c:v>
                </c:pt>
                <c:pt idx="2502">
                  <c:v>44.020000000003897</c:v>
                </c:pt>
                <c:pt idx="2503">
                  <c:v>44.030000000003902</c:v>
                </c:pt>
                <c:pt idx="2504">
                  <c:v>44.0400000000039</c:v>
                </c:pt>
                <c:pt idx="2505">
                  <c:v>44.050000000003898</c:v>
                </c:pt>
                <c:pt idx="2506">
                  <c:v>44.060000000003903</c:v>
                </c:pt>
                <c:pt idx="2507">
                  <c:v>44.070000000003901</c:v>
                </c:pt>
                <c:pt idx="2508">
                  <c:v>44.080000000003899</c:v>
                </c:pt>
                <c:pt idx="2509">
                  <c:v>44.090000000003897</c:v>
                </c:pt>
                <c:pt idx="2510">
                  <c:v>44.100000000003902</c:v>
                </c:pt>
                <c:pt idx="2511">
                  <c:v>44.1100000000039</c:v>
                </c:pt>
                <c:pt idx="2512">
                  <c:v>44.120000000003898</c:v>
                </c:pt>
                <c:pt idx="2513">
                  <c:v>44.130000000003903</c:v>
                </c:pt>
                <c:pt idx="2514">
                  <c:v>44.140000000003901</c:v>
                </c:pt>
                <c:pt idx="2515">
                  <c:v>44.150000000003899</c:v>
                </c:pt>
                <c:pt idx="2516">
                  <c:v>44.160000000003897</c:v>
                </c:pt>
                <c:pt idx="2517">
                  <c:v>44.170000000003903</c:v>
                </c:pt>
                <c:pt idx="2518">
                  <c:v>44.180000000003901</c:v>
                </c:pt>
                <c:pt idx="2519">
                  <c:v>44.190000000003899</c:v>
                </c:pt>
                <c:pt idx="2520">
                  <c:v>44.200000000003897</c:v>
                </c:pt>
                <c:pt idx="2521">
                  <c:v>44.210000000003902</c:v>
                </c:pt>
                <c:pt idx="2522">
                  <c:v>44.2200000000039</c:v>
                </c:pt>
                <c:pt idx="2523">
                  <c:v>44.230000000003898</c:v>
                </c:pt>
                <c:pt idx="2524">
                  <c:v>44.240000000003903</c:v>
                </c:pt>
                <c:pt idx="2525">
                  <c:v>44.250000000003901</c:v>
                </c:pt>
                <c:pt idx="2526">
                  <c:v>44.260000000003899</c:v>
                </c:pt>
                <c:pt idx="2527">
                  <c:v>44.270000000004003</c:v>
                </c:pt>
                <c:pt idx="2528">
                  <c:v>44.280000000004001</c:v>
                </c:pt>
                <c:pt idx="2529">
                  <c:v>44.290000000004</c:v>
                </c:pt>
                <c:pt idx="2530">
                  <c:v>44.300000000003998</c:v>
                </c:pt>
                <c:pt idx="2531">
                  <c:v>44.310000000004003</c:v>
                </c:pt>
                <c:pt idx="2532">
                  <c:v>44.320000000004001</c:v>
                </c:pt>
                <c:pt idx="2533">
                  <c:v>44.330000000003999</c:v>
                </c:pt>
                <c:pt idx="2534">
                  <c:v>44.340000000003997</c:v>
                </c:pt>
                <c:pt idx="2535">
                  <c:v>44.350000000004002</c:v>
                </c:pt>
                <c:pt idx="2536">
                  <c:v>44.360000000004</c:v>
                </c:pt>
                <c:pt idx="2537">
                  <c:v>44.370000000003998</c:v>
                </c:pt>
                <c:pt idx="2538">
                  <c:v>44.380000000004003</c:v>
                </c:pt>
                <c:pt idx="2539">
                  <c:v>44.390000000004001</c:v>
                </c:pt>
                <c:pt idx="2540">
                  <c:v>44.400000000003999</c:v>
                </c:pt>
                <c:pt idx="2541">
                  <c:v>44.410000000003997</c:v>
                </c:pt>
                <c:pt idx="2542">
                  <c:v>44.420000000004002</c:v>
                </c:pt>
                <c:pt idx="2543">
                  <c:v>44.430000000004</c:v>
                </c:pt>
                <c:pt idx="2544">
                  <c:v>44.440000000003998</c:v>
                </c:pt>
                <c:pt idx="2545">
                  <c:v>44.450000000004003</c:v>
                </c:pt>
                <c:pt idx="2546">
                  <c:v>44.460000000004001</c:v>
                </c:pt>
                <c:pt idx="2547">
                  <c:v>44.470000000003999</c:v>
                </c:pt>
                <c:pt idx="2548">
                  <c:v>44.480000000003997</c:v>
                </c:pt>
                <c:pt idx="2549">
                  <c:v>44.490000000004002</c:v>
                </c:pt>
                <c:pt idx="2550">
                  <c:v>44.500000000004</c:v>
                </c:pt>
                <c:pt idx="2551">
                  <c:v>44.510000000003998</c:v>
                </c:pt>
                <c:pt idx="2552">
                  <c:v>44.520000000004003</c:v>
                </c:pt>
                <c:pt idx="2553">
                  <c:v>44.530000000004001</c:v>
                </c:pt>
                <c:pt idx="2554">
                  <c:v>44.540000000004</c:v>
                </c:pt>
                <c:pt idx="2555">
                  <c:v>44.550000000003998</c:v>
                </c:pt>
                <c:pt idx="2556">
                  <c:v>44.560000000004003</c:v>
                </c:pt>
                <c:pt idx="2557">
                  <c:v>44.570000000004001</c:v>
                </c:pt>
                <c:pt idx="2558">
                  <c:v>44.580000000003999</c:v>
                </c:pt>
                <c:pt idx="2559">
                  <c:v>44.590000000003997</c:v>
                </c:pt>
                <c:pt idx="2560">
                  <c:v>44.600000000004002</c:v>
                </c:pt>
                <c:pt idx="2561">
                  <c:v>44.610000000004</c:v>
                </c:pt>
                <c:pt idx="2562">
                  <c:v>44.620000000003998</c:v>
                </c:pt>
                <c:pt idx="2563">
                  <c:v>44.630000000004003</c:v>
                </c:pt>
                <c:pt idx="2564">
                  <c:v>44.640000000004001</c:v>
                </c:pt>
                <c:pt idx="2565">
                  <c:v>44.650000000003999</c:v>
                </c:pt>
                <c:pt idx="2566">
                  <c:v>44.660000000003997</c:v>
                </c:pt>
                <c:pt idx="2567">
                  <c:v>44.670000000004002</c:v>
                </c:pt>
                <c:pt idx="2568">
                  <c:v>44.680000000004</c:v>
                </c:pt>
                <c:pt idx="2569">
                  <c:v>44.690000000003998</c:v>
                </c:pt>
                <c:pt idx="2570">
                  <c:v>44.700000000004003</c:v>
                </c:pt>
                <c:pt idx="2571">
                  <c:v>44.710000000004001</c:v>
                </c:pt>
                <c:pt idx="2572">
                  <c:v>44.720000000003999</c:v>
                </c:pt>
                <c:pt idx="2573">
                  <c:v>44.730000000003997</c:v>
                </c:pt>
                <c:pt idx="2574">
                  <c:v>44.740000000004002</c:v>
                </c:pt>
                <c:pt idx="2575">
                  <c:v>44.750000000004</c:v>
                </c:pt>
                <c:pt idx="2576">
                  <c:v>44.760000000003998</c:v>
                </c:pt>
                <c:pt idx="2577">
                  <c:v>44.770000000004003</c:v>
                </c:pt>
                <c:pt idx="2578">
                  <c:v>44.780000000004001</c:v>
                </c:pt>
                <c:pt idx="2579">
                  <c:v>44.790000000004</c:v>
                </c:pt>
                <c:pt idx="2580">
                  <c:v>44.800000000003998</c:v>
                </c:pt>
                <c:pt idx="2581">
                  <c:v>44.810000000004003</c:v>
                </c:pt>
                <c:pt idx="2582">
                  <c:v>44.820000000004001</c:v>
                </c:pt>
                <c:pt idx="2583">
                  <c:v>44.830000000003999</c:v>
                </c:pt>
                <c:pt idx="2584">
                  <c:v>44.840000000003997</c:v>
                </c:pt>
                <c:pt idx="2585">
                  <c:v>44.850000000004002</c:v>
                </c:pt>
                <c:pt idx="2586">
                  <c:v>44.860000000004</c:v>
                </c:pt>
                <c:pt idx="2587">
                  <c:v>44.870000000003998</c:v>
                </c:pt>
                <c:pt idx="2588">
                  <c:v>44.880000000004003</c:v>
                </c:pt>
                <c:pt idx="2589">
                  <c:v>44.890000000004001</c:v>
                </c:pt>
                <c:pt idx="2590">
                  <c:v>44.900000000003999</c:v>
                </c:pt>
                <c:pt idx="2591">
                  <c:v>44.910000000004104</c:v>
                </c:pt>
                <c:pt idx="2592">
                  <c:v>44.920000000004102</c:v>
                </c:pt>
                <c:pt idx="2593">
                  <c:v>44.9300000000041</c:v>
                </c:pt>
                <c:pt idx="2594">
                  <c:v>44.940000000004098</c:v>
                </c:pt>
                <c:pt idx="2595">
                  <c:v>44.950000000004103</c:v>
                </c:pt>
                <c:pt idx="2596">
                  <c:v>44.960000000004101</c:v>
                </c:pt>
                <c:pt idx="2597">
                  <c:v>44.970000000004099</c:v>
                </c:pt>
                <c:pt idx="2598">
                  <c:v>44.980000000004097</c:v>
                </c:pt>
                <c:pt idx="2599">
                  <c:v>44.990000000004102</c:v>
                </c:pt>
                <c:pt idx="2600">
                  <c:v>45.0000000000041</c:v>
                </c:pt>
                <c:pt idx="2601">
                  <c:v>45.010000000004098</c:v>
                </c:pt>
                <c:pt idx="2602">
                  <c:v>45.020000000004103</c:v>
                </c:pt>
                <c:pt idx="2603">
                  <c:v>45.030000000004101</c:v>
                </c:pt>
                <c:pt idx="2604">
                  <c:v>45.040000000004099</c:v>
                </c:pt>
                <c:pt idx="2605">
                  <c:v>45.050000000004097</c:v>
                </c:pt>
                <c:pt idx="2606">
                  <c:v>45.060000000004102</c:v>
                </c:pt>
                <c:pt idx="2607">
                  <c:v>45.0700000000041</c:v>
                </c:pt>
                <c:pt idx="2608">
                  <c:v>45.080000000004098</c:v>
                </c:pt>
                <c:pt idx="2609">
                  <c:v>45.090000000004103</c:v>
                </c:pt>
                <c:pt idx="2610">
                  <c:v>45.100000000004101</c:v>
                </c:pt>
                <c:pt idx="2611">
                  <c:v>45.110000000004099</c:v>
                </c:pt>
                <c:pt idx="2612">
                  <c:v>45.120000000004097</c:v>
                </c:pt>
                <c:pt idx="2613">
                  <c:v>45.130000000004102</c:v>
                </c:pt>
                <c:pt idx="2614">
                  <c:v>45.1400000000041</c:v>
                </c:pt>
                <c:pt idx="2615">
                  <c:v>45.150000000004098</c:v>
                </c:pt>
                <c:pt idx="2616">
                  <c:v>45.160000000004104</c:v>
                </c:pt>
                <c:pt idx="2617">
                  <c:v>45.170000000004102</c:v>
                </c:pt>
                <c:pt idx="2618">
                  <c:v>45.1800000000041</c:v>
                </c:pt>
                <c:pt idx="2619">
                  <c:v>45.190000000004098</c:v>
                </c:pt>
                <c:pt idx="2620">
                  <c:v>45.200000000004103</c:v>
                </c:pt>
                <c:pt idx="2621">
                  <c:v>45.210000000004101</c:v>
                </c:pt>
                <c:pt idx="2622">
                  <c:v>45.220000000004099</c:v>
                </c:pt>
                <c:pt idx="2623">
                  <c:v>45.230000000004097</c:v>
                </c:pt>
                <c:pt idx="2624">
                  <c:v>45.240000000004102</c:v>
                </c:pt>
                <c:pt idx="2625">
                  <c:v>45.2500000000041</c:v>
                </c:pt>
                <c:pt idx="2626">
                  <c:v>45.260000000004098</c:v>
                </c:pt>
                <c:pt idx="2627">
                  <c:v>45.270000000004103</c:v>
                </c:pt>
                <c:pt idx="2628">
                  <c:v>45.280000000004101</c:v>
                </c:pt>
                <c:pt idx="2629">
                  <c:v>45.290000000004099</c:v>
                </c:pt>
                <c:pt idx="2630">
                  <c:v>45.300000000004097</c:v>
                </c:pt>
                <c:pt idx="2631">
                  <c:v>45.310000000004102</c:v>
                </c:pt>
                <c:pt idx="2632">
                  <c:v>45.3200000000041</c:v>
                </c:pt>
                <c:pt idx="2633">
                  <c:v>45.330000000004098</c:v>
                </c:pt>
                <c:pt idx="2634">
                  <c:v>45.340000000004103</c:v>
                </c:pt>
                <c:pt idx="2635">
                  <c:v>45.350000000004101</c:v>
                </c:pt>
                <c:pt idx="2636">
                  <c:v>45.360000000004099</c:v>
                </c:pt>
                <c:pt idx="2637">
                  <c:v>45.370000000004097</c:v>
                </c:pt>
                <c:pt idx="2638">
                  <c:v>45.380000000004102</c:v>
                </c:pt>
                <c:pt idx="2639">
                  <c:v>45.3900000000041</c:v>
                </c:pt>
                <c:pt idx="2640">
                  <c:v>45.400000000004098</c:v>
                </c:pt>
                <c:pt idx="2641">
                  <c:v>45.410000000004104</c:v>
                </c:pt>
                <c:pt idx="2642">
                  <c:v>45.420000000004102</c:v>
                </c:pt>
                <c:pt idx="2643">
                  <c:v>45.4300000000041</c:v>
                </c:pt>
                <c:pt idx="2644">
                  <c:v>45.440000000004098</c:v>
                </c:pt>
                <c:pt idx="2645">
                  <c:v>45.450000000004103</c:v>
                </c:pt>
                <c:pt idx="2646">
                  <c:v>45.460000000004101</c:v>
                </c:pt>
                <c:pt idx="2647">
                  <c:v>45.470000000004099</c:v>
                </c:pt>
                <c:pt idx="2648">
                  <c:v>45.480000000004097</c:v>
                </c:pt>
                <c:pt idx="2649">
                  <c:v>45.490000000004102</c:v>
                </c:pt>
                <c:pt idx="2650">
                  <c:v>45.5000000000041</c:v>
                </c:pt>
                <c:pt idx="2651">
                  <c:v>45.510000000004098</c:v>
                </c:pt>
                <c:pt idx="2652">
                  <c:v>45.520000000004103</c:v>
                </c:pt>
                <c:pt idx="2653">
                  <c:v>45.530000000004101</c:v>
                </c:pt>
                <c:pt idx="2654">
                  <c:v>45.540000000004099</c:v>
                </c:pt>
                <c:pt idx="2655">
                  <c:v>45.550000000004196</c:v>
                </c:pt>
                <c:pt idx="2656">
                  <c:v>45.560000000004202</c:v>
                </c:pt>
                <c:pt idx="2657">
                  <c:v>45.5700000000042</c:v>
                </c:pt>
                <c:pt idx="2658">
                  <c:v>45.580000000004198</c:v>
                </c:pt>
                <c:pt idx="2659">
                  <c:v>45.590000000004203</c:v>
                </c:pt>
                <c:pt idx="2660">
                  <c:v>45.600000000004201</c:v>
                </c:pt>
                <c:pt idx="2661">
                  <c:v>45.610000000004199</c:v>
                </c:pt>
                <c:pt idx="2662">
                  <c:v>45.620000000004197</c:v>
                </c:pt>
                <c:pt idx="2663">
                  <c:v>45.630000000004202</c:v>
                </c:pt>
                <c:pt idx="2664">
                  <c:v>45.6400000000042</c:v>
                </c:pt>
                <c:pt idx="2665">
                  <c:v>45.650000000004198</c:v>
                </c:pt>
                <c:pt idx="2666">
                  <c:v>45.660000000004203</c:v>
                </c:pt>
                <c:pt idx="2667">
                  <c:v>45.670000000004201</c:v>
                </c:pt>
                <c:pt idx="2668">
                  <c:v>45.680000000004199</c:v>
                </c:pt>
                <c:pt idx="2669">
                  <c:v>45.690000000004197</c:v>
                </c:pt>
                <c:pt idx="2670">
                  <c:v>45.700000000004202</c:v>
                </c:pt>
                <c:pt idx="2671">
                  <c:v>45.7100000000042</c:v>
                </c:pt>
                <c:pt idx="2672">
                  <c:v>45.720000000004198</c:v>
                </c:pt>
                <c:pt idx="2673">
                  <c:v>45.730000000004203</c:v>
                </c:pt>
                <c:pt idx="2674">
                  <c:v>45.740000000004201</c:v>
                </c:pt>
                <c:pt idx="2675">
                  <c:v>45.750000000004199</c:v>
                </c:pt>
                <c:pt idx="2676">
                  <c:v>45.760000000004197</c:v>
                </c:pt>
                <c:pt idx="2677">
                  <c:v>45.770000000004202</c:v>
                </c:pt>
                <c:pt idx="2678">
                  <c:v>45.7800000000042</c:v>
                </c:pt>
                <c:pt idx="2679">
                  <c:v>45.790000000004198</c:v>
                </c:pt>
                <c:pt idx="2680">
                  <c:v>45.800000000004196</c:v>
                </c:pt>
                <c:pt idx="2681">
                  <c:v>45.810000000004202</c:v>
                </c:pt>
                <c:pt idx="2682">
                  <c:v>45.8200000000042</c:v>
                </c:pt>
                <c:pt idx="2683">
                  <c:v>45.830000000004198</c:v>
                </c:pt>
                <c:pt idx="2684">
                  <c:v>45.840000000004203</c:v>
                </c:pt>
                <c:pt idx="2685">
                  <c:v>45.850000000004201</c:v>
                </c:pt>
                <c:pt idx="2686">
                  <c:v>45.860000000004199</c:v>
                </c:pt>
                <c:pt idx="2687">
                  <c:v>45.870000000004197</c:v>
                </c:pt>
                <c:pt idx="2688">
                  <c:v>45.880000000004202</c:v>
                </c:pt>
                <c:pt idx="2689">
                  <c:v>45.8900000000042</c:v>
                </c:pt>
                <c:pt idx="2690">
                  <c:v>45.900000000004198</c:v>
                </c:pt>
                <c:pt idx="2691">
                  <c:v>45.910000000004203</c:v>
                </c:pt>
                <c:pt idx="2692">
                  <c:v>45.920000000004201</c:v>
                </c:pt>
                <c:pt idx="2693">
                  <c:v>45.930000000004199</c:v>
                </c:pt>
                <c:pt idx="2694">
                  <c:v>45.940000000004197</c:v>
                </c:pt>
                <c:pt idx="2695">
                  <c:v>45.950000000004202</c:v>
                </c:pt>
                <c:pt idx="2696">
                  <c:v>45.9600000000042</c:v>
                </c:pt>
                <c:pt idx="2697">
                  <c:v>45.970000000004198</c:v>
                </c:pt>
                <c:pt idx="2698">
                  <c:v>45.980000000004203</c:v>
                </c:pt>
                <c:pt idx="2699">
                  <c:v>45.990000000004201</c:v>
                </c:pt>
                <c:pt idx="2700">
                  <c:v>46.000000000004199</c:v>
                </c:pt>
                <c:pt idx="2701">
                  <c:v>46.010000000004197</c:v>
                </c:pt>
                <c:pt idx="2702">
                  <c:v>46.020000000004202</c:v>
                </c:pt>
                <c:pt idx="2703">
                  <c:v>46.0300000000042</c:v>
                </c:pt>
                <c:pt idx="2704">
                  <c:v>46.040000000004198</c:v>
                </c:pt>
                <c:pt idx="2705">
                  <c:v>46.050000000004196</c:v>
                </c:pt>
                <c:pt idx="2706">
                  <c:v>46.060000000004202</c:v>
                </c:pt>
                <c:pt idx="2707">
                  <c:v>46.0700000000042</c:v>
                </c:pt>
                <c:pt idx="2708">
                  <c:v>46.080000000004198</c:v>
                </c:pt>
                <c:pt idx="2709">
                  <c:v>46.090000000004203</c:v>
                </c:pt>
                <c:pt idx="2710">
                  <c:v>46.100000000004201</c:v>
                </c:pt>
                <c:pt idx="2711">
                  <c:v>46.110000000004199</c:v>
                </c:pt>
                <c:pt idx="2712">
                  <c:v>46.120000000004197</c:v>
                </c:pt>
                <c:pt idx="2713">
                  <c:v>46.130000000004202</c:v>
                </c:pt>
                <c:pt idx="2714">
                  <c:v>46.1400000000042</c:v>
                </c:pt>
                <c:pt idx="2715">
                  <c:v>46.150000000004198</c:v>
                </c:pt>
                <c:pt idx="2716">
                  <c:v>46.160000000004203</c:v>
                </c:pt>
                <c:pt idx="2717">
                  <c:v>46.170000000004201</c:v>
                </c:pt>
                <c:pt idx="2718">
                  <c:v>46.180000000004199</c:v>
                </c:pt>
                <c:pt idx="2719">
                  <c:v>46.190000000004297</c:v>
                </c:pt>
                <c:pt idx="2720">
                  <c:v>46.200000000004302</c:v>
                </c:pt>
                <c:pt idx="2721">
                  <c:v>46.2100000000043</c:v>
                </c:pt>
                <c:pt idx="2722">
                  <c:v>46.220000000004298</c:v>
                </c:pt>
                <c:pt idx="2723">
                  <c:v>46.230000000004303</c:v>
                </c:pt>
                <c:pt idx="2724">
                  <c:v>46.240000000004301</c:v>
                </c:pt>
                <c:pt idx="2725">
                  <c:v>46.250000000004299</c:v>
                </c:pt>
                <c:pt idx="2726">
                  <c:v>46.260000000004297</c:v>
                </c:pt>
                <c:pt idx="2727">
                  <c:v>46.270000000004302</c:v>
                </c:pt>
                <c:pt idx="2728">
                  <c:v>46.2800000000043</c:v>
                </c:pt>
                <c:pt idx="2729">
                  <c:v>46.290000000004298</c:v>
                </c:pt>
                <c:pt idx="2730">
                  <c:v>46.300000000004303</c:v>
                </c:pt>
                <c:pt idx="2731">
                  <c:v>46.310000000004301</c:v>
                </c:pt>
                <c:pt idx="2732">
                  <c:v>46.320000000004299</c:v>
                </c:pt>
                <c:pt idx="2733">
                  <c:v>46.330000000004297</c:v>
                </c:pt>
                <c:pt idx="2734">
                  <c:v>46.340000000004302</c:v>
                </c:pt>
                <c:pt idx="2735">
                  <c:v>46.3500000000043</c:v>
                </c:pt>
                <c:pt idx="2736">
                  <c:v>46.360000000004298</c:v>
                </c:pt>
                <c:pt idx="2737">
                  <c:v>46.370000000004303</c:v>
                </c:pt>
                <c:pt idx="2738">
                  <c:v>46.380000000004301</c:v>
                </c:pt>
                <c:pt idx="2739">
                  <c:v>46.390000000004299</c:v>
                </c:pt>
                <c:pt idx="2740">
                  <c:v>46.400000000004297</c:v>
                </c:pt>
                <c:pt idx="2741">
                  <c:v>46.410000000004302</c:v>
                </c:pt>
                <c:pt idx="2742">
                  <c:v>46.4200000000043</c:v>
                </c:pt>
                <c:pt idx="2743">
                  <c:v>46.430000000004298</c:v>
                </c:pt>
                <c:pt idx="2744">
                  <c:v>46.440000000004297</c:v>
                </c:pt>
                <c:pt idx="2745">
                  <c:v>46.450000000004302</c:v>
                </c:pt>
                <c:pt idx="2746">
                  <c:v>46.4600000000043</c:v>
                </c:pt>
                <c:pt idx="2747">
                  <c:v>46.470000000004298</c:v>
                </c:pt>
                <c:pt idx="2748">
                  <c:v>46.480000000004303</c:v>
                </c:pt>
                <c:pt idx="2749">
                  <c:v>46.490000000004301</c:v>
                </c:pt>
                <c:pt idx="2750">
                  <c:v>46.500000000004299</c:v>
                </c:pt>
                <c:pt idx="2751">
                  <c:v>46.510000000004297</c:v>
                </c:pt>
                <c:pt idx="2752">
                  <c:v>46.520000000004302</c:v>
                </c:pt>
                <c:pt idx="2753">
                  <c:v>46.5300000000043</c:v>
                </c:pt>
                <c:pt idx="2754">
                  <c:v>46.540000000004298</c:v>
                </c:pt>
                <c:pt idx="2755">
                  <c:v>46.550000000004303</c:v>
                </c:pt>
                <c:pt idx="2756">
                  <c:v>46.560000000004301</c:v>
                </c:pt>
                <c:pt idx="2757">
                  <c:v>46.570000000004299</c:v>
                </c:pt>
                <c:pt idx="2758">
                  <c:v>46.580000000004297</c:v>
                </c:pt>
                <c:pt idx="2759">
                  <c:v>46.590000000004302</c:v>
                </c:pt>
                <c:pt idx="2760">
                  <c:v>46.6000000000043</c:v>
                </c:pt>
                <c:pt idx="2761">
                  <c:v>46.610000000004298</c:v>
                </c:pt>
                <c:pt idx="2762">
                  <c:v>46.620000000004303</c:v>
                </c:pt>
                <c:pt idx="2763">
                  <c:v>46.630000000004301</c:v>
                </c:pt>
                <c:pt idx="2764">
                  <c:v>46.640000000004299</c:v>
                </c:pt>
                <c:pt idx="2765">
                  <c:v>46.650000000004297</c:v>
                </c:pt>
                <c:pt idx="2766">
                  <c:v>46.660000000004302</c:v>
                </c:pt>
                <c:pt idx="2767">
                  <c:v>46.6700000000043</c:v>
                </c:pt>
                <c:pt idx="2768">
                  <c:v>46.680000000004298</c:v>
                </c:pt>
                <c:pt idx="2769">
                  <c:v>46.690000000004297</c:v>
                </c:pt>
                <c:pt idx="2770">
                  <c:v>46.700000000004302</c:v>
                </c:pt>
                <c:pt idx="2771">
                  <c:v>46.7100000000043</c:v>
                </c:pt>
                <c:pt idx="2772">
                  <c:v>46.720000000004298</c:v>
                </c:pt>
                <c:pt idx="2773">
                  <c:v>46.730000000004303</c:v>
                </c:pt>
                <c:pt idx="2774">
                  <c:v>46.740000000004301</c:v>
                </c:pt>
                <c:pt idx="2775">
                  <c:v>46.750000000004299</c:v>
                </c:pt>
                <c:pt idx="2776">
                  <c:v>46.760000000004297</c:v>
                </c:pt>
                <c:pt idx="2777">
                  <c:v>46.770000000004302</c:v>
                </c:pt>
                <c:pt idx="2778">
                  <c:v>46.7800000000043</c:v>
                </c:pt>
                <c:pt idx="2779">
                  <c:v>46.790000000004298</c:v>
                </c:pt>
                <c:pt idx="2780">
                  <c:v>46.800000000004303</c:v>
                </c:pt>
                <c:pt idx="2781">
                  <c:v>46.810000000004301</c:v>
                </c:pt>
                <c:pt idx="2782">
                  <c:v>46.820000000004299</c:v>
                </c:pt>
                <c:pt idx="2783">
                  <c:v>46.830000000004397</c:v>
                </c:pt>
                <c:pt idx="2784">
                  <c:v>46.840000000004402</c:v>
                </c:pt>
                <c:pt idx="2785">
                  <c:v>46.8500000000044</c:v>
                </c:pt>
                <c:pt idx="2786">
                  <c:v>46.860000000004398</c:v>
                </c:pt>
                <c:pt idx="2787">
                  <c:v>46.870000000004403</c:v>
                </c:pt>
                <c:pt idx="2788">
                  <c:v>46.880000000004401</c:v>
                </c:pt>
                <c:pt idx="2789">
                  <c:v>46.890000000004399</c:v>
                </c:pt>
                <c:pt idx="2790">
                  <c:v>46.900000000004397</c:v>
                </c:pt>
                <c:pt idx="2791">
                  <c:v>46.910000000004402</c:v>
                </c:pt>
                <c:pt idx="2792">
                  <c:v>46.9200000000044</c:v>
                </c:pt>
                <c:pt idx="2793">
                  <c:v>46.930000000004398</c:v>
                </c:pt>
                <c:pt idx="2794">
                  <c:v>46.940000000004403</c:v>
                </c:pt>
                <c:pt idx="2795">
                  <c:v>46.950000000004401</c:v>
                </c:pt>
                <c:pt idx="2796">
                  <c:v>46.960000000004399</c:v>
                </c:pt>
                <c:pt idx="2797">
                  <c:v>46.970000000004397</c:v>
                </c:pt>
                <c:pt idx="2798">
                  <c:v>46.980000000004402</c:v>
                </c:pt>
                <c:pt idx="2799">
                  <c:v>46.9900000000044</c:v>
                </c:pt>
                <c:pt idx="2800">
                  <c:v>47.000000000004398</c:v>
                </c:pt>
                <c:pt idx="2801">
                  <c:v>47.010000000004403</c:v>
                </c:pt>
                <c:pt idx="2802">
                  <c:v>47.020000000004401</c:v>
                </c:pt>
                <c:pt idx="2803">
                  <c:v>47.030000000004399</c:v>
                </c:pt>
                <c:pt idx="2804">
                  <c:v>47.040000000004397</c:v>
                </c:pt>
                <c:pt idx="2805">
                  <c:v>47.050000000004403</c:v>
                </c:pt>
                <c:pt idx="2806">
                  <c:v>47.060000000004401</c:v>
                </c:pt>
                <c:pt idx="2807">
                  <c:v>47.070000000004399</c:v>
                </c:pt>
                <c:pt idx="2808">
                  <c:v>47.080000000004397</c:v>
                </c:pt>
                <c:pt idx="2809">
                  <c:v>47.090000000004402</c:v>
                </c:pt>
                <c:pt idx="2810">
                  <c:v>47.1000000000044</c:v>
                </c:pt>
                <c:pt idx="2811">
                  <c:v>47.110000000004398</c:v>
                </c:pt>
                <c:pt idx="2812">
                  <c:v>47.120000000004403</c:v>
                </c:pt>
                <c:pt idx="2813">
                  <c:v>47.130000000004401</c:v>
                </c:pt>
                <c:pt idx="2814">
                  <c:v>47.140000000004399</c:v>
                </c:pt>
                <c:pt idx="2815">
                  <c:v>47.150000000004397</c:v>
                </c:pt>
                <c:pt idx="2816">
                  <c:v>47.160000000004402</c:v>
                </c:pt>
                <c:pt idx="2817">
                  <c:v>47.1700000000044</c:v>
                </c:pt>
                <c:pt idx="2818">
                  <c:v>47.180000000004398</c:v>
                </c:pt>
                <c:pt idx="2819">
                  <c:v>47.190000000004403</c:v>
                </c:pt>
                <c:pt idx="2820">
                  <c:v>47.200000000004401</c:v>
                </c:pt>
                <c:pt idx="2821">
                  <c:v>47.210000000004399</c:v>
                </c:pt>
                <c:pt idx="2822">
                  <c:v>47.220000000004397</c:v>
                </c:pt>
                <c:pt idx="2823">
                  <c:v>47.230000000004402</c:v>
                </c:pt>
                <c:pt idx="2824">
                  <c:v>47.2400000000044</c:v>
                </c:pt>
                <c:pt idx="2825">
                  <c:v>47.250000000004398</c:v>
                </c:pt>
                <c:pt idx="2826">
                  <c:v>47.260000000004403</c:v>
                </c:pt>
                <c:pt idx="2827">
                  <c:v>47.270000000004401</c:v>
                </c:pt>
                <c:pt idx="2828">
                  <c:v>47.280000000004399</c:v>
                </c:pt>
                <c:pt idx="2829">
                  <c:v>47.290000000004397</c:v>
                </c:pt>
                <c:pt idx="2830">
                  <c:v>47.300000000004403</c:v>
                </c:pt>
                <c:pt idx="2831">
                  <c:v>47.310000000004401</c:v>
                </c:pt>
                <c:pt idx="2832">
                  <c:v>47.320000000004399</c:v>
                </c:pt>
                <c:pt idx="2833">
                  <c:v>47.330000000004397</c:v>
                </c:pt>
                <c:pt idx="2834">
                  <c:v>47.340000000004402</c:v>
                </c:pt>
                <c:pt idx="2835">
                  <c:v>47.3500000000044</c:v>
                </c:pt>
                <c:pt idx="2836">
                  <c:v>47.360000000004398</c:v>
                </c:pt>
                <c:pt idx="2837">
                  <c:v>47.370000000004403</c:v>
                </c:pt>
                <c:pt idx="2838">
                  <c:v>47.380000000004401</c:v>
                </c:pt>
                <c:pt idx="2839">
                  <c:v>47.390000000004399</c:v>
                </c:pt>
                <c:pt idx="2840">
                  <c:v>47.400000000004397</c:v>
                </c:pt>
                <c:pt idx="2841">
                  <c:v>47.410000000004402</c:v>
                </c:pt>
                <c:pt idx="2842">
                  <c:v>47.4200000000044</c:v>
                </c:pt>
                <c:pt idx="2843">
                  <c:v>47.430000000004398</c:v>
                </c:pt>
                <c:pt idx="2844">
                  <c:v>47.440000000004403</c:v>
                </c:pt>
                <c:pt idx="2845">
                  <c:v>47.450000000004401</c:v>
                </c:pt>
                <c:pt idx="2846">
                  <c:v>47.460000000004399</c:v>
                </c:pt>
                <c:pt idx="2847">
                  <c:v>47.470000000004497</c:v>
                </c:pt>
                <c:pt idx="2848">
                  <c:v>47.480000000004502</c:v>
                </c:pt>
                <c:pt idx="2849">
                  <c:v>47.4900000000045</c:v>
                </c:pt>
                <c:pt idx="2850">
                  <c:v>47.500000000004498</c:v>
                </c:pt>
                <c:pt idx="2851">
                  <c:v>47.510000000004503</c:v>
                </c:pt>
                <c:pt idx="2852">
                  <c:v>47.520000000004501</c:v>
                </c:pt>
                <c:pt idx="2853">
                  <c:v>47.530000000004499</c:v>
                </c:pt>
                <c:pt idx="2854">
                  <c:v>47.540000000004497</c:v>
                </c:pt>
                <c:pt idx="2855">
                  <c:v>47.550000000004502</c:v>
                </c:pt>
                <c:pt idx="2856">
                  <c:v>47.5600000000045</c:v>
                </c:pt>
                <c:pt idx="2857">
                  <c:v>47.570000000004498</c:v>
                </c:pt>
                <c:pt idx="2858">
                  <c:v>47.580000000004503</c:v>
                </c:pt>
                <c:pt idx="2859">
                  <c:v>47.590000000004501</c:v>
                </c:pt>
                <c:pt idx="2860">
                  <c:v>47.600000000004499</c:v>
                </c:pt>
                <c:pt idx="2861">
                  <c:v>47.610000000004497</c:v>
                </c:pt>
                <c:pt idx="2862">
                  <c:v>47.620000000004502</c:v>
                </c:pt>
                <c:pt idx="2863">
                  <c:v>47.6300000000045</c:v>
                </c:pt>
                <c:pt idx="2864">
                  <c:v>47.640000000004498</c:v>
                </c:pt>
                <c:pt idx="2865">
                  <c:v>47.650000000004503</c:v>
                </c:pt>
                <c:pt idx="2866">
                  <c:v>47.660000000004501</c:v>
                </c:pt>
                <c:pt idx="2867">
                  <c:v>47.670000000004499</c:v>
                </c:pt>
                <c:pt idx="2868">
                  <c:v>47.680000000004497</c:v>
                </c:pt>
                <c:pt idx="2869">
                  <c:v>47.690000000004503</c:v>
                </c:pt>
                <c:pt idx="2870">
                  <c:v>47.700000000004501</c:v>
                </c:pt>
                <c:pt idx="2871">
                  <c:v>47.710000000004499</c:v>
                </c:pt>
                <c:pt idx="2872">
                  <c:v>47.720000000004497</c:v>
                </c:pt>
                <c:pt idx="2873">
                  <c:v>47.730000000004502</c:v>
                </c:pt>
                <c:pt idx="2874">
                  <c:v>47.7400000000045</c:v>
                </c:pt>
                <c:pt idx="2875">
                  <c:v>47.750000000004498</c:v>
                </c:pt>
                <c:pt idx="2876">
                  <c:v>47.760000000004503</c:v>
                </c:pt>
                <c:pt idx="2877">
                  <c:v>47.770000000004501</c:v>
                </c:pt>
                <c:pt idx="2878">
                  <c:v>47.780000000004499</c:v>
                </c:pt>
                <c:pt idx="2879">
                  <c:v>47.790000000004497</c:v>
                </c:pt>
                <c:pt idx="2880">
                  <c:v>47.800000000004502</c:v>
                </c:pt>
                <c:pt idx="2881">
                  <c:v>47.8100000000045</c:v>
                </c:pt>
                <c:pt idx="2882">
                  <c:v>47.820000000004498</c:v>
                </c:pt>
                <c:pt idx="2883">
                  <c:v>47.830000000004503</c:v>
                </c:pt>
                <c:pt idx="2884">
                  <c:v>47.840000000004501</c:v>
                </c:pt>
                <c:pt idx="2885">
                  <c:v>47.850000000004499</c:v>
                </c:pt>
                <c:pt idx="2886">
                  <c:v>47.860000000004497</c:v>
                </c:pt>
                <c:pt idx="2887">
                  <c:v>47.870000000004502</c:v>
                </c:pt>
                <c:pt idx="2888">
                  <c:v>47.8800000000045</c:v>
                </c:pt>
                <c:pt idx="2889">
                  <c:v>47.890000000004498</c:v>
                </c:pt>
                <c:pt idx="2890">
                  <c:v>47.900000000004503</c:v>
                </c:pt>
                <c:pt idx="2891">
                  <c:v>47.910000000004501</c:v>
                </c:pt>
                <c:pt idx="2892">
                  <c:v>47.920000000004499</c:v>
                </c:pt>
                <c:pt idx="2893">
                  <c:v>47.930000000004497</c:v>
                </c:pt>
                <c:pt idx="2894">
                  <c:v>47.940000000004503</c:v>
                </c:pt>
                <c:pt idx="2895">
                  <c:v>47.950000000004501</c:v>
                </c:pt>
                <c:pt idx="2896">
                  <c:v>47.960000000004499</c:v>
                </c:pt>
                <c:pt idx="2897">
                  <c:v>47.970000000004497</c:v>
                </c:pt>
                <c:pt idx="2898">
                  <c:v>47.980000000004502</c:v>
                </c:pt>
                <c:pt idx="2899">
                  <c:v>47.9900000000045</c:v>
                </c:pt>
                <c:pt idx="2900">
                  <c:v>48.000000000004498</c:v>
                </c:pt>
                <c:pt idx="2901">
                  <c:v>48.010000000004503</c:v>
                </c:pt>
                <c:pt idx="2902">
                  <c:v>48.020000000004501</c:v>
                </c:pt>
                <c:pt idx="2903">
                  <c:v>48.030000000004499</c:v>
                </c:pt>
                <c:pt idx="2904">
                  <c:v>48.040000000004497</c:v>
                </c:pt>
                <c:pt idx="2905">
                  <c:v>48.050000000004502</c:v>
                </c:pt>
                <c:pt idx="2906">
                  <c:v>48.0600000000045</c:v>
                </c:pt>
                <c:pt idx="2907">
                  <c:v>48.070000000004498</c:v>
                </c:pt>
                <c:pt idx="2908">
                  <c:v>48.080000000004503</c:v>
                </c:pt>
                <c:pt idx="2909">
                  <c:v>48.090000000004501</c:v>
                </c:pt>
                <c:pt idx="2910">
                  <c:v>48.100000000004499</c:v>
                </c:pt>
                <c:pt idx="2911">
                  <c:v>48.110000000004597</c:v>
                </c:pt>
                <c:pt idx="2912">
                  <c:v>48.120000000004602</c:v>
                </c:pt>
                <c:pt idx="2913">
                  <c:v>48.1300000000046</c:v>
                </c:pt>
                <c:pt idx="2914">
                  <c:v>48.140000000004598</c:v>
                </c:pt>
                <c:pt idx="2915">
                  <c:v>48.150000000004603</c:v>
                </c:pt>
                <c:pt idx="2916">
                  <c:v>48.160000000004601</c:v>
                </c:pt>
                <c:pt idx="2917">
                  <c:v>48.170000000004599</c:v>
                </c:pt>
                <c:pt idx="2918">
                  <c:v>48.180000000004597</c:v>
                </c:pt>
                <c:pt idx="2919">
                  <c:v>48.190000000004602</c:v>
                </c:pt>
                <c:pt idx="2920">
                  <c:v>48.2000000000046</c:v>
                </c:pt>
                <c:pt idx="2921">
                  <c:v>48.210000000004598</c:v>
                </c:pt>
                <c:pt idx="2922">
                  <c:v>48.220000000004603</c:v>
                </c:pt>
                <c:pt idx="2923">
                  <c:v>48.230000000004601</c:v>
                </c:pt>
                <c:pt idx="2924">
                  <c:v>48.240000000004599</c:v>
                </c:pt>
                <c:pt idx="2925">
                  <c:v>48.250000000004597</c:v>
                </c:pt>
                <c:pt idx="2926">
                  <c:v>48.260000000004602</c:v>
                </c:pt>
                <c:pt idx="2927">
                  <c:v>48.2700000000046</c:v>
                </c:pt>
                <c:pt idx="2928">
                  <c:v>48.280000000004598</c:v>
                </c:pt>
                <c:pt idx="2929">
                  <c:v>48.290000000004603</c:v>
                </c:pt>
                <c:pt idx="2930">
                  <c:v>48.300000000004601</c:v>
                </c:pt>
                <c:pt idx="2931">
                  <c:v>48.310000000004599</c:v>
                </c:pt>
                <c:pt idx="2932">
                  <c:v>48.320000000004597</c:v>
                </c:pt>
                <c:pt idx="2933">
                  <c:v>48.330000000004603</c:v>
                </c:pt>
                <c:pt idx="2934">
                  <c:v>48.340000000004601</c:v>
                </c:pt>
                <c:pt idx="2935">
                  <c:v>48.350000000004599</c:v>
                </c:pt>
                <c:pt idx="2936">
                  <c:v>48.360000000004597</c:v>
                </c:pt>
                <c:pt idx="2937">
                  <c:v>48.370000000004602</c:v>
                </c:pt>
                <c:pt idx="2938">
                  <c:v>48.3800000000046</c:v>
                </c:pt>
                <c:pt idx="2939">
                  <c:v>48.390000000004598</c:v>
                </c:pt>
                <c:pt idx="2940">
                  <c:v>48.400000000004603</c:v>
                </c:pt>
                <c:pt idx="2941">
                  <c:v>48.410000000004601</c:v>
                </c:pt>
                <c:pt idx="2942">
                  <c:v>48.420000000004599</c:v>
                </c:pt>
                <c:pt idx="2943">
                  <c:v>48.430000000004597</c:v>
                </c:pt>
                <c:pt idx="2944">
                  <c:v>48.440000000004602</c:v>
                </c:pt>
                <c:pt idx="2945">
                  <c:v>48.4500000000046</c:v>
                </c:pt>
                <c:pt idx="2946">
                  <c:v>48.460000000004598</c:v>
                </c:pt>
                <c:pt idx="2947">
                  <c:v>48.470000000004603</c:v>
                </c:pt>
                <c:pt idx="2948">
                  <c:v>48.480000000004601</c:v>
                </c:pt>
                <c:pt idx="2949">
                  <c:v>48.490000000004599</c:v>
                </c:pt>
                <c:pt idx="2950">
                  <c:v>48.500000000004597</c:v>
                </c:pt>
                <c:pt idx="2951">
                  <c:v>48.510000000004602</c:v>
                </c:pt>
                <c:pt idx="2952">
                  <c:v>48.5200000000046</c:v>
                </c:pt>
                <c:pt idx="2953">
                  <c:v>48.530000000004598</c:v>
                </c:pt>
                <c:pt idx="2954">
                  <c:v>48.540000000004603</c:v>
                </c:pt>
                <c:pt idx="2955">
                  <c:v>48.550000000004601</c:v>
                </c:pt>
                <c:pt idx="2956">
                  <c:v>48.560000000004599</c:v>
                </c:pt>
                <c:pt idx="2957">
                  <c:v>48.570000000004597</c:v>
                </c:pt>
                <c:pt idx="2958">
                  <c:v>48.580000000004603</c:v>
                </c:pt>
                <c:pt idx="2959">
                  <c:v>48.590000000004601</c:v>
                </c:pt>
                <c:pt idx="2960">
                  <c:v>48.600000000004599</c:v>
                </c:pt>
                <c:pt idx="2961">
                  <c:v>48.610000000004597</c:v>
                </c:pt>
                <c:pt idx="2962">
                  <c:v>48.620000000004602</c:v>
                </c:pt>
                <c:pt idx="2963">
                  <c:v>48.6300000000046</c:v>
                </c:pt>
                <c:pt idx="2964">
                  <c:v>48.640000000004598</c:v>
                </c:pt>
                <c:pt idx="2965">
                  <c:v>48.650000000004603</c:v>
                </c:pt>
                <c:pt idx="2966">
                  <c:v>48.660000000004601</c:v>
                </c:pt>
                <c:pt idx="2967">
                  <c:v>48.670000000004599</c:v>
                </c:pt>
                <c:pt idx="2968">
                  <c:v>48.680000000004597</c:v>
                </c:pt>
                <c:pt idx="2969">
                  <c:v>48.690000000004602</c:v>
                </c:pt>
                <c:pt idx="2970">
                  <c:v>48.7000000000046</c:v>
                </c:pt>
                <c:pt idx="2971">
                  <c:v>48.710000000004598</c:v>
                </c:pt>
                <c:pt idx="2972">
                  <c:v>48.720000000004603</c:v>
                </c:pt>
                <c:pt idx="2973">
                  <c:v>48.730000000004601</c:v>
                </c:pt>
                <c:pt idx="2974">
                  <c:v>48.740000000004599</c:v>
                </c:pt>
                <c:pt idx="2975">
                  <c:v>48.750000000004697</c:v>
                </c:pt>
                <c:pt idx="2976">
                  <c:v>48.760000000004702</c:v>
                </c:pt>
                <c:pt idx="2977">
                  <c:v>48.7700000000047</c:v>
                </c:pt>
                <c:pt idx="2978">
                  <c:v>48.780000000004698</c:v>
                </c:pt>
                <c:pt idx="2979">
                  <c:v>48.790000000004703</c:v>
                </c:pt>
                <c:pt idx="2980">
                  <c:v>48.800000000004701</c:v>
                </c:pt>
                <c:pt idx="2981">
                  <c:v>48.810000000004699</c:v>
                </c:pt>
                <c:pt idx="2982">
                  <c:v>48.820000000004697</c:v>
                </c:pt>
                <c:pt idx="2983">
                  <c:v>48.830000000004702</c:v>
                </c:pt>
                <c:pt idx="2984">
                  <c:v>48.8400000000047</c:v>
                </c:pt>
                <c:pt idx="2985">
                  <c:v>48.850000000004698</c:v>
                </c:pt>
                <c:pt idx="2986">
                  <c:v>48.860000000004703</c:v>
                </c:pt>
                <c:pt idx="2987">
                  <c:v>48.870000000004701</c:v>
                </c:pt>
                <c:pt idx="2988">
                  <c:v>48.880000000004699</c:v>
                </c:pt>
                <c:pt idx="2989">
                  <c:v>48.890000000004697</c:v>
                </c:pt>
                <c:pt idx="2990">
                  <c:v>48.900000000004702</c:v>
                </c:pt>
                <c:pt idx="2991">
                  <c:v>48.9100000000047</c:v>
                </c:pt>
                <c:pt idx="2992">
                  <c:v>48.920000000004698</c:v>
                </c:pt>
                <c:pt idx="2993">
                  <c:v>48.930000000004704</c:v>
                </c:pt>
                <c:pt idx="2994">
                  <c:v>48.940000000004702</c:v>
                </c:pt>
                <c:pt idx="2995">
                  <c:v>48.9500000000047</c:v>
                </c:pt>
                <c:pt idx="2996">
                  <c:v>48.960000000004698</c:v>
                </c:pt>
                <c:pt idx="2997">
                  <c:v>48.970000000004703</c:v>
                </c:pt>
                <c:pt idx="2998">
                  <c:v>48.980000000004701</c:v>
                </c:pt>
                <c:pt idx="2999">
                  <c:v>48.990000000004699</c:v>
                </c:pt>
                <c:pt idx="3000">
                  <c:v>49.000000000004697</c:v>
                </c:pt>
                <c:pt idx="3001">
                  <c:v>49.010000000004702</c:v>
                </c:pt>
                <c:pt idx="3002">
                  <c:v>49.0200000000047</c:v>
                </c:pt>
                <c:pt idx="3003">
                  <c:v>49.030000000004698</c:v>
                </c:pt>
                <c:pt idx="3004">
                  <c:v>49.040000000004703</c:v>
                </c:pt>
                <c:pt idx="3005">
                  <c:v>49.050000000004701</c:v>
                </c:pt>
                <c:pt idx="3006">
                  <c:v>49.060000000004699</c:v>
                </c:pt>
                <c:pt idx="3007">
                  <c:v>49.070000000004697</c:v>
                </c:pt>
                <c:pt idx="3008">
                  <c:v>49.080000000004702</c:v>
                </c:pt>
                <c:pt idx="3009">
                  <c:v>49.0900000000047</c:v>
                </c:pt>
                <c:pt idx="3010">
                  <c:v>49.100000000004698</c:v>
                </c:pt>
                <c:pt idx="3011">
                  <c:v>49.110000000004703</c:v>
                </c:pt>
                <c:pt idx="3012">
                  <c:v>49.120000000004701</c:v>
                </c:pt>
                <c:pt idx="3013">
                  <c:v>49.130000000004699</c:v>
                </c:pt>
                <c:pt idx="3014">
                  <c:v>49.140000000004697</c:v>
                </c:pt>
                <c:pt idx="3015">
                  <c:v>49.150000000004702</c:v>
                </c:pt>
                <c:pt idx="3016">
                  <c:v>49.1600000000047</c:v>
                </c:pt>
                <c:pt idx="3017">
                  <c:v>49.170000000004698</c:v>
                </c:pt>
                <c:pt idx="3018">
                  <c:v>49.180000000004704</c:v>
                </c:pt>
                <c:pt idx="3019">
                  <c:v>49.190000000004702</c:v>
                </c:pt>
                <c:pt idx="3020">
                  <c:v>49.2000000000047</c:v>
                </c:pt>
                <c:pt idx="3021">
                  <c:v>49.210000000004698</c:v>
                </c:pt>
                <c:pt idx="3022">
                  <c:v>49.220000000004703</c:v>
                </c:pt>
                <c:pt idx="3023">
                  <c:v>49.230000000004701</c:v>
                </c:pt>
                <c:pt idx="3024">
                  <c:v>49.240000000004699</c:v>
                </c:pt>
                <c:pt idx="3025">
                  <c:v>49.250000000004697</c:v>
                </c:pt>
                <c:pt idx="3026">
                  <c:v>49.260000000004702</c:v>
                </c:pt>
                <c:pt idx="3027">
                  <c:v>49.2700000000047</c:v>
                </c:pt>
                <c:pt idx="3028">
                  <c:v>49.280000000004698</c:v>
                </c:pt>
                <c:pt idx="3029">
                  <c:v>49.290000000004703</c:v>
                </c:pt>
                <c:pt idx="3030">
                  <c:v>49.300000000004701</c:v>
                </c:pt>
                <c:pt idx="3031">
                  <c:v>49.310000000004699</c:v>
                </c:pt>
                <c:pt idx="3032">
                  <c:v>49.320000000004697</c:v>
                </c:pt>
                <c:pt idx="3033">
                  <c:v>49.330000000004702</c:v>
                </c:pt>
                <c:pt idx="3034">
                  <c:v>49.3400000000047</c:v>
                </c:pt>
                <c:pt idx="3035">
                  <c:v>49.350000000004698</c:v>
                </c:pt>
                <c:pt idx="3036">
                  <c:v>49.360000000004703</c:v>
                </c:pt>
                <c:pt idx="3037">
                  <c:v>49.370000000004701</c:v>
                </c:pt>
                <c:pt idx="3038">
                  <c:v>49.380000000004699</c:v>
                </c:pt>
                <c:pt idx="3039">
                  <c:v>49.390000000004797</c:v>
                </c:pt>
                <c:pt idx="3040">
                  <c:v>49.400000000004802</c:v>
                </c:pt>
                <c:pt idx="3041">
                  <c:v>49.4100000000048</c:v>
                </c:pt>
                <c:pt idx="3042">
                  <c:v>49.420000000004798</c:v>
                </c:pt>
                <c:pt idx="3043">
                  <c:v>49.430000000004803</c:v>
                </c:pt>
                <c:pt idx="3044">
                  <c:v>49.440000000004801</c:v>
                </c:pt>
                <c:pt idx="3045">
                  <c:v>49.450000000004799</c:v>
                </c:pt>
                <c:pt idx="3046">
                  <c:v>49.460000000004797</c:v>
                </c:pt>
                <c:pt idx="3047">
                  <c:v>49.470000000004802</c:v>
                </c:pt>
                <c:pt idx="3048">
                  <c:v>49.4800000000048</c:v>
                </c:pt>
                <c:pt idx="3049">
                  <c:v>49.490000000004798</c:v>
                </c:pt>
                <c:pt idx="3050">
                  <c:v>49.500000000004803</c:v>
                </c:pt>
                <c:pt idx="3051">
                  <c:v>49.510000000004801</c:v>
                </c:pt>
                <c:pt idx="3052">
                  <c:v>49.520000000004799</c:v>
                </c:pt>
                <c:pt idx="3053">
                  <c:v>49.530000000004797</c:v>
                </c:pt>
                <c:pt idx="3054">
                  <c:v>49.540000000004802</c:v>
                </c:pt>
                <c:pt idx="3055">
                  <c:v>49.5500000000048</c:v>
                </c:pt>
                <c:pt idx="3056">
                  <c:v>49.560000000004798</c:v>
                </c:pt>
                <c:pt idx="3057">
                  <c:v>49.570000000004796</c:v>
                </c:pt>
                <c:pt idx="3058">
                  <c:v>49.580000000004802</c:v>
                </c:pt>
                <c:pt idx="3059">
                  <c:v>49.5900000000048</c:v>
                </c:pt>
                <c:pt idx="3060">
                  <c:v>49.600000000004798</c:v>
                </c:pt>
                <c:pt idx="3061">
                  <c:v>49.610000000004803</c:v>
                </c:pt>
                <c:pt idx="3062">
                  <c:v>49.620000000004801</c:v>
                </c:pt>
                <c:pt idx="3063">
                  <c:v>49.630000000004799</c:v>
                </c:pt>
                <c:pt idx="3064">
                  <c:v>49.640000000004797</c:v>
                </c:pt>
                <c:pt idx="3065">
                  <c:v>49.650000000004802</c:v>
                </c:pt>
                <c:pt idx="3066">
                  <c:v>49.6600000000048</c:v>
                </c:pt>
                <c:pt idx="3067">
                  <c:v>49.670000000004798</c:v>
                </c:pt>
                <c:pt idx="3068">
                  <c:v>49.680000000004803</c:v>
                </c:pt>
                <c:pt idx="3069">
                  <c:v>49.690000000004801</c:v>
                </c:pt>
                <c:pt idx="3070">
                  <c:v>49.700000000004799</c:v>
                </c:pt>
                <c:pt idx="3071">
                  <c:v>49.710000000004797</c:v>
                </c:pt>
                <c:pt idx="3072">
                  <c:v>49.720000000004802</c:v>
                </c:pt>
                <c:pt idx="3073">
                  <c:v>49.7300000000048</c:v>
                </c:pt>
                <c:pt idx="3074">
                  <c:v>49.740000000004798</c:v>
                </c:pt>
                <c:pt idx="3075">
                  <c:v>49.750000000004803</c:v>
                </c:pt>
                <c:pt idx="3076">
                  <c:v>49.760000000004801</c:v>
                </c:pt>
                <c:pt idx="3077">
                  <c:v>49.770000000004799</c:v>
                </c:pt>
                <c:pt idx="3078">
                  <c:v>49.780000000004797</c:v>
                </c:pt>
                <c:pt idx="3079">
                  <c:v>49.790000000004802</c:v>
                </c:pt>
                <c:pt idx="3080">
                  <c:v>49.8000000000048</c:v>
                </c:pt>
                <c:pt idx="3081">
                  <c:v>49.810000000004798</c:v>
                </c:pt>
                <c:pt idx="3082">
                  <c:v>49.820000000004796</c:v>
                </c:pt>
                <c:pt idx="3083">
                  <c:v>49.830000000004802</c:v>
                </c:pt>
                <c:pt idx="3084">
                  <c:v>49.8400000000048</c:v>
                </c:pt>
                <c:pt idx="3085">
                  <c:v>49.850000000004798</c:v>
                </c:pt>
                <c:pt idx="3086">
                  <c:v>49.860000000004803</c:v>
                </c:pt>
                <c:pt idx="3087">
                  <c:v>49.870000000004801</c:v>
                </c:pt>
                <c:pt idx="3088">
                  <c:v>49.880000000004799</c:v>
                </c:pt>
                <c:pt idx="3089">
                  <c:v>49.890000000004797</c:v>
                </c:pt>
                <c:pt idx="3090">
                  <c:v>49.900000000004802</c:v>
                </c:pt>
                <c:pt idx="3091">
                  <c:v>49.9100000000048</c:v>
                </c:pt>
                <c:pt idx="3092">
                  <c:v>49.920000000004798</c:v>
                </c:pt>
                <c:pt idx="3093">
                  <c:v>49.930000000004803</c:v>
                </c:pt>
                <c:pt idx="3094">
                  <c:v>49.940000000004801</c:v>
                </c:pt>
                <c:pt idx="3095">
                  <c:v>49.950000000004799</c:v>
                </c:pt>
                <c:pt idx="3096">
                  <c:v>49.960000000004797</c:v>
                </c:pt>
                <c:pt idx="3097">
                  <c:v>49.970000000004802</c:v>
                </c:pt>
                <c:pt idx="3098">
                  <c:v>49.9800000000048</c:v>
                </c:pt>
                <c:pt idx="3099">
                  <c:v>49.990000000004798</c:v>
                </c:pt>
                <c:pt idx="3100">
                  <c:v>50.000000000004803</c:v>
                </c:pt>
                <c:pt idx="3101">
                  <c:v>50.010000000004801</c:v>
                </c:pt>
                <c:pt idx="3102">
                  <c:v>50.020000000004799</c:v>
                </c:pt>
                <c:pt idx="3103">
                  <c:v>50.030000000004897</c:v>
                </c:pt>
                <c:pt idx="3104">
                  <c:v>50.040000000004902</c:v>
                </c:pt>
                <c:pt idx="3105">
                  <c:v>50.0500000000049</c:v>
                </c:pt>
                <c:pt idx="3106">
                  <c:v>50.060000000004898</c:v>
                </c:pt>
                <c:pt idx="3107">
                  <c:v>50.070000000004903</c:v>
                </c:pt>
                <c:pt idx="3108">
                  <c:v>50.080000000004901</c:v>
                </c:pt>
                <c:pt idx="3109">
                  <c:v>50.090000000004899</c:v>
                </c:pt>
                <c:pt idx="3110">
                  <c:v>50.100000000004897</c:v>
                </c:pt>
                <c:pt idx="3111">
                  <c:v>50.110000000004902</c:v>
                </c:pt>
                <c:pt idx="3112">
                  <c:v>50.1200000000049</c:v>
                </c:pt>
                <c:pt idx="3113">
                  <c:v>50.130000000004898</c:v>
                </c:pt>
                <c:pt idx="3114">
                  <c:v>50.140000000004903</c:v>
                </c:pt>
                <c:pt idx="3115">
                  <c:v>50.150000000004901</c:v>
                </c:pt>
                <c:pt idx="3116">
                  <c:v>50.160000000004899</c:v>
                </c:pt>
                <c:pt idx="3117">
                  <c:v>50.170000000004897</c:v>
                </c:pt>
                <c:pt idx="3118">
                  <c:v>50.180000000004902</c:v>
                </c:pt>
                <c:pt idx="3119">
                  <c:v>50.1900000000049</c:v>
                </c:pt>
                <c:pt idx="3120">
                  <c:v>50.200000000004898</c:v>
                </c:pt>
                <c:pt idx="3121">
                  <c:v>50.210000000004896</c:v>
                </c:pt>
                <c:pt idx="3122">
                  <c:v>50.220000000004902</c:v>
                </c:pt>
                <c:pt idx="3123">
                  <c:v>50.2300000000049</c:v>
                </c:pt>
                <c:pt idx="3124">
                  <c:v>50.240000000004898</c:v>
                </c:pt>
                <c:pt idx="3125">
                  <c:v>50.250000000004903</c:v>
                </c:pt>
                <c:pt idx="3126">
                  <c:v>50.260000000004901</c:v>
                </c:pt>
                <c:pt idx="3127">
                  <c:v>50.270000000004899</c:v>
                </c:pt>
                <c:pt idx="3128">
                  <c:v>50.280000000004897</c:v>
                </c:pt>
                <c:pt idx="3129">
                  <c:v>50.290000000004902</c:v>
                </c:pt>
                <c:pt idx="3130">
                  <c:v>50.3000000000049</c:v>
                </c:pt>
                <c:pt idx="3131">
                  <c:v>50.310000000004898</c:v>
                </c:pt>
                <c:pt idx="3132">
                  <c:v>50.320000000004903</c:v>
                </c:pt>
                <c:pt idx="3133">
                  <c:v>50.330000000004901</c:v>
                </c:pt>
                <c:pt idx="3134">
                  <c:v>50.340000000004899</c:v>
                </c:pt>
                <c:pt idx="3135">
                  <c:v>50.350000000004897</c:v>
                </c:pt>
                <c:pt idx="3136">
                  <c:v>50.360000000004902</c:v>
                </c:pt>
                <c:pt idx="3137">
                  <c:v>50.3700000000049</c:v>
                </c:pt>
                <c:pt idx="3138">
                  <c:v>50.380000000004898</c:v>
                </c:pt>
                <c:pt idx="3139">
                  <c:v>50.390000000004903</c:v>
                </c:pt>
                <c:pt idx="3140">
                  <c:v>50.400000000004901</c:v>
                </c:pt>
                <c:pt idx="3141">
                  <c:v>50.410000000004899</c:v>
                </c:pt>
                <c:pt idx="3142">
                  <c:v>50.420000000004897</c:v>
                </c:pt>
                <c:pt idx="3143">
                  <c:v>50.430000000004902</c:v>
                </c:pt>
                <c:pt idx="3144">
                  <c:v>50.4400000000049</c:v>
                </c:pt>
                <c:pt idx="3145">
                  <c:v>50.450000000004898</c:v>
                </c:pt>
                <c:pt idx="3146">
                  <c:v>50.460000000004896</c:v>
                </c:pt>
                <c:pt idx="3147">
                  <c:v>50.470000000004902</c:v>
                </c:pt>
                <c:pt idx="3148">
                  <c:v>50.4800000000049</c:v>
                </c:pt>
                <c:pt idx="3149">
                  <c:v>50.490000000004898</c:v>
                </c:pt>
                <c:pt idx="3150">
                  <c:v>50.500000000004903</c:v>
                </c:pt>
                <c:pt idx="3151">
                  <c:v>50.510000000004901</c:v>
                </c:pt>
                <c:pt idx="3152">
                  <c:v>50.520000000004899</c:v>
                </c:pt>
                <c:pt idx="3153">
                  <c:v>50.530000000004897</c:v>
                </c:pt>
                <c:pt idx="3154">
                  <c:v>50.540000000004902</c:v>
                </c:pt>
                <c:pt idx="3155">
                  <c:v>50.5500000000049</c:v>
                </c:pt>
                <c:pt idx="3156">
                  <c:v>50.560000000004898</c:v>
                </c:pt>
                <c:pt idx="3157">
                  <c:v>50.570000000004903</c:v>
                </c:pt>
                <c:pt idx="3158">
                  <c:v>50.580000000004901</c:v>
                </c:pt>
                <c:pt idx="3159">
                  <c:v>50.590000000004899</c:v>
                </c:pt>
                <c:pt idx="3160">
                  <c:v>50.600000000004897</c:v>
                </c:pt>
                <c:pt idx="3161">
                  <c:v>50.610000000004902</c:v>
                </c:pt>
                <c:pt idx="3162">
                  <c:v>50.6200000000049</c:v>
                </c:pt>
                <c:pt idx="3163">
                  <c:v>50.630000000004898</c:v>
                </c:pt>
                <c:pt idx="3164">
                  <c:v>50.640000000004903</c:v>
                </c:pt>
                <c:pt idx="3165">
                  <c:v>50.650000000004901</c:v>
                </c:pt>
                <c:pt idx="3166">
                  <c:v>50.660000000004899</c:v>
                </c:pt>
                <c:pt idx="3167">
                  <c:v>50.670000000004997</c:v>
                </c:pt>
                <c:pt idx="3168">
                  <c:v>50.680000000005002</c:v>
                </c:pt>
                <c:pt idx="3169">
                  <c:v>50.690000000005</c:v>
                </c:pt>
                <c:pt idx="3170">
                  <c:v>50.700000000004998</c:v>
                </c:pt>
                <c:pt idx="3171">
                  <c:v>50.710000000005003</c:v>
                </c:pt>
                <c:pt idx="3172">
                  <c:v>50.720000000005001</c:v>
                </c:pt>
                <c:pt idx="3173">
                  <c:v>50.730000000004999</c:v>
                </c:pt>
                <c:pt idx="3174">
                  <c:v>50.740000000004997</c:v>
                </c:pt>
                <c:pt idx="3175">
                  <c:v>50.750000000005002</c:v>
                </c:pt>
                <c:pt idx="3176">
                  <c:v>50.760000000005</c:v>
                </c:pt>
                <c:pt idx="3177">
                  <c:v>50.770000000004998</c:v>
                </c:pt>
                <c:pt idx="3178">
                  <c:v>50.780000000005003</c:v>
                </c:pt>
                <c:pt idx="3179">
                  <c:v>50.790000000005001</c:v>
                </c:pt>
                <c:pt idx="3180">
                  <c:v>50.800000000004999</c:v>
                </c:pt>
                <c:pt idx="3181">
                  <c:v>50.810000000004997</c:v>
                </c:pt>
                <c:pt idx="3182">
                  <c:v>50.820000000005003</c:v>
                </c:pt>
                <c:pt idx="3183">
                  <c:v>50.830000000005001</c:v>
                </c:pt>
                <c:pt idx="3184">
                  <c:v>50.840000000004999</c:v>
                </c:pt>
                <c:pt idx="3185">
                  <c:v>50.850000000004997</c:v>
                </c:pt>
                <c:pt idx="3186">
                  <c:v>50.860000000005002</c:v>
                </c:pt>
                <c:pt idx="3187">
                  <c:v>50.870000000005</c:v>
                </c:pt>
                <c:pt idx="3188">
                  <c:v>50.880000000004998</c:v>
                </c:pt>
                <c:pt idx="3189">
                  <c:v>50.890000000005003</c:v>
                </c:pt>
                <c:pt idx="3190">
                  <c:v>50.900000000005001</c:v>
                </c:pt>
                <c:pt idx="3191">
                  <c:v>50.910000000004999</c:v>
                </c:pt>
                <c:pt idx="3192">
                  <c:v>50.920000000004997</c:v>
                </c:pt>
                <c:pt idx="3193">
                  <c:v>50.930000000005002</c:v>
                </c:pt>
                <c:pt idx="3194">
                  <c:v>50.940000000005</c:v>
                </c:pt>
                <c:pt idx="3195">
                  <c:v>50.950000000004998</c:v>
                </c:pt>
                <c:pt idx="3196">
                  <c:v>50.960000000005003</c:v>
                </c:pt>
                <c:pt idx="3197">
                  <c:v>50.970000000005001</c:v>
                </c:pt>
                <c:pt idx="3198">
                  <c:v>50.980000000004999</c:v>
                </c:pt>
                <c:pt idx="3199">
                  <c:v>50.990000000004997</c:v>
                </c:pt>
                <c:pt idx="3200">
                  <c:v>51.000000000005002</c:v>
                </c:pt>
                <c:pt idx="3201">
                  <c:v>51.010000000005</c:v>
                </c:pt>
                <c:pt idx="3202">
                  <c:v>51.020000000004998</c:v>
                </c:pt>
                <c:pt idx="3203">
                  <c:v>51.030000000005003</c:v>
                </c:pt>
                <c:pt idx="3204">
                  <c:v>51.040000000005001</c:v>
                </c:pt>
                <c:pt idx="3205">
                  <c:v>51.050000000004999</c:v>
                </c:pt>
                <c:pt idx="3206">
                  <c:v>51.060000000004997</c:v>
                </c:pt>
                <c:pt idx="3207">
                  <c:v>51.070000000005003</c:v>
                </c:pt>
                <c:pt idx="3208">
                  <c:v>51.080000000005001</c:v>
                </c:pt>
                <c:pt idx="3209">
                  <c:v>51.090000000004999</c:v>
                </c:pt>
                <c:pt idx="3210">
                  <c:v>51.100000000004997</c:v>
                </c:pt>
                <c:pt idx="3211">
                  <c:v>51.110000000005002</c:v>
                </c:pt>
                <c:pt idx="3212">
                  <c:v>51.120000000005</c:v>
                </c:pt>
                <c:pt idx="3213">
                  <c:v>51.130000000004998</c:v>
                </c:pt>
                <c:pt idx="3214">
                  <c:v>51.140000000005003</c:v>
                </c:pt>
                <c:pt idx="3215">
                  <c:v>51.150000000005001</c:v>
                </c:pt>
                <c:pt idx="3216">
                  <c:v>51.160000000004999</c:v>
                </c:pt>
                <c:pt idx="3217">
                  <c:v>51.170000000004997</c:v>
                </c:pt>
                <c:pt idx="3218">
                  <c:v>51.180000000005002</c:v>
                </c:pt>
                <c:pt idx="3219">
                  <c:v>51.190000000005</c:v>
                </c:pt>
                <c:pt idx="3220">
                  <c:v>51.200000000004998</c:v>
                </c:pt>
                <c:pt idx="3221">
                  <c:v>51.210000000005003</c:v>
                </c:pt>
                <c:pt idx="3222">
                  <c:v>51.220000000005001</c:v>
                </c:pt>
                <c:pt idx="3223">
                  <c:v>51.230000000004999</c:v>
                </c:pt>
                <c:pt idx="3224">
                  <c:v>51.240000000004997</c:v>
                </c:pt>
                <c:pt idx="3225">
                  <c:v>51.250000000005002</c:v>
                </c:pt>
                <c:pt idx="3226">
                  <c:v>51.260000000005</c:v>
                </c:pt>
                <c:pt idx="3227">
                  <c:v>51.270000000004998</c:v>
                </c:pt>
                <c:pt idx="3228">
                  <c:v>51.280000000005003</c:v>
                </c:pt>
                <c:pt idx="3229">
                  <c:v>51.290000000005101</c:v>
                </c:pt>
                <c:pt idx="3230">
                  <c:v>51.300000000004999</c:v>
                </c:pt>
                <c:pt idx="3231">
                  <c:v>51.310000000004997</c:v>
                </c:pt>
                <c:pt idx="3232">
                  <c:v>51.320000000005102</c:v>
                </c:pt>
                <c:pt idx="3233">
                  <c:v>51.3300000000051</c:v>
                </c:pt>
                <c:pt idx="3234">
                  <c:v>51.340000000005098</c:v>
                </c:pt>
                <c:pt idx="3235">
                  <c:v>51.350000000005103</c:v>
                </c:pt>
                <c:pt idx="3236">
                  <c:v>51.360000000005101</c:v>
                </c:pt>
                <c:pt idx="3237">
                  <c:v>51.370000000005099</c:v>
                </c:pt>
                <c:pt idx="3238">
                  <c:v>51.380000000005097</c:v>
                </c:pt>
                <c:pt idx="3239">
                  <c:v>51.390000000005102</c:v>
                </c:pt>
                <c:pt idx="3240">
                  <c:v>51.4000000000051</c:v>
                </c:pt>
                <c:pt idx="3241">
                  <c:v>51.410000000005098</c:v>
                </c:pt>
                <c:pt idx="3242">
                  <c:v>51.420000000005103</c:v>
                </c:pt>
                <c:pt idx="3243">
                  <c:v>51.430000000005101</c:v>
                </c:pt>
                <c:pt idx="3244">
                  <c:v>51.440000000005099</c:v>
                </c:pt>
                <c:pt idx="3245">
                  <c:v>51.450000000005097</c:v>
                </c:pt>
                <c:pt idx="3246">
                  <c:v>51.460000000005103</c:v>
                </c:pt>
                <c:pt idx="3247">
                  <c:v>51.470000000005101</c:v>
                </c:pt>
                <c:pt idx="3248">
                  <c:v>51.480000000005099</c:v>
                </c:pt>
                <c:pt idx="3249">
                  <c:v>51.490000000005097</c:v>
                </c:pt>
                <c:pt idx="3250">
                  <c:v>51.500000000005102</c:v>
                </c:pt>
                <c:pt idx="3251">
                  <c:v>51.5100000000051</c:v>
                </c:pt>
                <c:pt idx="3252">
                  <c:v>51.520000000005098</c:v>
                </c:pt>
                <c:pt idx="3253">
                  <c:v>51.530000000005103</c:v>
                </c:pt>
                <c:pt idx="3254">
                  <c:v>51.540000000005101</c:v>
                </c:pt>
                <c:pt idx="3255">
                  <c:v>51.550000000005099</c:v>
                </c:pt>
                <c:pt idx="3256">
                  <c:v>51.560000000005097</c:v>
                </c:pt>
                <c:pt idx="3257">
                  <c:v>51.570000000005102</c:v>
                </c:pt>
                <c:pt idx="3258">
                  <c:v>51.5800000000051</c:v>
                </c:pt>
                <c:pt idx="3259">
                  <c:v>51.590000000005098</c:v>
                </c:pt>
                <c:pt idx="3260">
                  <c:v>51.600000000005103</c:v>
                </c:pt>
                <c:pt idx="3261">
                  <c:v>51.610000000005101</c:v>
                </c:pt>
                <c:pt idx="3262">
                  <c:v>51.620000000005099</c:v>
                </c:pt>
                <c:pt idx="3263">
                  <c:v>51.630000000005097</c:v>
                </c:pt>
                <c:pt idx="3264">
                  <c:v>51.640000000005102</c:v>
                </c:pt>
                <c:pt idx="3265">
                  <c:v>51.6500000000051</c:v>
                </c:pt>
                <c:pt idx="3266">
                  <c:v>51.660000000005098</c:v>
                </c:pt>
                <c:pt idx="3267">
                  <c:v>51.670000000005103</c:v>
                </c:pt>
                <c:pt idx="3268">
                  <c:v>51.680000000005101</c:v>
                </c:pt>
                <c:pt idx="3269">
                  <c:v>51.690000000005099</c:v>
                </c:pt>
                <c:pt idx="3270">
                  <c:v>51.700000000005097</c:v>
                </c:pt>
                <c:pt idx="3271">
                  <c:v>51.710000000005103</c:v>
                </c:pt>
                <c:pt idx="3272">
                  <c:v>51.720000000005101</c:v>
                </c:pt>
                <c:pt idx="3273">
                  <c:v>51.730000000005099</c:v>
                </c:pt>
                <c:pt idx="3274">
                  <c:v>51.740000000005097</c:v>
                </c:pt>
                <c:pt idx="3275">
                  <c:v>51.750000000005102</c:v>
                </c:pt>
                <c:pt idx="3276">
                  <c:v>51.7600000000051</c:v>
                </c:pt>
                <c:pt idx="3277">
                  <c:v>51.770000000005098</c:v>
                </c:pt>
                <c:pt idx="3278">
                  <c:v>51.780000000005103</c:v>
                </c:pt>
                <c:pt idx="3279">
                  <c:v>51.790000000005101</c:v>
                </c:pt>
                <c:pt idx="3280">
                  <c:v>51.800000000005099</c:v>
                </c:pt>
                <c:pt idx="3281">
                  <c:v>51.810000000005097</c:v>
                </c:pt>
                <c:pt idx="3282">
                  <c:v>51.820000000005102</c:v>
                </c:pt>
                <c:pt idx="3283">
                  <c:v>51.8300000000051</c:v>
                </c:pt>
                <c:pt idx="3284">
                  <c:v>51.840000000005098</c:v>
                </c:pt>
                <c:pt idx="3285">
                  <c:v>51.850000000005103</c:v>
                </c:pt>
                <c:pt idx="3286">
                  <c:v>51.860000000005101</c:v>
                </c:pt>
                <c:pt idx="3287">
                  <c:v>51.870000000005099</c:v>
                </c:pt>
                <c:pt idx="3288">
                  <c:v>51.880000000005097</c:v>
                </c:pt>
                <c:pt idx="3289">
                  <c:v>51.890000000005102</c:v>
                </c:pt>
                <c:pt idx="3290">
                  <c:v>51.9000000000051</c:v>
                </c:pt>
                <c:pt idx="3291">
                  <c:v>51.910000000005098</c:v>
                </c:pt>
                <c:pt idx="3292">
                  <c:v>51.920000000005103</c:v>
                </c:pt>
                <c:pt idx="3293">
                  <c:v>51.930000000005201</c:v>
                </c:pt>
                <c:pt idx="3294">
                  <c:v>51.940000000005099</c:v>
                </c:pt>
                <c:pt idx="3295">
                  <c:v>51.950000000005097</c:v>
                </c:pt>
                <c:pt idx="3296">
                  <c:v>51.960000000005202</c:v>
                </c:pt>
                <c:pt idx="3297">
                  <c:v>51.9700000000052</c:v>
                </c:pt>
                <c:pt idx="3298">
                  <c:v>51.980000000005198</c:v>
                </c:pt>
                <c:pt idx="3299">
                  <c:v>51.990000000005203</c:v>
                </c:pt>
                <c:pt idx="3300">
                  <c:v>52.000000000005201</c:v>
                </c:pt>
                <c:pt idx="3301">
                  <c:v>52.010000000005199</c:v>
                </c:pt>
                <c:pt idx="3302">
                  <c:v>52.020000000005197</c:v>
                </c:pt>
                <c:pt idx="3303">
                  <c:v>52.030000000005202</c:v>
                </c:pt>
                <c:pt idx="3304">
                  <c:v>52.0400000000052</c:v>
                </c:pt>
                <c:pt idx="3305">
                  <c:v>52.050000000005198</c:v>
                </c:pt>
                <c:pt idx="3306">
                  <c:v>52.060000000005203</c:v>
                </c:pt>
                <c:pt idx="3307">
                  <c:v>52.070000000005201</c:v>
                </c:pt>
                <c:pt idx="3308">
                  <c:v>52.080000000005199</c:v>
                </c:pt>
                <c:pt idx="3309">
                  <c:v>52.090000000005197</c:v>
                </c:pt>
                <c:pt idx="3310">
                  <c:v>52.100000000005203</c:v>
                </c:pt>
                <c:pt idx="3311">
                  <c:v>52.110000000005201</c:v>
                </c:pt>
                <c:pt idx="3312">
                  <c:v>52.120000000005199</c:v>
                </c:pt>
                <c:pt idx="3313">
                  <c:v>52.130000000005197</c:v>
                </c:pt>
                <c:pt idx="3314">
                  <c:v>52.140000000005202</c:v>
                </c:pt>
                <c:pt idx="3315">
                  <c:v>52.1500000000052</c:v>
                </c:pt>
                <c:pt idx="3316">
                  <c:v>52.160000000005198</c:v>
                </c:pt>
                <c:pt idx="3317">
                  <c:v>52.170000000005203</c:v>
                </c:pt>
                <c:pt idx="3318">
                  <c:v>52.180000000005201</c:v>
                </c:pt>
                <c:pt idx="3319">
                  <c:v>52.190000000005199</c:v>
                </c:pt>
                <c:pt idx="3320">
                  <c:v>52.200000000005197</c:v>
                </c:pt>
                <c:pt idx="3321">
                  <c:v>52.210000000005202</c:v>
                </c:pt>
                <c:pt idx="3322">
                  <c:v>52.2200000000052</c:v>
                </c:pt>
                <c:pt idx="3323">
                  <c:v>52.230000000005198</c:v>
                </c:pt>
                <c:pt idx="3324">
                  <c:v>52.240000000005203</c:v>
                </c:pt>
                <c:pt idx="3325">
                  <c:v>52.250000000005201</c:v>
                </c:pt>
                <c:pt idx="3326">
                  <c:v>52.260000000005199</c:v>
                </c:pt>
                <c:pt idx="3327">
                  <c:v>52.270000000005197</c:v>
                </c:pt>
                <c:pt idx="3328">
                  <c:v>52.280000000005202</c:v>
                </c:pt>
                <c:pt idx="3329">
                  <c:v>52.2900000000052</c:v>
                </c:pt>
                <c:pt idx="3330">
                  <c:v>52.300000000005198</c:v>
                </c:pt>
                <c:pt idx="3331">
                  <c:v>52.310000000005203</c:v>
                </c:pt>
                <c:pt idx="3332">
                  <c:v>52.320000000005201</c:v>
                </c:pt>
                <c:pt idx="3333">
                  <c:v>52.330000000005199</c:v>
                </c:pt>
                <c:pt idx="3334">
                  <c:v>52.340000000005197</c:v>
                </c:pt>
                <c:pt idx="3335">
                  <c:v>52.350000000005203</c:v>
                </c:pt>
                <c:pt idx="3336">
                  <c:v>52.360000000005201</c:v>
                </c:pt>
                <c:pt idx="3337">
                  <c:v>52.370000000005199</c:v>
                </c:pt>
                <c:pt idx="3338">
                  <c:v>52.380000000005197</c:v>
                </c:pt>
                <c:pt idx="3339">
                  <c:v>52.390000000005202</c:v>
                </c:pt>
                <c:pt idx="3340">
                  <c:v>52.4000000000052</c:v>
                </c:pt>
                <c:pt idx="3341">
                  <c:v>52.410000000005198</c:v>
                </c:pt>
                <c:pt idx="3342">
                  <c:v>52.420000000005203</c:v>
                </c:pt>
                <c:pt idx="3343">
                  <c:v>52.430000000005201</c:v>
                </c:pt>
                <c:pt idx="3344">
                  <c:v>52.440000000005199</c:v>
                </c:pt>
                <c:pt idx="3345">
                  <c:v>52.450000000005197</c:v>
                </c:pt>
                <c:pt idx="3346">
                  <c:v>52.460000000005202</c:v>
                </c:pt>
                <c:pt idx="3347">
                  <c:v>52.4700000000052</c:v>
                </c:pt>
                <c:pt idx="3348">
                  <c:v>52.480000000005198</c:v>
                </c:pt>
                <c:pt idx="3349">
                  <c:v>52.490000000005203</c:v>
                </c:pt>
                <c:pt idx="3350">
                  <c:v>52.500000000005201</c:v>
                </c:pt>
                <c:pt idx="3351">
                  <c:v>52.510000000005199</c:v>
                </c:pt>
                <c:pt idx="3352">
                  <c:v>52.520000000005197</c:v>
                </c:pt>
                <c:pt idx="3353">
                  <c:v>52.530000000005202</c:v>
                </c:pt>
                <c:pt idx="3354">
                  <c:v>52.5400000000052</c:v>
                </c:pt>
                <c:pt idx="3355">
                  <c:v>52.550000000005198</c:v>
                </c:pt>
                <c:pt idx="3356">
                  <c:v>52.560000000005203</c:v>
                </c:pt>
                <c:pt idx="3357">
                  <c:v>52.570000000005301</c:v>
                </c:pt>
                <c:pt idx="3358">
                  <c:v>52.580000000005199</c:v>
                </c:pt>
                <c:pt idx="3359">
                  <c:v>52.590000000005197</c:v>
                </c:pt>
                <c:pt idx="3360">
                  <c:v>52.600000000005302</c:v>
                </c:pt>
                <c:pt idx="3361">
                  <c:v>52.6100000000053</c:v>
                </c:pt>
                <c:pt idx="3362">
                  <c:v>52.620000000005298</c:v>
                </c:pt>
                <c:pt idx="3363">
                  <c:v>52.630000000005303</c:v>
                </c:pt>
                <c:pt idx="3364">
                  <c:v>52.640000000005301</c:v>
                </c:pt>
                <c:pt idx="3365">
                  <c:v>52.650000000005299</c:v>
                </c:pt>
                <c:pt idx="3366">
                  <c:v>52.660000000005297</c:v>
                </c:pt>
                <c:pt idx="3367">
                  <c:v>52.670000000005302</c:v>
                </c:pt>
                <c:pt idx="3368">
                  <c:v>52.6800000000053</c:v>
                </c:pt>
                <c:pt idx="3369">
                  <c:v>52.690000000005298</c:v>
                </c:pt>
                <c:pt idx="3370">
                  <c:v>52.700000000005303</c:v>
                </c:pt>
                <c:pt idx="3371">
                  <c:v>52.710000000005302</c:v>
                </c:pt>
                <c:pt idx="3372">
                  <c:v>52.7200000000053</c:v>
                </c:pt>
                <c:pt idx="3373">
                  <c:v>52.730000000005298</c:v>
                </c:pt>
                <c:pt idx="3374">
                  <c:v>52.740000000005303</c:v>
                </c:pt>
                <c:pt idx="3375">
                  <c:v>52.750000000005301</c:v>
                </c:pt>
                <c:pt idx="3376">
                  <c:v>52.760000000005299</c:v>
                </c:pt>
                <c:pt idx="3377">
                  <c:v>52.770000000005297</c:v>
                </c:pt>
                <c:pt idx="3378">
                  <c:v>52.780000000005302</c:v>
                </c:pt>
                <c:pt idx="3379">
                  <c:v>52.7900000000053</c:v>
                </c:pt>
                <c:pt idx="3380">
                  <c:v>52.800000000005298</c:v>
                </c:pt>
                <c:pt idx="3381">
                  <c:v>52.810000000005303</c:v>
                </c:pt>
                <c:pt idx="3382">
                  <c:v>52.820000000005301</c:v>
                </c:pt>
                <c:pt idx="3383">
                  <c:v>52.830000000005299</c:v>
                </c:pt>
                <c:pt idx="3384">
                  <c:v>52.840000000005297</c:v>
                </c:pt>
                <c:pt idx="3385">
                  <c:v>52.850000000005302</c:v>
                </c:pt>
                <c:pt idx="3386">
                  <c:v>52.8600000000053</c:v>
                </c:pt>
                <c:pt idx="3387">
                  <c:v>52.870000000005298</c:v>
                </c:pt>
                <c:pt idx="3388">
                  <c:v>52.880000000005303</c:v>
                </c:pt>
                <c:pt idx="3389">
                  <c:v>52.890000000005301</c:v>
                </c:pt>
                <c:pt idx="3390">
                  <c:v>52.900000000005299</c:v>
                </c:pt>
                <c:pt idx="3391">
                  <c:v>52.910000000005297</c:v>
                </c:pt>
                <c:pt idx="3392">
                  <c:v>52.920000000005302</c:v>
                </c:pt>
                <c:pt idx="3393">
                  <c:v>52.9300000000053</c:v>
                </c:pt>
                <c:pt idx="3394">
                  <c:v>52.940000000005298</c:v>
                </c:pt>
                <c:pt idx="3395">
                  <c:v>52.950000000005303</c:v>
                </c:pt>
                <c:pt idx="3396">
                  <c:v>52.960000000005302</c:v>
                </c:pt>
                <c:pt idx="3397">
                  <c:v>52.9700000000053</c:v>
                </c:pt>
                <c:pt idx="3398">
                  <c:v>52.980000000005298</c:v>
                </c:pt>
                <c:pt idx="3399">
                  <c:v>52.990000000005303</c:v>
                </c:pt>
                <c:pt idx="3400">
                  <c:v>53.000000000005301</c:v>
                </c:pt>
                <c:pt idx="3401">
                  <c:v>53.010000000005299</c:v>
                </c:pt>
                <c:pt idx="3402">
                  <c:v>53.020000000005297</c:v>
                </c:pt>
                <c:pt idx="3403">
                  <c:v>53.030000000005302</c:v>
                </c:pt>
                <c:pt idx="3404">
                  <c:v>53.0400000000053</c:v>
                </c:pt>
                <c:pt idx="3405">
                  <c:v>53.050000000005298</c:v>
                </c:pt>
                <c:pt idx="3406">
                  <c:v>53.060000000005303</c:v>
                </c:pt>
                <c:pt idx="3407">
                  <c:v>53.070000000005301</c:v>
                </c:pt>
                <c:pt idx="3408">
                  <c:v>53.080000000005299</c:v>
                </c:pt>
                <c:pt idx="3409">
                  <c:v>53.090000000005297</c:v>
                </c:pt>
                <c:pt idx="3410">
                  <c:v>53.100000000005302</c:v>
                </c:pt>
                <c:pt idx="3411">
                  <c:v>53.1100000000053</c:v>
                </c:pt>
                <c:pt idx="3412">
                  <c:v>53.120000000005298</c:v>
                </c:pt>
                <c:pt idx="3413">
                  <c:v>53.130000000005303</c:v>
                </c:pt>
                <c:pt idx="3414">
                  <c:v>53.140000000005301</c:v>
                </c:pt>
                <c:pt idx="3415">
                  <c:v>53.150000000005299</c:v>
                </c:pt>
                <c:pt idx="3416">
                  <c:v>53.160000000005297</c:v>
                </c:pt>
                <c:pt idx="3417">
                  <c:v>53.170000000005302</c:v>
                </c:pt>
                <c:pt idx="3418">
                  <c:v>53.1800000000053</c:v>
                </c:pt>
                <c:pt idx="3419">
                  <c:v>53.190000000005298</c:v>
                </c:pt>
                <c:pt idx="3420">
                  <c:v>53.200000000005303</c:v>
                </c:pt>
                <c:pt idx="3421">
                  <c:v>53.210000000005401</c:v>
                </c:pt>
                <c:pt idx="3422">
                  <c:v>53.2200000000053</c:v>
                </c:pt>
                <c:pt idx="3423">
                  <c:v>53.230000000005298</c:v>
                </c:pt>
                <c:pt idx="3424">
                  <c:v>53.240000000005402</c:v>
                </c:pt>
                <c:pt idx="3425">
                  <c:v>53.2500000000054</c:v>
                </c:pt>
                <c:pt idx="3426">
                  <c:v>53.260000000005398</c:v>
                </c:pt>
                <c:pt idx="3427">
                  <c:v>53.270000000005403</c:v>
                </c:pt>
                <c:pt idx="3428">
                  <c:v>53.280000000005401</c:v>
                </c:pt>
                <c:pt idx="3429">
                  <c:v>53.290000000005399</c:v>
                </c:pt>
                <c:pt idx="3430">
                  <c:v>53.300000000005397</c:v>
                </c:pt>
                <c:pt idx="3431">
                  <c:v>53.310000000005402</c:v>
                </c:pt>
                <c:pt idx="3432">
                  <c:v>53.3200000000054</c:v>
                </c:pt>
                <c:pt idx="3433">
                  <c:v>53.330000000005398</c:v>
                </c:pt>
                <c:pt idx="3434">
                  <c:v>53.340000000005404</c:v>
                </c:pt>
                <c:pt idx="3435">
                  <c:v>53.350000000005402</c:v>
                </c:pt>
                <c:pt idx="3436">
                  <c:v>53.3600000000054</c:v>
                </c:pt>
                <c:pt idx="3437">
                  <c:v>53.370000000005398</c:v>
                </c:pt>
                <c:pt idx="3438">
                  <c:v>53.380000000005403</c:v>
                </c:pt>
                <c:pt idx="3439">
                  <c:v>53.390000000005401</c:v>
                </c:pt>
                <c:pt idx="3440">
                  <c:v>53.400000000005399</c:v>
                </c:pt>
                <c:pt idx="3441">
                  <c:v>53.410000000005397</c:v>
                </c:pt>
                <c:pt idx="3442">
                  <c:v>53.420000000005402</c:v>
                </c:pt>
                <c:pt idx="3443">
                  <c:v>53.4300000000054</c:v>
                </c:pt>
                <c:pt idx="3444">
                  <c:v>53.440000000005398</c:v>
                </c:pt>
                <c:pt idx="3445">
                  <c:v>53.450000000005403</c:v>
                </c:pt>
                <c:pt idx="3446">
                  <c:v>53.460000000005401</c:v>
                </c:pt>
                <c:pt idx="3447">
                  <c:v>53.470000000005399</c:v>
                </c:pt>
                <c:pt idx="3448">
                  <c:v>53.480000000005397</c:v>
                </c:pt>
                <c:pt idx="3449">
                  <c:v>53.490000000005402</c:v>
                </c:pt>
                <c:pt idx="3450">
                  <c:v>53.5000000000054</c:v>
                </c:pt>
                <c:pt idx="3451">
                  <c:v>53.510000000005398</c:v>
                </c:pt>
                <c:pt idx="3452">
                  <c:v>53.520000000005403</c:v>
                </c:pt>
                <c:pt idx="3453">
                  <c:v>53.530000000005401</c:v>
                </c:pt>
                <c:pt idx="3454">
                  <c:v>53.540000000005399</c:v>
                </c:pt>
                <c:pt idx="3455">
                  <c:v>53.550000000005397</c:v>
                </c:pt>
                <c:pt idx="3456">
                  <c:v>53.560000000005402</c:v>
                </c:pt>
                <c:pt idx="3457">
                  <c:v>53.5700000000054</c:v>
                </c:pt>
                <c:pt idx="3458">
                  <c:v>53.580000000005398</c:v>
                </c:pt>
                <c:pt idx="3459">
                  <c:v>53.590000000005404</c:v>
                </c:pt>
                <c:pt idx="3460">
                  <c:v>53.600000000005402</c:v>
                </c:pt>
                <c:pt idx="3461">
                  <c:v>53.6100000000054</c:v>
                </c:pt>
                <c:pt idx="3462">
                  <c:v>53.620000000005398</c:v>
                </c:pt>
                <c:pt idx="3463">
                  <c:v>53.630000000005403</c:v>
                </c:pt>
                <c:pt idx="3464">
                  <c:v>53.640000000005401</c:v>
                </c:pt>
                <c:pt idx="3465">
                  <c:v>53.650000000005399</c:v>
                </c:pt>
                <c:pt idx="3466">
                  <c:v>53.660000000005397</c:v>
                </c:pt>
                <c:pt idx="3467">
                  <c:v>53.670000000005402</c:v>
                </c:pt>
                <c:pt idx="3468">
                  <c:v>53.6800000000054</c:v>
                </c:pt>
                <c:pt idx="3469">
                  <c:v>53.690000000005398</c:v>
                </c:pt>
                <c:pt idx="3470">
                  <c:v>53.700000000005403</c:v>
                </c:pt>
                <c:pt idx="3471">
                  <c:v>53.710000000005401</c:v>
                </c:pt>
                <c:pt idx="3472">
                  <c:v>53.720000000005399</c:v>
                </c:pt>
                <c:pt idx="3473">
                  <c:v>53.730000000005397</c:v>
                </c:pt>
                <c:pt idx="3474">
                  <c:v>53.740000000005402</c:v>
                </c:pt>
                <c:pt idx="3475">
                  <c:v>53.7500000000054</c:v>
                </c:pt>
                <c:pt idx="3476">
                  <c:v>53.760000000005398</c:v>
                </c:pt>
                <c:pt idx="3477">
                  <c:v>53.770000000005403</c:v>
                </c:pt>
                <c:pt idx="3478">
                  <c:v>53.780000000005401</c:v>
                </c:pt>
                <c:pt idx="3479">
                  <c:v>53.790000000005399</c:v>
                </c:pt>
                <c:pt idx="3480">
                  <c:v>53.800000000005397</c:v>
                </c:pt>
                <c:pt idx="3481">
                  <c:v>53.810000000005402</c:v>
                </c:pt>
                <c:pt idx="3482">
                  <c:v>53.8200000000054</c:v>
                </c:pt>
                <c:pt idx="3483">
                  <c:v>53.830000000005398</c:v>
                </c:pt>
                <c:pt idx="3484">
                  <c:v>53.840000000005404</c:v>
                </c:pt>
                <c:pt idx="3485">
                  <c:v>53.850000000005501</c:v>
                </c:pt>
                <c:pt idx="3486">
                  <c:v>53.8600000000054</c:v>
                </c:pt>
                <c:pt idx="3487">
                  <c:v>53.870000000005398</c:v>
                </c:pt>
                <c:pt idx="3488">
                  <c:v>53.880000000005502</c:v>
                </c:pt>
                <c:pt idx="3489">
                  <c:v>53.8900000000055</c:v>
                </c:pt>
                <c:pt idx="3490">
                  <c:v>53.900000000005498</c:v>
                </c:pt>
                <c:pt idx="3491">
                  <c:v>53.910000000005503</c:v>
                </c:pt>
                <c:pt idx="3492">
                  <c:v>53.920000000005501</c:v>
                </c:pt>
                <c:pt idx="3493">
                  <c:v>53.930000000005499</c:v>
                </c:pt>
                <c:pt idx="3494">
                  <c:v>53.940000000005497</c:v>
                </c:pt>
                <c:pt idx="3495">
                  <c:v>53.950000000005502</c:v>
                </c:pt>
                <c:pt idx="3496">
                  <c:v>53.9600000000055</c:v>
                </c:pt>
                <c:pt idx="3497">
                  <c:v>53.970000000005498</c:v>
                </c:pt>
                <c:pt idx="3498">
                  <c:v>53.980000000005496</c:v>
                </c:pt>
                <c:pt idx="3499">
                  <c:v>53.990000000005502</c:v>
                </c:pt>
                <c:pt idx="3500">
                  <c:v>54.0000000000055</c:v>
                </c:pt>
                <c:pt idx="3501">
                  <c:v>54.010000000005498</c:v>
                </c:pt>
                <c:pt idx="3502">
                  <c:v>54.020000000005503</c:v>
                </c:pt>
                <c:pt idx="3503">
                  <c:v>54.030000000005501</c:v>
                </c:pt>
                <c:pt idx="3504">
                  <c:v>54.040000000005499</c:v>
                </c:pt>
                <c:pt idx="3505">
                  <c:v>54.050000000005497</c:v>
                </c:pt>
                <c:pt idx="3506">
                  <c:v>54.060000000005502</c:v>
                </c:pt>
                <c:pt idx="3507">
                  <c:v>54.0700000000055</c:v>
                </c:pt>
                <c:pt idx="3508">
                  <c:v>54.080000000005498</c:v>
                </c:pt>
                <c:pt idx="3509">
                  <c:v>54.090000000005503</c:v>
                </c:pt>
                <c:pt idx="3510">
                  <c:v>54.100000000005501</c:v>
                </c:pt>
                <c:pt idx="3511">
                  <c:v>54.110000000005499</c:v>
                </c:pt>
                <c:pt idx="3512">
                  <c:v>54.120000000005497</c:v>
                </c:pt>
                <c:pt idx="3513">
                  <c:v>54.130000000005502</c:v>
                </c:pt>
                <c:pt idx="3514">
                  <c:v>54.1400000000055</c:v>
                </c:pt>
                <c:pt idx="3515">
                  <c:v>54.150000000005498</c:v>
                </c:pt>
                <c:pt idx="3516">
                  <c:v>54.160000000005503</c:v>
                </c:pt>
                <c:pt idx="3517">
                  <c:v>54.170000000005501</c:v>
                </c:pt>
                <c:pt idx="3518">
                  <c:v>54.180000000005499</c:v>
                </c:pt>
                <c:pt idx="3519">
                  <c:v>54.190000000005497</c:v>
                </c:pt>
                <c:pt idx="3520">
                  <c:v>54.200000000005502</c:v>
                </c:pt>
                <c:pt idx="3521">
                  <c:v>54.2100000000055</c:v>
                </c:pt>
                <c:pt idx="3522">
                  <c:v>54.220000000005498</c:v>
                </c:pt>
                <c:pt idx="3523">
                  <c:v>54.230000000005496</c:v>
                </c:pt>
                <c:pt idx="3524">
                  <c:v>54.240000000005502</c:v>
                </c:pt>
                <c:pt idx="3525">
                  <c:v>54.2500000000055</c:v>
                </c:pt>
                <c:pt idx="3526">
                  <c:v>54.260000000005498</c:v>
                </c:pt>
                <c:pt idx="3527">
                  <c:v>54.270000000005503</c:v>
                </c:pt>
                <c:pt idx="3528">
                  <c:v>54.280000000005501</c:v>
                </c:pt>
                <c:pt idx="3529">
                  <c:v>54.290000000005499</c:v>
                </c:pt>
                <c:pt idx="3530">
                  <c:v>54.300000000005497</c:v>
                </c:pt>
                <c:pt idx="3531">
                  <c:v>54.310000000005502</c:v>
                </c:pt>
                <c:pt idx="3532">
                  <c:v>54.3200000000055</c:v>
                </c:pt>
                <c:pt idx="3533">
                  <c:v>54.330000000005498</c:v>
                </c:pt>
                <c:pt idx="3534">
                  <c:v>54.340000000005503</c:v>
                </c:pt>
                <c:pt idx="3535">
                  <c:v>54.350000000005501</c:v>
                </c:pt>
                <c:pt idx="3536">
                  <c:v>54.360000000005499</c:v>
                </c:pt>
                <c:pt idx="3537">
                  <c:v>54.370000000005497</c:v>
                </c:pt>
                <c:pt idx="3538">
                  <c:v>54.380000000005502</c:v>
                </c:pt>
                <c:pt idx="3539">
                  <c:v>54.3900000000055</c:v>
                </c:pt>
                <c:pt idx="3540">
                  <c:v>54.400000000005498</c:v>
                </c:pt>
                <c:pt idx="3541">
                  <c:v>54.410000000005503</c:v>
                </c:pt>
                <c:pt idx="3542">
                  <c:v>54.420000000005501</c:v>
                </c:pt>
                <c:pt idx="3543">
                  <c:v>54.430000000005499</c:v>
                </c:pt>
                <c:pt idx="3544">
                  <c:v>54.440000000005497</c:v>
                </c:pt>
                <c:pt idx="3545">
                  <c:v>54.450000000005502</c:v>
                </c:pt>
                <c:pt idx="3546">
                  <c:v>54.4600000000055</c:v>
                </c:pt>
                <c:pt idx="3547">
                  <c:v>54.470000000005498</c:v>
                </c:pt>
                <c:pt idx="3548">
                  <c:v>54.480000000005496</c:v>
                </c:pt>
                <c:pt idx="3549">
                  <c:v>54.490000000005601</c:v>
                </c:pt>
                <c:pt idx="3550">
                  <c:v>54.5000000000055</c:v>
                </c:pt>
                <c:pt idx="3551">
                  <c:v>54.510000000005498</c:v>
                </c:pt>
                <c:pt idx="3552">
                  <c:v>54.520000000005602</c:v>
                </c:pt>
                <c:pt idx="3553">
                  <c:v>54.5300000000056</c:v>
                </c:pt>
                <c:pt idx="3554">
                  <c:v>54.540000000005598</c:v>
                </c:pt>
                <c:pt idx="3555">
                  <c:v>54.550000000005603</c:v>
                </c:pt>
                <c:pt idx="3556">
                  <c:v>54.560000000005601</c:v>
                </c:pt>
                <c:pt idx="3557">
                  <c:v>54.570000000005599</c:v>
                </c:pt>
                <c:pt idx="3558">
                  <c:v>54.580000000005597</c:v>
                </c:pt>
                <c:pt idx="3559">
                  <c:v>54.590000000005602</c:v>
                </c:pt>
                <c:pt idx="3560">
                  <c:v>54.6000000000056</c:v>
                </c:pt>
                <c:pt idx="3561">
                  <c:v>54.610000000005599</c:v>
                </c:pt>
                <c:pt idx="3562">
                  <c:v>54.620000000005597</c:v>
                </c:pt>
                <c:pt idx="3563">
                  <c:v>54.630000000005602</c:v>
                </c:pt>
                <c:pt idx="3564">
                  <c:v>54.6400000000056</c:v>
                </c:pt>
                <c:pt idx="3565">
                  <c:v>54.650000000005598</c:v>
                </c:pt>
                <c:pt idx="3566">
                  <c:v>54.660000000005603</c:v>
                </c:pt>
                <c:pt idx="3567">
                  <c:v>54.670000000005601</c:v>
                </c:pt>
                <c:pt idx="3568">
                  <c:v>54.680000000005599</c:v>
                </c:pt>
                <c:pt idx="3569">
                  <c:v>54.690000000005597</c:v>
                </c:pt>
                <c:pt idx="3570">
                  <c:v>54.700000000005602</c:v>
                </c:pt>
                <c:pt idx="3571">
                  <c:v>54.7100000000056</c:v>
                </c:pt>
                <c:pt idx="3572">
                  <c:v>54.720000000005598</c:v>
                </c:pt>
                <c:pt idx="3573">
                  <c:v>54.730000000005603</c:v>
                </c:pt>
                <c:pt idx="3574">
                  <c:v>54.740000000005601</c:v>
                </c:pt>
                <c:pt idx="3575">
                  <c:v>54.750000000005599</c:v>
                </c:pt>
                <c:pt idx="3576">
                  <c:v>54.760000000005597</c:v>
                </c:pt>
                <c:pt idx="3577">
                  <c:v>54.770000000005602</c:v>
                </c:pt>
                <c:pt idx="3578">
                  <c:v>54.7800000000056</c:v>
                </c:pt>
                <c:pt idx="3579">
                  <c:v>54.790000000005598</c:v>
                </c:pt>
                <c:pt idx="3580">
                  <c:v>54.800000000005603</c:v>
                </c:pt>
                <c:pt idx="3581">
                  <c:v>54.810000000005601</c:v>
                </c:pt>
                <c:pt idx="3582">
                  <c:v>54.820000000005599</c:v>
                </c:pt>
                <c:pt idx="3583">
                  <c:v>54.830000000005597</c:v>
                </c:pt>
                <c:pt idx="3584">
                  <c:v>54.840000000005602</c:v>
                </c:pt>
                <c:pt idx="3585">
                  <c:v>54.8500000000056</c:v>
                </c:pt>
                <c:pt idx="3586">
                  <c:v>54.860000000005599</c:v>
                </c:pt>
                <c:pt idx="3587">
                  <c:v>54.870000000005597</c:v>
                </c:pt>
                <c:pt idx="3588">
                  <c:v>54.880000000005602</c:v>
                </c:pt>
                <c:pt idx="3589">
                  <c:v>54.8900000000056</c:v>
                </c:pt>
                <c:pt idx="3590">
                  <c:v>54.900000000005598</c:v>
                </c:pt>
                <c:pt idx="3591">
                  <c:v>54.910000000005603</c:v>
                </c:pt>
                <c:pt idx="3592">
                  <c:v>54.920000000005601</c:v>
                </c:pt>
                <c:pt idx="3593">
                  <c:v>54.930000000005599</c:v>
                </c:pt>
                <c:pt idx="3594">
                  <c:v>54.940000000005597</c:v>
                </c:pt>
                <c:pt idx="3595">
                  <c:v>54.950000000005602</c:v>
                </c:pt>
                <c:pt idx="3596">
                  <c:v>54.9600000000056</c:v>
                </c:pt>
                <c:pt idx="3597">
                  <c:v>54.970000000005598</c:v>
                </c:pt>
                <c:pt idx="3598">
                  <c:v>54.980000000005603</c:v>
                </c:pt>
                <c:pt idx="3599">
                  <c:v>54.990000000005601</c:v>
                </c:pt>
                <c:pt idx="3600">
                  <c:v>55.000000000005599</c:v>
                </c:pt>
                <c:pt idx="3601">
                  <c:v>55.010000000005597</c:v>
                </c:pt>
                <c:pt idx="3602">
                  <c:v>55.020000000005602</c:v>
                </c:pt>
                <c:pt idx="3603">
                  <c:v>55.0300000000056</c:v>
                </c:pt>
                <c:pt idx="3604">
                  <c:v>55.040000000005598</c:v>
                </c:pt>
                <c:pt idx="3605">
                  <c:v>55.050000000005603</c:v>
                </c:pt>
                <c:pt idx="3606">
                  <c:v>55.060000000005601</c:v>
                </c:pt>
                <c:pt idx="3607">
                  <c:v>55.070000000005599</c:v>
                </c:pt>
                <c:pt idx="3608">
                  <c:v>55.080000000005597</c:v>
                </c:pt>
                <c:pt idx="3609">
                  <c:v>55.090000000005602</c:v>
                </c:pt>
                <c:pt idx="3610">
                  <c:v>55.1000000000056</c:v>
                </c:pt>
                <c:pt idx="3611">
                  <c:v>55.110000000005599</c:v>
                </c:pt>
                <c:pt idx="3612">
                  <c:v>55.120000000005597</c:v>
                </c:pt>
                <c:pt idx="3613">
                  <c:v>55.130000000005701</c:v>
                </c:pt>
                <c:pt idx="3614">
                  <c:v>55.1400000000056</c:v>
                </c:pt>
                <c:pt idx="3615">
                  <c:v>55.150000000005598</c:v>
                </c:pt>
                <c:pt idx="3616">
                  <c:v>55.160000000005702</c:v>
                </c:pt>
                <c:pt idx="3617">
                  <c:v>55.1700000000057</c:v>
                </c:pt>
                <c:pt idx="3618">
                  <c:v>55.180000000005698</c:v>
                </c:pt>
                <c:pt idx="3619">
                  <c:v>55.190000000005703</c:v>
                </c:pt>
                <c:pt idx="3620">
                  <c:v>55.200000000005701</c:v>
                </c:pt>
                <c:pt idx="3621">
                  <c:v>55.210000000005699</c:v>
                </c:pt>
                <c:pt idx="3622">
                  <c:v>55.220000000005697</c:v>
                </c:pt>
                <c:pt idx="3623">
                  <c:v>55.230000000005703</c:v>
                </c:pt>
                <c:pt idx="3624">
                  <c:v>55.240000000005701</c:v>
                </c:pt>
                <c:pt idx="3625">
                  <c:v>55.250000000005699</c:v>
                </c:pt>
                <c:pt idx="3626">
                  <c:v>55.260000000005697</c:v>
                </c:pt>
                <c:pt idx="3627">
                  <c:v>55.270000000005702</c:v>
                </c:pt>
                <c:pt idx="3628">
                  <c:v>55.2800000000057</c:v>
                </c:pt>
                <c:pt idx="3629">
                  <c:v>55.290000000005698</c:v>
                </c:pt>
                <c:pt idx="3630">
                  <c:v>55.300000000005703</c:v>
                </c:pt>
                <c:pt idx="3631">
                  <c:v>55.310000000005701</c:v>
                </c:pt>
                <c:pt idx="3632">
                  <c:v>55.320000000005699</c:v>
                </c:pt>
                <c:pt idx="3633">
                  <c:v>55.330000000005697</c:v>
                </c:pt>
                <c:pt idx="3634">
                  <c:v>55.340000000005702</c:v>
                </c:pt>
                <c:pt idx="3635">
                  <c:v>55.3500000000057</c:v>
                </c:pt>
                <c:pt idx="3636">
                  <c:v>55.360000000005698</c:v>
                </c:pt>
                <c:pt idx="3637">
                  <c:v>55.370000000005703</c:v>
                </c:pt>
                <c:pt idx="3638">
                  <c:v>55.380000000005701</c:v>
                </c:pt>
                <c:pt idx="3639">
                  <c:v>55.390000000005699</c:v>
                </c:pt>
                <c:pt idx="3640">
                  <c:v>55.400000000005697</c:v>
                </c:pt>
                <c:pt idx="3641">
                  <c:v>55.410000000005702</c:v>
                </c:pt>
                <c:pt idx="3642">
                  <c:v>55.4200000000057</c:v>
                </c:pt>
                <c:pt idx="3643">
                  <c:v>55.430000000005698</c:v>
                </c:pt>
                <c:pt idx="3644">
                  <c:v>55.440000000005703</c:v>
                </c:pt>
                <c:pt idx="3645">
                  <c:v>55.450000000005701</c:v>
                </c:pt>
                <c:pt idx="3646">
                  <c:v>55.460000000005699</c:v>
                </c:pt>
                <c:pt idx="3647">
                  <c:v>55.470000000005697</c:v>
                </c:pt>
                <c:pt idx="3648">
                  <c:v>55.480000000005703</c:v>
                </c:pt>
                <c:pt idx="3649">
                  <c:v>55.490000000005701</c:v>
                </c:pt>
                <c:pt idx="3650">
                  <c:v>55.500000000005699</c:v>
                </c:pt>
                <c:pt idx="3651">
                  <c:v>55.510000000005697</c:v>
                </c:pt>
                <c:pt idx="3652">
                  <c:v>55.520000000005702</c:v>
                </c:pt>
                <c:pt idx="3653">
                  <c:v>55.5300000000057</c:v>
                </c:pt>
                <c:pt idx="3654">
                  <c:v>55.540000000005698</c:v>
                </c:pt>
                <c:pt idx="3655">
                  <c:v>55.550000000005703</c:v>
                </c:pt>
                <c:pt idx="3656">
                  <c:v>55.560000000005701</c:v>
                </c:pt>
                <c:pt idx="3657">
                  <c:v>55.570000000005699</c:v>
                </c:pt>
                <c:pt idx="3658">
                  <c:v>55.580000000005697</c:v>
                </c:pt>
                <c:pt idx="3659">
                  <c:v>55.590000000005702</c:v>
                </c:pt>
                <c:pt idx="3660">
                  <c:v>55.6000000000057</c:v>
                </c:pt>
                <c:pt idx="3661">
                  <c:v>55.610000000005698</c:v>
                </c:pt>
                <c:pt idx="3662">
                  <c:v>55.620000000005703</c:v>
                </c:pt>
                <c:pt idx="3663">
                  <c:v>55.630000000005701</c:v>
                </c:pt>
                <c:pt idx="3664">
                  <c:v>55.640000000005699</c:v>
                </c:pt>
                <c:pt idx="3665">
                  <c:v>55.650000000005697</c:v>
                </c:pt>
                <c:pt idx="3666">
                  <c:v>55.660000000005702</c:v>
                </c:pt>
                <c:pt idx="3667">
                  <c:v>55.6700000000057</c:v>
                </c:pt>
                <c:pt idx="3668">
                  <c:v>55.680000000005698</c:v>
                </c:pt>
                <c:pt idx="3669">
                  <c:v>55.690000000005703</c:v>
                </c:pt>
                <c:pt idx="3670">
                  <c:v>55.700000000005701</c:v>
                </c:pt>
                <c:pt idx="3671">
                  <c:v>55.710000000005699</c:v>
                </c:pt>
                <c:pt idx="3672">
                  <c:v>55.720000000005697</c:v>
                </c:pt>
                <c:pt idx="3673">
                  <c:v>55.730000000005703</c:v>
                </c:pt>
                <c:pt idx="3674">
                  <c:v>55.740000000005701</c:v>
                </c:pt>
                <c:pt idx="3675">
                  <c:v>55.750000000005699</c:v>
                </c:pt>
                <c:pt idx="3676">
                  <c:v>55.760000000005697</c:v>
                </c:pt>
                <c:pt idx="3677">
                  <c:v>55.770000000005801</c:v>
                </c:pt>
                <c:pt idx="3678">
                  <c:v>55.7800000000057</c:v>
                </c:pt>
                <c:pt idx="3679">
                  <c:v>55.790000000005698</c:v>
                </c:pt>
                <c:pt idx="3680">
                  <c:v>55.800000000005802</c:v>
                </c:pt>
                <c:pt idx="3681">
                  <c:v>55.8100000000058</c:v>
                </c:pt>
                <c:pt idx="3682">
                  <c:v>55.820000000005798</c:v>
                </c:pt>
                <c:pt idx="3683">
                  <c:v>55.830000000005803</c:v>
                </c:pt>
                <c:pt idx="3684">
                  <c:v>55.840000000005801</c:v>
                </c:pt>
                <c:pt idx="3685">
                  <c:v>55.850000000005799</c:v>
                </c:pt>
                <c:pt idx="3686">
                  <c:v>55.860000000005797</c:v>
                </c:pt>
                <c:pt idx="3687">
                  <c:v>55.870000000005803</c:v>
                </c:pt>
                <c:pt idx="3688">
                  <c:v>55.880000000005801</c:v>
                </c:pt>
                <c:pt idx="3689">
                  <c:v>55.890000000005799</c:v>
                </c:pt>
                <c:pt idx="3690">
                  <c:v>55.900000000005797</c:v>
                </c:pt>
                <c:pt idx="3691">
                  <c:v>55.910000000005802</c:v>
                </c:pt>
                <c:pt idx="3692">
                  <c:v>55.9200000000058</c:v>
                </c:pt>
                <c:pt idx="3693">
                  <c:v>55.930000000005798</c:v>
                </c:pt>
                <c:pt idx="3694">
                  <c:v>55.940000000005803</c:v>
                </c:pt>
                <c:pt idx="3695">
                  <c:v>55.950000000005801</c:v>
                </c:pt>
                <c:pt idx="3696">
                  <c:v>55.960000000005799</c:v>
                </c:pt>
                <c:pt idx="3697">
                  <c:v>55.970000000005797</c:v>
                </c:pt>
                <c:pt idx="3698">
                  <c:v>55.980000000005802</c:v>
                </c:pt>
                <c:pt idx="3699">
                  <c:v>55.9900000000058</c:v>
                </c:pt>
                <c:pt idx="3700">
                  <c:v>56.000000000005798</c:v>
                </c:pt>
                <c:pt idx="3701">
                  <c:v>56.010000000005803</c:v>
                </c:pt>
                <c:pt idx="3702">
                  <c:v>56.020000000005801</c:v>
                </c:pt>
                <c:pt idx="3703">
                  <c:v>56.030000000005799</c:v>
                </c:pt>
                <c:pt idx="3704">
                  <c:v>56.040000000005797</c:v>
                </c:pt>
                <c:pt idx="3705">
                  <c:v>56.050000000005802</c:v>
                </c:pt>
                <c:pt idx="3706">
                  <c:v>56.0600000000058</c:v>
                </c:pt>
                <c:pt idx="3707">
                  <c:v>56.070000000005798</c:v>
                </c:pt>
                <c:pt idx="3708">
                  <c:v>56.080000000005803</c:v>
                </c:pt>
                <c:pt idx="3709">
                  <c:v>56.090000000005801</c:v>
                </c:pt>
                <c:pt idx="3710">
                  <c:v>56.100000000005799</c:v>
                </c:pt>
                <c:pt idx="3711">
                  <c:v>56.110000000005797</c:v>
                </c:pt>
                <c:pt idx="3712">
                  <c:v>56.120000000005803</c:v>
                </c:pt>
                <c:pt idx="3713">
                  <c:v>56.130000000005801</c:v>
                </c:pt>
                <c:pt idx="3714">
                  <c:v>56.140000000005799</c:v>
                </c:pt>
                <c:pt idx="3715">
                  <c:v>56.150000000005797</c:v>
                </c:pt>
                <c:pt idx="3716">
                  <c:v>56.160000000005802</c:v>
                </c:pt>
                <c:pt idx="3717">
                  <c:v>56.1700000000058</c:v>
                </c:pt>
                <c:pt idx="3718">
                  <c:v>56.180000000005798</c:v>
                </c:pt>
                <c:pt idx="3719">
                  <c:v>56.190000000005803</c:v>
                </c:pt>
                <c:pt idx="3720">
                  <c:v>56.200000000005801</c:v>
                </c:pt>
                <c:pt idx="3721">
                  <c:v>56.210000000005799</c:v>
                </c:pt>
                <c:pt idx="3722">
                  <c:v>56.220000000005797</c:v>
                </c:pt>
                <c:pt idx="3723">
                  <c:v>56.230000000005802</c:v>
                </c:pt>
                <c:pt idx="3724">
                  <c:v>56.2400000000058</c:v>
                </c:pt>
                <c:pt idx="3725">
                  <c:v>56.250000000005798</c:v>
                </c:pt>
                <c:pt idx="3726">
                  <c:v>56.260000000005803</c:v>
                </c:pt>
                <c:pt idx="3727">
                  <c:v>56.270000000005801</c:v>
                </c:pt>
                <c:pt idx="3728">
                  <c:v>56.280000000005799</c:v>
                </c:pt>
                <c:pt idx="3729">
                  <c:v>56.290000000005797</c:v>
                </c:pt>
                <c:pt idx="3730">
                  <c:v>56.300000000005802</c:v>
                </c:pt>
                <c:pt idx="3731">
                  <c:v>56.3100000000058</c:v>
                </c:pt>
                <c:pt idx="3732">
                  <c:v>56.320000000005798</c:v>
                </c:pt>
                <c:pt idx="3733">
                  <c:v>56.330000000005803</c:v>
                </c:pt>
                <c:pt idx="3734">
                  <c:v>56.340000000005801</c:v>
                </c:pt>
                <c:pt idx="3735">
                  <c:v>56.350000000005799</c:v>
                </c:pt>
                <c:pt idx="3736">
                  <c:v>56.360000000005797</c:v>
                </c:pt>
                <c:pt idx="3737">
                  <c:v>56.370000000005803</c:v>
                </c:pt>
                <c:pt idx="3738">
                  <c:v>56.380000000005801</c:v>
                </c:pt>
                <c:pt idx="3739">
                  <c:v>56.390000000005799</c:v>
                </c:pt>
                <c:pt idx="3740">
                  <c:v>56.400000000005797</c:v>
                </c:pt>
                <c:pt idx="3741">
                  <c:v>56.410000000005901</c:v>
                </c:pt>
                <c:pt idx="3742">
                  <c:v>56.4200000000058</c:v>
                </c:pt>
                <c:pt idx="3743">
                  <c:v>56.430000000005798</c:v>
                </c:pt>
                <c:pt idx="3744">
                  <c:v>56.440000000005902</c:v>
                </c:pt>
                <c:pt idx="3745">
                  <c:v>56.4500000000059</c:v>
                </c:pt>
                <c:pt idx="3746">
                  <c:v>56.460000000005898</c:v>
                </c:pt>
                <c:pt idx="3747">
                  <c:v>56.470000000005903</c:v>
                </c:pt>
                <c:pt idx="3748">
                  <c:v>56.480000000005901</c:v>
                </c:pt>
                <c:pt idx="3749">
                  <c:v>56.490000000005899</c:v>
                </c:pt>
                <c:pt idx="3750">
                  <c:v>56.500000000005898</c:v>
                </c:pt>
                <c:pt idx="3751">
                  <c:v>56.510000000005903</c:v>
                </c:pt>
                <c:pt idx="3752">
                  <c:v>56.520000000005901</c:v>
                </c:pt>
                <c:pt idx="3753">
                  <c:v>56.530000000005899</c:v>
                </c:pt>
                <c:pt idx="3754">
                  <c:v>56.540000000005897</c:v>
                </c:pt>
                <c:pt idx="3755">
                  <c:v>56.550000000005902</c:v>
                </c:pt>
                <c:pt idx="3756">
                  <c:v>56.5600000000059</c:v>
                </c:pt>
                <c:pt idx="3757">
                  <c:v>56.570000000005898</c:v>
                </c:pt>
                <c:pt idx="3758">
                  <c:v>56.580000000005903</c:v>
                </c:pt>
                <c:pt idx="3759">
                  <c:v>56.590000000005901</c:v>
                </c:pt>
                <c:pt idx="3760">
                  <c:v>56.600000000005899</c:v>
                </c:pt>
                <c:pt idx="3761">
                  <c:v>56.610000000005897</c:v>
                </c:pt>
                <c:pt idx="3762">
                  <c:v>56.620000000005902</c:v>
                </c:pt>
                <c:pt idx="3763">
                  <c:v>56.6300000000059</c:v>
                </c:pt>
                <c:pt idx="3764">
                  <c:v>56.640000000005898</c:v>
                </c:pt>
                <c:pt idx="3765">
                  <c:v>56.650000000005903</c:v>
                </c:pt>
                <c:pt idx="3766">
                  <c:v>56.660000000005901</c:v>
                </c:pt>
                <c:pt idx="3767">
                  <c:v>56.670000000005899</c:v>
                </c:pt>
                <c:pt idx="3768">
                  <c:v>56.680000000005897</c:v>
                </c:pt>
                <c:pt idx="3769">
                  <c:v>56.690000000005902</c:v>
                </c:pt>
                <c:pt idx="3770">
                  <c:v>56.7000000000059</c:v>
                </c:pt>
                <c:pt idx="3771">
                  <c:v>56.710000000005898</c:v>
                </c:pt>
                <c:pt idx="3772">
                  <c:v>56.720000000005903</c:v>
                </c:pt>
                <c:pt idx="3773">
                  <c:v>56.730000000005901</c:v>
                </c:pt>
                <c:pt idx="3774">
                  <c:v>56.740000000005899</c:v>
                </c:pt>
                <c:pt idx="3775">
                  <c:v>56.750000000005898</c:v>
                </c:pt>
                <c:pt idx="3776">
                  <c:v>56.760000000005903</c:v>
                </c:pt>
                <c:pt idx="3777">
                  <c:v>56.770000000005901</c:v>
                </c:pt>
                <c:pt idx="3778">
                  <c:v>56.780000000005899</c:v>
                </c:pt>
                <c:pt idx="3779">
                  <c:v>56.790000000005897</c:v>
                </c:pt>
                <c:pt idx="3780">
                  <c:v>56.800000000005902</c:v>
                </c:pt>
                <c:pt idx="3781">
                  <c:v>56.8100000000059</c:v>
                </c:pt>
                <c:pt idx="3782">
                  <c:v>56.820000000005898</c:v>
                </c:pt>
                <c:pt idx="3783">
                  <c:v>56.830000000005903</c:v>
                </c:pt>
                <c:pt idx="3784">
                  <c:v>56.840000000005901</c:v>
                </c:pt>
                <c:pt idx="3785">
                  <c:v>56.850000000005899</c:v>
                </c:pt>
                <c:pt idx="3786">
                  <c:v>56.860000000005897</c:v>
                </c:pt>
                <c:pt idx="3787">
                  <c:v>56.870000000005902</c:v>
                </c:pt>
                <c:pt idx="3788">
                  <c:v>56.8800000000059</c:v>
                </c:pt>
                <c:pt idx="3789">
                  <c:v>56.890000000005898</c:v>
                </c:pt>
                <c:pt idx="3790">
                  <c:v>56.900000000005903</c:v>
                </c:pt>
                <c:pt idx="3791">
                  <c:v>56.910000000005901</c:v>
                </c:pt>
                <c:pt idx="3792">
                  <c:v>56.920000000005899</c:v>
                </c:pt>
                <c:pt idx="3793">
                  <c:v>56.930000000005897</c:v>
                </c:pt>
                <c:pt idx="3794">
                  <c:v>56.940000000005902</c:v>
                </c:pt>
                <c:pt idx="3795">
                  <c:v>56.9500000000059</c:v>
                </c:pt>
                <c:pt idx="3796">
                  <c:v>56.960000000005898</c:v>
                </c:pt>
                <c:pt idx="3797">
                  <c:v>56.970000000005903</c:v>
                </c:pt>
                <c:pt idx="3798">
                  <c:v>56.980000000005901</c:v>
                </c:pt>
                <c:pt idx="3799">
                  <c:v>56.990000000005899</c:v>
                </c:pt>
                <c:pt idx="3800">
                  <c:v>57.000000000005898</c:v>
                </c:pt>
                <c:pt idx="3801">
                  <c:v>57.010000000005903</c:v>
                </c:pt>
                <c:pt idx="3802">
                  <c:v>57.020000000005901</c:v>
                </c:pt>
                <c:pt idx="3803">
                  <c:v>57.030000000005899</c:v>
                </c:pt>
                <c:pt idx="3804">
                  <c:v>57.040000000005897</c:v>
                </c:pt>
                <c:pt idx="3805">
                  <c:v>57.050000000006001</c:v>
                </c:pt>
                <c:pt idx="3806">
                  <c:v>57.0600000000059</c:v>
                </c:pt>
                <c:pt idx="3807">
                  <c:v>57.070000000005898</c:v>
                </c:pt>
                <c:pt idx="3808">
                  <c:v>57.080000000006002</c:v>
                </c:pt>
                <c:pt idx="3809">
                  <c:v>57.090000000006</c:v>
                </c:pt>
                <c:pt idx="3810">
                  <c:v>57.100000000005998</c:v>
                </c:pt>
                <c:pt idx="3811">
                  <c:v>57.110000000006004</c:v>
                </c:pt>
                <c:pt idx="3812">
                  <c:v>57.120000000006002</c:v>
                </c:pt>
                <c:pt idx="3813">
                  <c:v>57.130000000006</c:v>
                </c:pt>
                <c:pt idx="3814">
                  <c:v>57.140000000005998</c:v>
                </c:pt>
                <c:pt idx="3815">
                  <c:v>57.150000000006003</c:v>
                </c:pt>
                <c:pt idx="3816">
                  <c:v>57.160000000006001</c:v>
                </c:pt>
                <c:pt idx="3817">
                  <c:v>57.170000000005999</c:v>
                </c:pt>
                <c:pt idx="3818">
                  <c:v>57.180000000005997</c:v>
                </c:pt>
                <c:pt idx="3819">
                  <c:v>57.190000000006002</c:v>
                </c:pt>
                <c:pt idx="3820">
                  <c:v>57.200000000006</c:v>
                </c:pt>
                <c:pt idx="3821">
                  <c:v>57.210000000005998</c:v>
                </c:pt>
                <c:pt idx="3822">
                  <c:v>57.220000000006003</c:v>
                </c:pt>
                <c:pt idx="3823">
                  <c:v>57.230000000006001</c:v>
                </c:pt>
                <c:pt idx="3824">
                  <c:v>57.240000000005999</c:v>
                </c:pt>
                <c:pt idx="3825">
                  <c:v>57.250000000005997</c:v>
                </c:pt>
                <c:pt idx="3826">
                  <c:v>57.260000000006002</c:v>
                </c:pt>
                <c:pt idx="3827">
                  <c:v>57.270000000006</c:v>
                </c:pt>
                <c:pt idx="3828">
                  <c:v>57.280000000005998</c:v>
                </c:pt>
                <c:pt idx="3829">
                  <c:v>57.290000000006003</c:v>
                </c:pt>
                <c:pt idx="3830">
                  <c:v>57.300000000006001</c:v>
                </c:pt>
                <c:pt idx="3831">
                  <c:v>57.310000000005999</c:v>
                </c:pt>
                <c:pt idx="3832">
                  <c:v>57.320000000005997</c:v>
                </c:pt>
                <c:pt idx="3833">
                  <c:v>57.330000000006002</c:v>
                </c:pt>
                <c:pt idx="3834">
                  <c:v>57.340000000006</c:v>
                </c:pt>
                <c:pt idx="3835">
                  <c:v>57.350000000005998</c:v>
                </c:pt>
                <c:pt idx="3836">
                  <c:v>57.360000000006004</c:v>
                </c:pt>
                <c:pt idx="3837">
                  <c:v>57.370000000006002</c:v>
                </c:pt>
                <c:pt idx="3838">
                  <c:v>57.380000000006</c:v>
                </c:pt>
                <c:pt idx="3839">
                  <c:v>57.390000000005998</c:v>
                </c:pt>
                <c:pt idx="3840">
                  <c:v>57.400000000006003</c:v>
                </c:pt>
                <c:pt idx="3841">
                  <c:v>57.410000000006001</c:v>
                </c:pt>
                <c:pt idx="3842">
                  <c:v>57.420000000005999</c:v>
                </c:pt>
                <c:pt idx="3843">
                  <c:v>57.430000000005997</c:v>
                </c:pt>
                <c:pt idx="3844">
                  <c:v>57.440000000006002</c:v>
                </c:pt>
                <c:pt idx="3845">
                  <c:v>57.450000000006</c:v>
                </c:pt>
                <c:pt idx="3846">
                  <c:v>57.460000000005998</c:v>
                </c:pt>
                <c:pt idx="3847">
                  <c:v>57.470000000006003</c:v>
                </c:pt>
                <c:pt idx="3848">
                  <c:v>57.480000000006001</c:v>
                </c:pt>
                <c:pt idx="3849">
                  <c:v>57.490000000005999</c:v>
                </c:pt>
                <c:pt idx="3850">
                  <c:v>57.500000000005997</c:v>
                </c:pt>
                <c:pt idx="3851">
                  <c:v>57.510000000006002</c:v>
                </c:pt>
                <c:pt idx="3852">
                  <c:v>57.520000000006</c:v>
                </c:pt>
                <c:pt idx="3853">
                  <c:v>57.530000000005998</c:v>
                </c:pt>
                <c:pt idx="3854">
                  <c:v>57.540000000006003</c:v>
                </c:pt>
                <c:pt idx="3855">
                  <c:v>57.550000000006001</c:v>
                </c:pt>
                <c:pt idx="3856">
                  <c:v>57.560000000005999</c:v>
                </c:pt>
                <c:pt idx="3857">
                  <c:v>57.570000000005997</c:v>
                </c:pt>
                <c:pt idx="3858">
                  <c:v>57.580000000006002</c:v>
                </c:pt>
                <c:pt idx="3859">
                  <c:v>57.590000000006</c:v>
                </c:pt>
                <c:pt idx="3860">
                  <c:v>57.600000000005998</c:v>
                </c:pt>
                <c:pt idx="3861">
                  <c:v>57.610000000006004</c:v>
                </c:pt>
                <c:pt idx="3862">
                  <c:v>57.620000000006002</c:v>
                </c:pt>
                <c:pt idx="3863">
                  <c:v>57.630000000006</c:v>
                </c:pt>
                <c:pt idx="3864">
                  <c:v>57.640000000005998</c:v>
                </c:pt>
                <c:pt idx="3865">
                  <c:v>57.650000000006003</c:v>
                </c:pt>
                <c:pt idx="3866">
                  <c:v>57.660000000006001</c:v>
                </c:pt>
                <c:pt idx="3867">
                  <c:v>57.670000000005999</c:v>
                </c:pt>
                <c:pt idx="3868">
                  <c:v>57.680000000005997</c:v>
                </c:pt>
                <c:pt idx="3869">
                  <c:v>57.690000000006101</c:v>
                </c:pt>
                <c:pt idx="3870">
                  <c:v>57.700000000006</c:v>
                </c:pt>
                <c:pt idx="3871">
                  <c:v>57.710000000005998</c:v>
                </c:pt>
                <c:pt idx="3872">
                  <c:v>57.720000000006102</c:v>
                </c:pt>
                <c:pt idx="3873">
                  <c:v>57.7300000000061</c:v>
                </c:pt>
                <c:pt idx="3874">
                  <c:v>57.740000000006098</c:v>
                </c:pt>
                <c:pt idx="3875">
                  <c:v>57.750000000006096</c:v>
                </c:pt>
                <c:pt idx="3876">
                  <c:v>57.760000000006102</c:v>
                </c:pt>
                <c:pt idx="3877">
                  <c:v>57.7700000000061</c:v>
                </c:pt>
                <c:pt idx="3878">
                  <c:v>57.780000000006098</c:v>
                </c:pt>
                <c:pt idx="3879">
                  <c:v>57.790000000006103</c:v>
                </c:pt>
                <c:pt idx="3880">
                  <c:v>57.800000000006101</c:v>
                </c:pt>
                <c:pt idx="3881">
                  <c:v>57.810000000006099</c:v>
                </c:pt>
                <c:pt idx="3882">
                  <c:v>57.820000000006097</c:v>
                </c:pt>
                <c:pt idx="3883">
                  <c:v>57.830000000006102</c:v>
                </c:pt>
                <c:pt idx="3884">
                  <c:v>57.8400000000061</c:v>
                </c:pt>
                <c:pt idx="3885">
                  <c:v>57.850000000006098</c:v>
                </c:pt>
                <c:pt idx="3886">
                  <c:v>57.860000000006103</c:v>
                </c:pt>
                <c:pt idx="3887">
                  <c:v>57.870000000006101</c:v>
                </c:pt>
                <c:pt idx="3888">
                  <c:v>57.880000000006099</c:v>
                </c:pt>
                <c:pt idx="3889">
                  <c:v>57.890000000006097</c:v>
                </c:pt>
                <c:pt idx="3890">
                  <c:v>57.900000000006102</c:v>
                </c:pt>
                <c:pt idx="3891">
                  <c:v>57.9100000000061</c:v>
                </c:pt>
                <c:pt idx="3892">
                  <c:v>57.920000000006098</c:v>
                </c:pt>
                <c:pt idx="3893">
                  <c:v>57.930000000006103</c:v>
                </c:pt>
                <c:pt idx="3894">
                  <c:v>57.940000000006101</c:v>
                </c:pt>
                <c:pt idx="3895">
                  <c:v>57.950000000006099</c:v>
                </c:pt>
                <c:pt idx="3896">
                  <c:v>57.960000000006097</c:v>
                </c:pt>
                <c:pt idx="3897">
                  <c:v>57.970000000006102</c:v>
                </c:pt>
                <c:pt idx="3898">
                  <c:v>57.9800000000061</c:v>
                </c:pt>
                <c:pt idx="3899">
                  <c:v>57.990000000006098</c:v>
                </c:pt>
                <c:pt idx="3900">
                  <c:v>58.000000000006096</c:v>
                </c:pt>
                <c:pt idx="3901">
                  <c:v>58.010000000006102</c:v>
                </c:pt>
                <c:pt idx="3902">
                  <c:v>58.0200000000061</c:v>
                </c:pt>
                <c:pt idx="3903">
                  <c:v>58.030000000006098</c:v>
                </c:pt>
                <c:pt idx="3904">
                  <c:v>58.040000000006103</c:v>
                </c:pt>
                <c:pt idx="3905">
                  <c:v>58.050000000006101</c:v>
                </c:pt>
                <c:pt idx="3906">
                  <c:v>58.060000000006099</c:v>
                </c:pt>
                <c:pt idx="3907">
                  <c:v>58.070000000006097</c:v>
                </c:pt>
                <c:pt idx="3908">
                  <c:v>58.080000000006102</c:v>
                </c:pt>
                <c:pt idx="3909">
                  <c:v>58.0900000000061</c:v>
                </c:pt>
                <c:pt idx="3910">
                  <c:v>58.100000000006098</c:v>
                </c:pt>
                <c:pt idx="3911">
                  <c:v>58.110000000006103</c:v>
                </c:pt>
                <c:pt idx="3912">
                  <c:v>58.120000000006101</c:v>
                </c:pt>
                <c:pt idx="3913">
                  <c:v>58.130000000006099</c:v>
                </c:pt>
                <c:pt idx="3914">
                  <c:v>58.140000000006097</c:v>
                </c:pt>
                <c:pt idx="3915">
                  <c:v>58.150000000006102</c:v>
                </c:pt>
                <c:pt idx="3916">
                  <c:v>58.1600000000061</c:v>
                </c:pt>
                <c:pt idx="3917">
                  <c:v>58.170000000006098</c:v>
                </c:pt>
                <c:pt idx="3918">
                  <c:v>58.180000000006103</c:v>
                </c:pt>
                <c:pt idx="3919">
                  <c:v>58.190000000006101</c:v>
                </c:pt>
                <c:pt idx="3920">
                  <c:v>58.200000000006099</c:v>
                </c:pt>
                <c:pt idx="3921">
                  <c:v>58.210000000006097</c:v>
                </c:pt>
                <c:pt idx="3922">
                  <c:v>58.220000000006102</c:v>
                </c:pt>
                <c:pt idx="3923">
                  <c:v>58.2300000000061</c:v>
                </c:pt>
                <c:pt idx="3924">
                  <c:v>58.240000000006098</c:v>
                </c:pt>
                <c:pt idx="3925">
                  <c:v>58.250000000006096</c:v>
                </c:pt>
                <c:pt idx="3926">
                  <c:v>58.260000000006102</c:v>
                </c:pt>
                <c:pt idx="3927">
                  <c:v>58.2700000000061</c:v>
                </c:pt>
                <c:pt idx="3928">
                  <c:v>58.280000000006098</c:v>
                </c:pt>
                <c:pt idx="3929">
                  <c:v>58.290000000006103</c:v>
                </c:pt>
                <c:pt idx="3930">
                  <c:v>58.300000000006101</c:v>
                </c:pt>
                <c:pt idx="3931">
                  <c:v>58.310000000006099</c:v>
                </c:pt>
                <c:pt idx="3932">
                  <c:v>58.320000000006097</c:v>
                </c:pt>
                <c:pt idx="3933">
                  <c:v>58.330000000006201</c:v>
                </c:pt>
                <c:pt idx="3934">
                  <c:v>58.3400000000061</c:v>
                </c:pt>
                <c:pt idx="3935">
                  <c:v>58.350000000006098</c:v>
                </c:pt>
                <c:pt idx="3936">
                  <c:v>58.360000000006202</c:v>
                </c:pt>
                <c:pt idx="3937">
                  <c:v>58.3700000000062</c:v>
                </c:pt>
                <c:pt idx="3938">
                  <c:v>58.380000000006198</c:v>
                </c:pt>
                <c:pt idx="3939">
                  <c:v>58.390000000006197</c:v>
                </c:pt>
                <c:pt idx="3940">
                  <c:v>58.400000000006202</c:v>
                </c:pt>
                <c:pt idx="3941">
                  <c:v>58.4100000000062</c:v>
                </c:pt>
                <c:pt idx="3942">
                  <c:v>58.420000000006198</c:v>
                </c:pt>
                <c:pt idx="3943">
                  <c:v>58.430000000006203</c:v>
                </c:pt>
                <c:pt idx="3944">
                  <c:v>58.440000000006201</c:v>
                </c:pt>
                <c:pt idx="3945">
                  <c:v>58.450000000006199</c:v>
                </c:pt>
                <c:pt idx="3946">
                  <c:v>58.460000000006197</c:v>
                </c:pt>
                <c:pt idx="3947">
                  <c:v>58.470000000006202</c:v>
                </c:pt>
                <c:pt idx="3948">
                  <c:v>58.4800000000062</c:v>
                </c:pt>
                <c:pt idx="3949">
                  <c:v>58.490000000006198</c:v>
                </c:pt>
                <c:pt idx="3950">
                  <c:v>58.500000000006203</c:v>
                </c:pt>
                <c:pt idx="3951">
                  <c:v>58.510000000006201</c:v>
                </c:pt>
                <c:pt idx="3952">
                  <c:v>58.520000000006199</c:v>
                </c:pt>
                <c:pt idx="3953">
                  <c:v>58.530000000006197</c:v>
                </c:pt>
                <c:pt idx="3954">
                  <c:v>58.540000000006202</c:v>
                </c:pt>
                <c:pt idx="3955">
                  <c:v>58.5500000000062</c:v>
                </c:pt>
                <c:pt idx="3956">
                  <c:v>58.560000000006198</c:v>
                </c:pt>
                <c:pt idx="3957">
                  <c:v>58.570000000006203</c:v>
                </c:pt>
                <c:pt idx="3958">
                  <c:v>58.580000000006201</c:v>
                </c:pt>
                <c:pt idx="3959">
                  <c:v>58.590000000006199</c:v>
                </c:pt>
                <c:pt idx="3960">
                  <c:v>58.600000000006197</c:v>
                </c:pt>
                <c:pt idx="3961">
                  <c:v>58.610000000006202</c:v>
                </c:pt>
                <c:pt idx="3962">
                  <c:v>58.6200000000062</c:v>
                </c:pt>
                <c:pt idx="3963">
                  <c:v>58.630000000006198</c:v>
                </c:pt>
                <c:pt idx="3964">
                  <c:v>58.640000000006197</c:v>
                </c:pt>
                <c:pt idx="3965">
                  <c:v>58.650000000006202</c:v>
                </c:pt>
                <c:pt idx="3966">
                  <c:v>58.6600000000062</c:v>
                </c:pt>
                <c:pt idx="3967">
                  <c:v>58.670000000006198</c:v>
                </c:pt>
                <c:pt idx="3968">
                  <c:v>58.680000000006203</c:v>
                </c:pt>
                <c:pt idx="3969">
                  <c:v>58.690000000006201</c:v>
                </c:pt>
                <c:pt idx="3970">
                  <c:v>58.700000000006199</c:v>
                </c:pt>
                <c:pt idx="3971">
                  <c:v>58.710000000006197</c:v>
                </c:pt>
                <c:pt idx="3972">
                  <c:v>58.720000000006202</c:v>
                </c:pt>
                <c:pt idx="3973">
                  <c:v>58.7300000000062</c:v>
                </c:pt>
                <c:pt idx="3974">
                  <c:v>58.740000000006198</c:v>
                </c:pt>
                <c:pt idx="3975">
                  <c:v>58.750000000006203</c:v>
                </c:pt>
                <c:pt idx="3976">
                  <c:v>58.760000000006201</c:v>
                </c:pt>
                <c:pt idx="3977">
                  <c:v>58.770000000006199</c:v>
                </c:pt>
                <c:pt idx="3978">
                  <c:v>58.780000000006197</c:v>
                </c:pt>
                <c:pt idx="3979">
                  <c:v>58.790000000006202</c:v>
                </c:pt>
                <c:pt idx="3980">
                  <c:v>58.8000000000062</c:v>
                </c:pt>
                <c:pt idx="3981">
                  <c:v>58.810000000006198</c:v>
                </c:pt>
                <c:pt idx="3982">
                  <c:v>58.820000000006203</c:v>
                </c:pt>
                <c:pt idx="3983">
                  <c:v>58.830000000006201</c:v>
                </c:pt>
                <c:pt idx="3984">
                  <c:v>58.840000000006199</c:v>
                </c:pt>
                <c:pt idx="3985">
                  <c:v>58.850000000006197</c:v>
                </c:pt>
                <c:pt idx="3986">
                  <c:v>58.860000000006202</c:v>
                </c:pt>
                <c:pt idx="3987">
                  <c:v>58.8700000000062</c:v>
                </c:pt>
                <c:pt idx="3988">
                  <c:v>58.880000000006198</c:v>
                </c:pt>
                <c:pt idx="3989">
                  <c:v>58.890000000006197</c:v>
                </c:pt>
                <c:pt idx="3990">
                  <c:v>58.900000000006202</c:v>
                </c:pt>
                <c:pt idx="3991">
                  <c:v>58.9100000000062</c:v>
                </c:pt>
                <c:pt idx="3992">
                  <c:v>58.920000000006198</c:v>
                </c:pt>
                <c:pt idx="3993">
                  <c:v>58.930000000006203</c:v>
                </c:pt>
                <c:pt idx="3994">
                  <c:v>58.940000000006201</c:v>
                </c:pt>
                <c:pt idx="3995">
                  <c:v>58.950000000006199</c:v>
                </c:pt>
                <c:pt idx="3996">
                  <c:v>58.960000000006197</c:v>
                </c:pt>
                <c:pt idx="3997">
                  <c:v>58.970000000006301</c:v>
                </c:pt>
                <c:pt idx="3998">
                  <c:v>58.9800000000062</c:v>
                </c:pt>
                <c:pt idx="3999">
                  <c:v>58.990000000006198</c:v>
                </c:pt>
                <c:pt idx="4000">
                  <c:v>59.000000000006303</c:v>
                </c:pt>
                <c:pt idx="4001">
                  <c:v>59.010000000006301</c:v>
                </c:pt>
                <c:pt idx="4002">
                  <c:v>59.020000000006299</c:v>
                </c:pt>
                <c:pt idx="4003">
                  <c:v>59.030000000006297</c:v>
                </c:pt>
                <c:pt idx="4004">
                  <c:v>59.040000000006302</c:v>
                </c:pt>
                <c:pt idx="4005">
                  <c:v>59.0500000000063</c:v>
                </c:pt>
                <c:pt idx="4006">
                  <c:v>59.060000000006298</c:v>
                </c:pt>
                <c:pt idx="4007">
                  <c:v>59.070000000006303</c:v>
                </c:pt>
                <c:pt idx="4008">
                  <c:v>59.080000000006301</c:v>
                </c:pt>
                <c:pt idx="4009">
                  <c:v>59.090000000006299</c:v>
                </c:pt>
                <c:pt idx="4010">
                  <c:v>59.100000000006297</c:v>
                </c:pt>
                <c:pt idx="4011">
                  <c:v>59.110000000006302</c:v>
                </c:pt>
                <c:pt idx="4012">
                  <c:v>59.1200000000063</c:v>
                </c:pt>
                <c:pt idx="4013">
                  <c:v>59.130000000006298</c:v>
                </c:pt>
                <c:pt idx="4014">
                  <c:v>59.140000000006303</c:v>
                </c:pt>
                <c:pt idx="4015">
                  <c:v>59.150000000006301</c:v>
                </c:pt>
                <c:pt idx="4016">
                  <c:v>59.160000000006299</c:v>
                </c:pt>
                <c:pt idx="4017">
                  <c:v>59.170000000006297</c:v>
                </c:pt>
                <c:pt idx="4018">
                  <c:v>59.180000000006302</c:v>
                </c:pt>
                <c:pt idx="4019">
                  <c:v>59.1900000000063</c:v>
                </c:pt>
                <c:pt idx="4020">
                  <c:v>59.200000000006298</c:v>
                </c:pt>
                <c:pt idx="4021">
                  <c:v>59.210000000006303</c:v>
                </c:pt>
                <c:pt idx="4022">
                  <c:v>59.220000000006301</c:v>
                </c:pt>
                <c:pt idx="4023">
                  <c:v>59.230000000006299</c:v>
                </c:pt>
                <c:pt idx="4024">
                  <c:v>59.240000000006297</c:v>
                </c:pt>
                <c:pt idx="4025">
                  <c:v>59.250000000006303</c:v>
                </c:pt>
                <c:pt idx="4026">
                  <c:v>59.260000000006301</c:v>
                </c:pt>
                <c:pt idx="4027">
                  <c:v>59.270000000006299</c:v>
                </c:pt>
                <c:pt idx="4028">
                  <c:v>59.280000000006297</c:v>
                </c:pt>
                <c:pt idx="4029">
                  <c:v>59.290000000006302</c:v>
                </c:pt>
                <c:pt idx="4030">
                  <c:v>59.3000000000063</c:v>
                </c:pt>
                <c:pt idx="4031">
                  <c:v>59.310000000006298</c:v>
                </c:pt>
                <c:pt idx="4032">
                  <c:v>59.320000000006303</c:v>
                </c:pt>
                <c:pt idx="4033">
                  <c:v>59.330000000006301</c:v>
                </c:pt>
                <c:pt idx="4034">
                  <c:v>59.340000000006299</c:v>
                </c:pt>
                <c:pt idx="4035">
                  <c:v>59.350000000006297</c:v>
                </c:pt>
                <c:pt idx="4036">
                  <c:v>59.360000000006302</c:v>
                </c:pt>
                <c:pt idx="4037">
                  <c:v>59.3700000000063</c:v>
                </c:pt>
                <c:pt idx="4038">
                  <c:v>59.380000000006298</c:v>
                </c:pt>
                <c:pt idx="4039">
                  <c:v>59.390000000006303</c:v>
                </c:pt>
                <c:pt idx="4040">
                  <c:v>59.400000000006301</c:v>
                </c:pt>
                <c:pt idx="4041">
                  <c:v>59.410000000006299</c:v>
                </c:pt>
                <c:pt idx="4042">
                  <c:v>59.420000000006297</c:v>
                </c:pt>
                <c:pt idx="4043">
                  <c:v>59.430000000006302</c:v>
                </c:pt>
                <c:pt idx="4044">
                  <c:v>59.4400000000063</c:v>
                </c:pt>
                <c:pt idx="4045">
                  <c:v>59.450000000006298</c:v>
                </c:pt>
                <c:pt idx="4046">
                  <c:v>59.460000000006303</c:v>
                </c:pt>
                <c:pt idx="4047">
                  <c:v>59.470000000006301</c:v>
                </c:pt>
                <c:pt idx="4048">
                  <c:v>59.480000000006299</c:v>
                </c:pt>
                <c:pt idx="4049">
                  <c:v>59.490000000006297</c:v>
                </c:pt>
                <c:pt idx="4050">
                  <c:v>59.500000000006303</c:v>
                </c:pt>
                <c:pt idx="4051">
                  <c:v>59.510000000006301</c:v>
                </c:pt>
                <c:pt idx="4052">
                  <c:v>59.520000000006299</c:v>
                </c:pt>
                <c:pt idx="4053">
                  <c:v>59.530000000006297</c:v>
                </c:pt>
                <c:pt idx="4054">
                  <c:v>59.540000000006302</c:v>
                </c:pt>
                <c:pt idx="4055">
                  <c:v>59.5500000000063</c:v>
                </c:pt>
                <c:pt idx="4056">
                  <c:v>59.560000000006298</c:v>
                </c:pt>
                <c:pt idx="4057">
                  <c:v>59.570000000006303</c:v>
                </c:pt>
                <c:pt idx="4058">
                  <c:v>59.580000000006301</c:v>
                </c:pt>
                <c:pt idx="4059">
                  <c:v>59.590000000006299</c:v>
                </c:pt>
                <c:pt idx="4060">
                  <c:v>59.600000000006297</c:v>
                </c:pt>
                <c:pt idx="4061">
                  <c:v>59.610000000006401</c:v>
                </c:pt>
                <c:pt idx="4062">
                  <c:v>59.6200000000063</c:v>
                </c:pt>
                <c:pt idx="4063">
                  <c:v>59.630000000006298</c:v>
                </c:pt>
                <c:pt idx="4064">
                  <c:v>59.640000000006403</c:v>
                </c:pt>
                <c:pt idx="4065">
                  <c:v>59.650000000006401</c:v>
                </c:pt>
                <c:pt idx="4066">
                  <c:v>59.660000000006399</c:v>
                </c:pt>
                <c:pt idx="4067">
                  <c:v>59.670000000006397</c:v>
                </c:pt>
                <c:pt idx="4068">
                  <c:v>59.680000000006402</c:v>
                </c:pt>
                <c:pt idx="4069">
                  <c:v>59.6900000000064</c:v>
                </c:pt>
                <c:pt idx="4070">
                  <c:v>59.700000000006398</c:v>
                </c:pt>
                <c:pt idx="4071">
                  <c:v>59.710000000006403</c:v>
                </c:pt>
                <c:pt idx="4072">
                  <c:v>59.720000000006401</c:v>
                </c:pt>
                <c:pt idx="4073">
                  <c:v>59.730000000006399</c:v>
                </c:pt>
                <c:pt idx="4074">
                  <c:v>59.740000000006397</c:v>
                </c:pt>
                <c:pt idx="4075">
                  <c:v>59.750000000006402</c:v>
                </c:pt>
                <c:pt idx="4076">
                  <c:v>59.7600000000064</c:v>
                </c:pt>
                <c:pt idx="4077">
                  <c:v>59.770000000006398</c:v>
                </c:pt>
                <c:pt idx="4078">
                  <c:v>59.780000000006403</c:v>
                </c:pt>
                <c:pt idx="4079">
                  <c:v>59.790000000006401</c:v>
                </c:pt>
                <c:pt idx="4080">
                  <c:v>59.800000000006399</c:v>
                </c:pt>
                <c:pt idx="4081">
                  <c:v>59.810000000006397</c:v>
                </c:pt>
                <c:pt idx="4082">
                  <c:v>59.820000000006402</c:v>
                </c:pt>
                <c:pt idx="4083">
                  <c:v>59.8300000000064</c:v>
                </c:pt>
                <c:pt idx="4084">
                  <c:v>59.840000000006398</c:v>
                </c:pt>
                <c:pt idx="4085">
                  <c:v>59.850000000006403</c:v>
                </c:pt>
                <c:pt idx="4086">
                  <c:v>59.860000000006401</c:v>
                </c:pt>
                <c:pt idx="4087">
                  <c:v>59.870000000006399</c:v>
                </c:pt>
                <c:pt idx="4088">
                  <c:v>59.880000000006397</c:v>
                </c:pt>
                <c:pt idx="4089">
                  <c:v>59.890000000006403</c:v>
                </c:pt>
                <c:pt idx="4090">
                  <c:v>59.900000000006401</c:v>
                </c:pt>
                <c:pt idx="4091">
                  <c:v>59.910000000006399</c:v>
                </c:pt>
                <c:pt idx="4092">
                  <c:v>59.920000000006397</c:v>
                </c:pt>
                <c:pt idx="4093">
                  <c:v>59.930000000006402</c:v>
                </c:pt>
                <c:pt idx="4094">
                  <c:v>59.9400000000064</c:v>
                </c:pt>
                <c:pt idx="4095">
                  <c:v>59.950000000006398</c:v>
                </c:pt>
                <c:pt idx="4096">
                  <c:v>59.960000000006403</c:v>
                </c:pt>
                <c:pt idx="4097">
                  <c:v>59.970000000006401</c:v>
                </c:pt>
                <c:pt idx="4098">
                  <c:v>59.980000000006399</c:v>
                </c:pt>
                <c:pt idx="4099">
                  <c:v>59.990000000006397</c:v>
                </c:pt>
                <c:pt idx="4100">
                  <c:v>60.000000000006402</c:v>
                </c:pt>
                <c:pt idx="4101">
                  <c:v>60.0100000000064</c:v>
                </c:pt>
                <c:pt idx="4102">
                  <c:v>60.020000000006398</c:v>
                </c:pt>
                <c:pt idx="4103">
                  <c:v>60.030000000006403</c:v>
                </c:pt>
                <c:pt idx="4104">
                  <c:v>60.040000000006401</c:v>
                </c:pt>
                <c:pt idx="4105">
                  <c:v>60.050000000006399</c:v>
                </c:pt>
                <c:pt idx="4106">
                  <c:v>60.060000000006397</c:v>
                </c:pt>
                <c:pt idx="4107">
                  <c:v>60.070000000006402</c:v>
                </c:pt>
                <c:pt idx="4108">
                  <c:v>60.0800000000064</c:v>
                </c:pt>
                <c:pt idx="4109">
                  <c:v>60.090000000006398</c:v>
                </c:pt>
                <c:pt idx="4110">
                  <c:v>60.100000000006403</c:v>
                </c:pt>
                <c:pt idx="4111">
                  <c:v>60.110000000006401</c:v>
                </c:pt>
                <c:pt idx="4112">
                  <c:v>60.120000000006399</c:v>
                </c:pt>
                <c:pt idx="4113">
                  <c:v>60.130000000006397</c:v>
                </c:pt>
                <c:pt idx="4114">
                  <c:v>60.140000000006403</c:v>
                </c:pt>
                <c:pt idx="4115">
                  <c:v>60.150000000006401</c:v>
                </c:pt>
                <c:pt idx="4116">
                  <c:v>60.160000000006399</c:v>
                </c:pt>
                <c:pt idx="4117">
                  <c:v>60.170000000006397</c:v>
                </c:pt>
                <c:pt idx="4118">
                  <c:v>60.180000000006402</c:v>
                </c:pt>
                <c:pt idx="4119">
                  <c:v>60.1900000000064</c:v>
                </c:pt>
                <c:pt idx="4120">
                  <c:v>60.200000000006398</c:v>
                </c:pt>
                <c:pt idx="4121">
                  <c:v>60.210000000006403</c:v>
                </c:pt>
                <c:pt idx="4122">
                  <c:v>60.220000000006401</c:v>
                </c:pt>
                <c:pt idx="4123">
                  <c:v>60.230000000006399</c:v>
                </c:pt>
                <c:pt idx="4124">
                  <c:v>60.240000000006397</c:v>
                </c:pt>
                <c:pt idx="4125">
                  <c:v>60.250000000006501</c:v>
                </c:pt>
                <c:pt idx="4126">
                  <c:v>60.2600000000064</c:v>
                </c:pt>
                <c:pt idx="4127">
                  <c:v>60.270000000006398</c:v>
                </c:pt>
                <c:pt idx="4128">
                  <c:v>60.280000000006503</c:v>
                </c:pt>
                <c:pt idx="4129">
                  <c:v>60.290000000006501</c:v>
                </c:pt>
                <c:pt idx="4130">
                  <c:v>60.300000000006499</c:v>
                </c:pt>
                <c:pt idx="4131">
                  <c:v>60.310000000006497</c:v>
                </c:pt>
                <c:pt idx="4132">
                  <c:v>60.320000000006502</c:v>
                </c:pt>
                <c:pt idx="4133">
                  <c:v>60.3300000000065</c:v>
                </c:pt>
                <c:pt idx="4134">
                  <c:v>60.340000000006498</c:v>
                </c:pt>
                <c:pt idx="4135">
                  <c:v>60.350000000006503</c:v>
                </c:pt>
                <c:pt idx="4136">
                  <c:v>60.360000000006501</c:v>
                </c:pt>
                <c:pt idx="4137">
                  <c:v>60.370000000006499</c:v>
                </c:pt>
                <c:pt idx="4138">
                  <c:v>60.380000000006497</c:v>
                </c:pt>
                <c:pt idx="4139">
                  <c:v>60.390000000006502</c:v>
                </c:pt>
                <c:pt idx="4140">
                  <c:v>60.4000000000065</c:v>
                </c:pt>
                <c:pt idx="4141">
                  <c:v>60.410000000006498</c:v>
                </c:pt>
                <c:pt idx="4142">
                  <c:v>60.420000000006503</c:v>
                </c:pt>
                <c:pt idx="4143">
                  <c:v>60.430000000006501</c:v>
                </c:pt>
                <c:pt idx="4144">
                  <c:v>60.440000000006499</c:v>
                </c:pt>
                <c:pt idx="4145">
                  <c:v>60.450000000006497</c:v>
                </c:pt>
                <c:pt idx="4146">
                  <c:v>60.460000000006502</c:v>
                </c:pt>
                <c:pt idx="4147">
                  <c:v>60.4700000000065</c:v>
                </c:pt>
                <c:pt idx="4148">
                  <c:v>60.480000000006498</c:v>
                </c:pt>
                <c:pt idx="4149">
                  <c:v>60.490000000006503</c:v>
                </c:pt>
                <c:pt idx="4150">
                  <c:v>60.500000000006501</c:v>
                </c:pt>
                <c:pt idx="4151">
                  <c:v>60.510000000006499</c:v>
                </c:pt>
                <c:pt idx="4152">
                  <c:v>60.520000000006497</c:v>
                </c:pt>
                <c:pt idx="4153">
                  <c:v>60.530000000006503</c:v>
                </c:pt>
                <c:pt idx="4154">
                  <c:v>60.540000000006501</c:v>
                </c:pt>
                <c:pt idx="4155">
                  <c:v>60.550000000006499</c:v>
                </c:pt>
                <c:pt idx="4156">
                  <c:v>60.560000000006497</c:v>
                </c:pt>
                <c:pt idx="4157">
                  <c:v>60.570000000006502</c:v>
                </c:pt>
                <c:pt idx="4158">
                  <c:v>60.5800000000065</c:v>
                </c:pt>
                <c:pt idx="4159">
                  <c:v>60.590000000006498</c:v>
                </c:pt>
                <c:pt idx="4160">
                  <c:v>60.600000000006503</c:v>
                </c:pt>
                <c:pt idx="4161">
                  <c:v>60.610000000006501</c:v>
                </c:pt>
                <c:pt idx="4162">
                  <c:v>60.620000000006499</c:v>
                </c:pt>
                <c:pt idx="4163">
                  <c:v>60.630000000006497</c:v>
                </c:pt>
                <c:pt idx="4164">
                  <c:v>60.640000000006502</c:v>
                </c:pt>
                <c:pt idx="4165">
                  <c:v>60.6500000000065</c:v>
                </c:pt>
                <c:pt idx="4166">
                  <c:v>60.660000000006498</c:v>
                </c:pt>
                <c:pt idx="4167">
                  <c:v>60.670000000006503</c:v>
                </c:pt>
                <c:pt idx="4168">
                  <c:v>60.680000000006501</c:v>
                </c:pt>
                <c:pt idx="4169">
                  <c:v>60.690000000006499</c:v>
                </c:pt>
                <c:pt idx="4170">
                  <c:v>60.700000000006497</c:v>
                </c:pt>
                <c:pt idx="4171">
                  <c:v>60.710000000006502</c:v>
                </c:pt>
                <c:pt idx="4172">
                  <c:v>60.7200000000065</c:v>
                </c:pt>
                <c:pt idx="4173">
                  <c:v>60.730000000006498</c:v>
                </c:pt>
                <c:pt idx="4174">
                  <c:v>60.740000000006503</c:v>
                </c:pt>
                <c:pt idx="4175">
                  <c:v>60.750000000006501</c:v>
                </c:pt>
                <c:pt idx="4176">
                  <c:v>60.760000000006499</c:v>
                </c:pt>
                <c:pt idx="4177">
                  <c:v>60.770000000006497</c:v>
                </c:pt>
                <c:pt idx="4178">
                  <c:v>60.780000000006503</c:v>
                </c:pt>
                <c:pt idx="4179">
                  <c:v>60.790000000006501</c:v>
                </c:pt>
                <c:pt idx="4180">
                  <c:v>60.800000000006499</c:v>
                </c:pt>
                <c:pt idx="4181">
                  <c:v>60.810000000006497</c:v>
                </c:pt>
                <c:pt idx="4182">
                  <c:v>60.820000000006502</c:v>
                </c:pt>
                <c:pt idx="4183">
                  <c:v>60.8300000000065</c:v>
                </c:pt>
                <c:pt idx="4184">
                  <c:v>60.840000000006498</c:v>
                </c:pt>
                <c:pt idx="4185">
                  <c:v>60.850000000006503</c:v>
                </c:pt>
                <c:pt idx="4186">
                  <c:v>60.860000000006501</c:v>
                </c:pt>
                <c:pt idx="4187">
                  <c:v>60.870000000006499</c:v>
                </c:pt>
                <c:pt idx="4188">
                  <c:v>60.880000000006497</c:v>
                </c:pt>
                <c:pt idx="4189">
                  <c:v>60.890000000006602</c:v>
                </c:pt>
                <c:pt idx="4190">
                  <c:v>60.9000000000065</c:v>
                </c:pt>
                <c:pt idx="4191">
                  <c:v>60.910000000006498</c:v>
                </c:pt>
                <c:pt idx="4192">
                  <c:v>60.920000000006603</c:v>
                </c:pt>
                <c:pt idx="4193">
                  <c:v>60.930000000006601</c:v>
                </c:pt>
                <c:pt idx="4194">
                  <c:v>60.940000000006599</c:v>
                </c:pt>
                <c:pt idx="4195">
                  <c:v>60.950000000006597</c:v>
                </c:pt>
                <c:pt idx="4196">
                  <c:v>60.960000000006602</c:v>
                </c:pt>
                <c:pt idx="4197">
                  <c:v>60.9700000000066</c:v>
                </c:pt>
                <c:pt idx="4198">
                  <c:v>60.980000000006598</c:v>
                </c:pt>
                <c:pt idx="4199">
                  <c:v>60.990000000006603</c:v>
                </c:pt>
                <c:pt idx="4200">
                  <c:v>61.000000000006601</c:v>
                </c:pt>
                <c:pt idx="4201">
                  <c:v>61.010000000006599</c:v>
                </c:pt>
                <c:pt idx="4202">
                  <c:v>61.020000000006597</c:v>
                </c:pt>
                <c:pt idx="4203">
                  <c:v>61.030000000006602</c:v>
                </c:pt>
                <c:pt idx="4204">
                  <c:v>61.0400000000066</c:v>
                </c:pt>
                <c:pt idx="4205">
                  <c:v>61.050000000006598</c:v>
                </c:pt>
                <c:pt idx="4206">
                  <c:v>61.060000000006603</c:v>
                </c:pt>
                <c:pt idx="4207">
                  <c:v>61.070000000006601</c:v>
                </c:pt>
                <c:pt idx="4208">
                  <c:v>61.080000000006599</c:v>
                </c:pt>
                <c:pt idx="4209">
                  <c:v>61.090000000006597</c:v>
                </c:pt>
                <c:pt idx="4210">
                  <c:v>61.100000000006602</c:v>
                </c:pt>
                <c:pt idx="4211">
                  <c:v>61.1100000000066</c:v>
                </c:pt>
                <c:pt idx="4212">
                  <c:v>61.120000000006598</c:v>
                </c:pt>
                <c:pt idx="4213">
                  <c:v>61.130000000006603</c:v>
                </c:pt>
                <c:pt idx="4214">
                  <c:v>61.140000000006602</c:v>
                </c:pt>
                <c:pt idx="4215">
                  <c:v>61.1500000000066</c:v>
                </c:pt>
                <c:pt idx="4216">
                  <c:v>61.160000000006598</c:v>
                </c:pt>
                <c:pt idx="4217">
                  <c:v>61.170000000006603</c:v>
                </c:pt>
                <c:pt idx="4218">
                  <c:v>61.180000000006601</c:v>
                </c:pt>
                <c:pt idx="4219">
                  <c:v>61.190000000006599</c:v>
                </c:pt>
                <c:pt idx="4220">
                  <c:v>61.200000000006597</c:v>
                </c:pt>
                <c:pt idx="4221">
                  <c:v>61.210000000006602</c:v>
                </c:pt>
                <c:pt idx="4222">
                  <c:v>61.2200000000066</c:v>
                </c:pt>
                <c:pt idx="4223">
                  <c:v>61.230000000006598</c:v>
                </c:pt>
                <c:pt idx="4224">
                  <c:v>61.240000000006603</c:v>
                </c:pt>
                <c:pt idx="4225">
                  <c:v>61.250000000006601</c:v>
                </c:pt>
                <c:pt idx="4226">
                  <c:v>61.260000000006599</c:v>
                </c:pt>
                <c:pt idx="4227">
                  <c:v>61.270000000006597</c:v>
                </c:pt>
                <c:pt idx="4228">
                  <c:v>61.280000000006602</c:v>
                </c:pt>
                <c:pt idx="4229">
                  <c:v>61.2900000000066</c:v>
                </c:pt>
                <c:pt idx="4230">
                  <c:v>61.300000000006598</c:v>
                </c:pt>
                <c:pt idx="4231">
                  <c:v>61.310000000006603</c:v>
                </c:pt>
                <c:pt idx="4232">
                  <c:v>61.320000000006601</c:v>
                </c:pt>
                <c:pt idx="4233">
                  <c:v>61.330000000006599</c:v>
                </c:pt>
                <c:pt idx="4234">
                  <c:v>61.340000000006597</c:v>
                </c:pt>
                <c:pt idx="4235">
                  <c:v>61.350000000006602</c:v>
                </c:pt>
                <c:pt idx="4236">
                  <c:v>61.3600000000066</c:v>
                </c:pt>
                <c:pt idx="4237">
                  <c:v>61.370000000006598</c:v>
                </c:pt>
                <c:pt idx="4238">
                  <c:v>61.380000000006603</c:v>
                </c:pt>
                <c:pt idx="4239">
                  <c:v>61.390000000006602</c:v>
                </c:pt>
                <c:pt idx="4240">
                  <c:v>61.4000000000066</c:v>
                </c:pt>
                <c:pt idx="4241">
                  <c:v>61.410000000006598</c:v>
                </c:pt>
                <c:pt idx="4242">
                  <c:v>61.420000000006603</c:v>
                </c:pt>
                <c:pt idx="4243">
                  <c:v>61.430000000006601</c:v>
                </c:pt>
                <c:pt idx="4244">
                  <c:v>61.440000000006599</c:v>
                </c:pt>
                <c:pt idx="4245">
                  <c:v>61.450000000006597</c:v>
                </c:pt>
                <c:pt idx="4246">
                  <c:v>61.460000000006602</c:v>
                </c:pt>
                <c:pt idx="4247">
                  <c:v>61.4700000000066</c:v>
                </c:pt>
                <c:pt idx="4248">
                  <c:v>61.480000000006598</c:v>
                </c:pt>
                <c:pt idx="4249">
                  <c:v>61.490000000006603</c:v>
                </c:pt>
                <c:pt idx="4250">
                  <c:v>61.500000000006601</c:v>
                </c:pt>
                <c:pt idx="4251">
                  <c:v>61.510000000006599</c:v>
                </c:pt>
                <c:pt idx="4252">
                  <c:v>61.520000000006597</c:v>
                </c:pt>
                <c:pt idx="4253">
                  <c:v>61.530000000006702</c:v>
                </c:pt>
                <c:pt idx="4254">
                  <c:v>61.5400000000066</c:v>
                </c:pt>
                <c:pt idx="4255">
                  <c:v>61.550000000006598</c:v>
                </c:pt>
                <c:pt idx="4256">
                  <c:v>61.560000000006703</c:v>
                </c:pt>
                <c:pt idx="4257">
                  <c:v>61.570000000006701</c:v>
                </c:pt>
                <c:pt idx="4258">
                  <c:v>61.580000000006699</c:v>
                </c:pt>
                <c:pt idx="4259">
                  <c:v>61.590000000006697</c:v>
                </c:pt>
                <c:pt idx="4260">
                  <c:v>61.600000000006702</c:v>
                </c:pt>
                <c:pt idx="4261">
                  <c:v>61.6100000000067</c:v>
                </c:pt>
                <c:pt idx="4262">
                  <c:v>61.620000000006698</c:v>
                </c:pt>
                <c:pt idx="4263">
                  <c:v>61.630000000006703</c:v>
                </c:pt>
                <c:pt idx="4264">
                  <c:v>61.640000000006701</c:v>
                </c:pt>
                <c:pt idx="4265">
                  <c:v>61.650000000006699</c:v>
                </c:pt>
                <c:pt idx="4266">
                  <c:v>61.660000000006697</c:v>
                </c:pt>
                <c:pt idx="4267">
                  <c:v>61.670000000006702</c:v>
                </c:pt>
                <c:pt idx="4268">
                  <c:v>61.6800000000067</c:v>
                </c:pt>
                <c:pt idx="4269">
                  <c:v>61.690000000006698</c:v>
                </c:pt>
                <c:pt idx="4270">
                  <c:v>61.700000000006703</c:v>
                </c:pt>
                <c:pt idx="4271">
                  <c:v>61.710000000006701</c:v>
                </c:pt>
                <c:pt idx="4272">
                  <c:v>61.720000000006699</c:v>
                </c:pt>
                <c:pt idx="4273">
                  <c:v>61.730000000006697</c:v>
                </c:pt>
                <c:pt idx="4274">
                  <c:v>61.740000000006702</c:v>
                </c:pt>
                <c:pt idx="4275">
                  <c:v>61.7500000000067</c:v>
                </c:pt>
                <c:pt idx="4276">
                  <c:v>61.760000000006698</c:v>
                </c:pt>
                <c:pt idx="4277">
                  <c:v>61.770000000006704</c:v>
                </c:pt>
                <c:pt idx="4278">
                  <c:v>61.780000000006702</c:v>
                </c:pt>
                <c:pt idx="4279">
                  <c:v>61.7900000000067</c:v>
                </c:pt>
                <c:pt idx="4280">
                  <c:v>61.800000000006698</c:v>
                </c:pt>
                <c:pt idx="4281">
                  <c:v>61.810000000006703</c:v>
                </c:pt>
                <c:pt idx="4282">
                  <c:v>61.820000000006701</c:v>
                </c:pt>
                <c:pt idx="4283">
                  <c:v>61.830000000006699</c:v>
                </c:pt>
                <c:pt idx="4284">
                  <c:v>61.840000000006697</c:v>
                </c:pt>
                <c:pt idx="4285">
                  <c:v>61.850000000006702</c:v>
                </c:pt>
                <c:pt idx="4286">
                  <c:v>61.8600000000067</c:v>
                </c:pt>
                <c:pt idx="4287">
                  <c:v>61.870000000006698</c:v>
                </c:pt>
                <c:pt idx="4288">
                  <c:v>61.880000000006703</c:v>
                </c:pt>
                <c:pt idx="4289">
                  <c:v>61.890000000006701</c:v>
                </c:pt>
                <c:pt idx="4290">
                  <c:v>61.900000000006699</c:v>
                </c:pt>
                <c:pt idx="4291">
                  <c:v>61.910000000006697</c:v>
                </c:pt>
                <c:pt idx="4292">
                  <c:v>61.920000000006702</c:v>
                </c:pt>
                <c:pt idx="4293">
                  <c:v>61.9300000000067</c:v>
                </c:pt>
                <c:pt idx="4294">
                  <c:v>61.940000000006698</c:v>
                </c:pt>
                <c:pt idx="4295">
                  <c:v>61.950000000006703</c:v>
                </c:pt>
                <c:pt idx="4296">
                  <c:v>61.960000000006701</c:v>
                </c:pt>
                <c:pt idx="4297">
                  <c:v>61.970000000006699</c:v>
                </c:pt>
                <c:pt idx="4298">
                  <c:v>61.980000000006697</c:v>
                </c:pt>
                <c:pt idx="4299">
                  <c:v>61.990000000006702</c:v>
                </c:pt>
                <c:pt idx="4300">
                  <c:v>62.0000000000067</c:v>
                </c:pt>
                <c:pt idx="4301">
                  <c:v>62.010000000006698</c:v>
                </c:pt>
                <c:pt idx="4302">
                  <c:v>62.020000000006704</c:v>
                </c:pt>
                <c:pt idx="4303">
                  <c:v>62.030000000006702</c:v>
                </c:pt>
                <c:pt idx="4304">
                  <c:v>62.0400000000067</c:v>
                </c:pt>
                <c:pt idx="4305">
                  <c:v>62.050000000006698</c:v>
                </c:pt>
                <c:pt idx="4306">
                  <c:v>62.060000000006703</c:v>
                </c:pt>
                <c:pt idx="4307">
                  <c:v>62.070000000006701</c:v>
                </c:pt>
                <c:pt idx="4308">
                  <c:v>62.080000000006699</c:v>
                </c:pt>
                <c:pt idx="4309">
                  <c:v>62.090000000006697</c:v>
                </c:pt>
                <c:pt idx="4310">
                  <c:v>62.100000000006702</c:v>
                </c:pt>
                <c:pt idx="4311">
                  <c:v>62.1100000000067</c:v>
                </c:pt>
                <c:pt idx="4312">
                  <c:v>62.120000000006698</c:v>
                </c:pt>
                <c:pt idx="4313">
                  <c:v>62.130000000006703</c:v>
                </c:pt>
                <c:pt idx="4314">
                  <c:v>62.140000000006701</c:v>
                </c:pt>
                <c:pt idx="4315">
                  <c:v>62.150000000006699</c:v>
                </c:pt>
                <c:pt idx="4316">
                  <c:v>62.160000000006697</c:v>
                </c:pt>
                <c:pt idx="4317">
                  <c:v>62.170000000006802</c:v>
                </c:pt>
                <c:pt idx="4318">
                  <c:v>62.1800000000067</c:v>
                </c:pt>
                <c:pt idx="4319">
                  <c:v>62.190000000006698</c:v>
                </c:pt>
                <c:pt idx="4320">
                  <c:v>62.200000000006803</c:v>
                </c:pt>
                <c:pt idx="4321">
                  <c:v>62.210000000006801</c:v>
                </c:pt>
                <c:pt idx="4322">
                  <c:v>62.220000000006799</c:v>
                </c:pt>
                <c:pt idx="4323">
                  <c:v>62.230000000006797</c:v>
                </c:pt>
                <c:pt idx="4324">
                  <c:v>62.240000000006802</c:v>
                </c:pt>
                <c:pt idx="4325">
                  <c:v>62.2500000000068</c:v>
                </c:pt>
                <c:pt idx="4326">
                  <c:v>62.260000000006798</c:v>
                </c:pt>
                <c:pt idx="4327">
                  <c:v>62.270000000006803</c:v>
                </c:pt>
                <c:pt idx="4328">
                  <c:v>62.280000000006801</c:v>
                </c:pt>
                <c:pt idx="4329">
                  <c:v>62.290000000006799</c:v>
                </c:pt>
                <c:pt idx="4330">
                  <c:v>62.300000000006797</c:v>
                </c:pt>
                <c:pt idx="4331">
                  <c:v>62.310000000006802</c:v>
                </c:pt>
                <c:pt idx="4332">
                  <c:v>62.3200000000068</c:v>
                </c:pt>
                <c:pt idx="4333">
                  <c:v>62.330000000006798</c:v>
                </c:pt>
                <c:pt idx="4334">
                  <c:v>62.340000000006803</c:v>
                </c:pt>
                <c:pt idx="4335">
                  <c:v>62.350000000006801</c:v>
                </c:pt>
                <c:pt idx="4336">
                  <c:v>62.360000000006799</c:v>
                </c:pt>
                <c:pt idx="4337">
                  <c:v>62.370000000006797</c:v>
                </c:pt>
                <c:pt idx="4338">
                  <c:v>62.380000000006802</c:v>
                </c:pt>
                <c:pt idx="4339">
                  <c:v>62.3900000000068</c:v>
                </c:pt>
                <c:pt idx="4340">
                  <c:v>62.400000000006798</c:v>
                </c:pt>
                <c:pt idx="4341">
                  <c:v>62.410000000006796</c:v>
                </c:pt>
                <c:pt idx="4342">
                  <c:v>62.420000000006802</c:v>
                </c:pt>
                <c:pt idx="4343">
                  <c:v>62.4300000000068</c:v>
                </c:pt>
                <c:pt idx="4344">
                  <c:v>62.440000000006798</c:v>
                </c:pt>
                <c:pt idx="4345">
                  <c:v>62.450000000006803</c:v>
                </c:pt>
                <c:pt idx="4346">
                  <c:v>62.460000000006801</c:v>
                </c:pt>
                <c:pt idx="4347">
                  <c:v>62.470000000006799</c:v>
                </c:pt>
                <c:pt idx="4348">
                  <c:v>62.480000000006797</c:v>
                </c:pt>
                <c:pt idx="4349">
                  <c:v>62.490000000006802</c:v>
                </c:pt>
                <c:pt idx="4350">
                  <c:v>62.5000000000068</c:v>
                </c:pt>
                <c:pt idx="4351">
                  <c:v>62.510000000006798</c:v>
                </c:pt>
                <c:pt idx="4352">
                  <c:v>62.520000000006803</c:v>
                </c:pt>
                <c:pt idx="4353">
                  <c:v>62.530000000006801</c:v>
                </c:pt>
                <c:pt idx="4354">
                  <c:v>62.540000000006799</c:v>
                </c:pt>
                <c:pt idx="4355">
                  <c:v>62.550000000006797</c:v>
                </c:pt>
                <c:pt idx="4356">
                  <c:v>62.560000000006802</c:v>
                </c:pt>
                <c:pt idx="4357">
                  <c:v>62.5700000000068</c:v>
                </c:pt>
                <c:pt idx="4358">
                  <c:v>62.580000000006798</c:v>
                </c:pt>
                <c:pt idx="4359">
                  <c:v>62.590000000006803</c:v>
                </c:pt>
                <c:pt idx="4360">
                  <c:v>62.600000000006801</c:v>
                </c:pt>
                <c:pt idx="4361">
                  <c:v>62.610000000006799</c:v>
                </c:pt>
                <c:pt idx="4362">
                  <c:v>62.620000000006797</c:v>
                </c:pt>
                <c:pt idx="4363">
                  <c:v>62.630000000006802</c:v>
                </c:pt>
                <c:pt idx="4364">
                  <c:v>62.6400000000068</c:v>
                </c:pt>
                <c:pt idx="4365">
                  <c:v>62.650000000006798</c:v>
                </c:pt>
                <c:pt idx="4366">
                  <c:v>62.660000000006796</c:v>
                </c:pt>
                <c:pt idx="4367">
                  <c:v>62.670000000006802</c:v>
                </c:pt>
                <c:pt idx="4368">
                  <c:v>62.6800000000068</c:v>
                </c:pt>
                <c:pt idx="4369">
                  <c:v>62.690000000006798</c:v>
                </c:pt>
                <c:pt idx="4370">
                  <c:v>62.700000000006803</c:v>
                </c:pt>
                <c:pt idx="4371">
                  <c:v>62.710000000006801</c:v>
                </c:pt>
                <c:pt idx="4372">
                  <c:v>62.720000000006799</c:v>
                </c:pt>
                <c:pt idx="4373">
                  <c:v>62.730000000006797</c:v>
                </c:pt>
                <c:pt idx="4374">
                  <c:v>62.740000000006802</c:v>
                </c:pt>
                <c:pt idx="4375">
                  <c:v>62.7500000000068</c:v>
                </c:pt>
                <c:pt idx="4376">
                  <c:v>62.760000000006798</c:v>
                </c:pt>
                <c:pt idx="4377">
                  <c:v>62.770000000006803</c:v>
                </c:pt>
                <c:pt idx="4378">
                  <c:v>62.780000000006801</c:v>
                </c:pt>
                <c:pt idx="4379">
                  <c:v>62.790000000006799</c:v>
                </c:pt>
                <c:pt idx="4380">
                  <c:v>62.800000000006797</c:v>
                </c:pt>
                <c:pt idx="4381">
                  <c:v>62.810000000006902</c:v>
                </c:pt>
                <c:pt idx="4382">
                  <c:v>62.8200000000068</c:v>
                </c:pt>
                <c:pt idx="4383">
                  <c:v>62.830000000006798</c:v>
                </c:pt>
                <c:pt idx="4384">
                  <c:v>62.840000000006903</c:v>
                </c:pt>
                <c:pt idx="4385">
                  <c:v>62.850000000006901</c:v>
                </c:pt>
                <c:pt idx="4386">
                  <c:v>62.860000000006899</c:v>
                </c:pt>
                <c:pt idx="4387">
                  <c:v>62.870000000006897</c:v>
                </c:pt>
                <c:pt idx="4388">
                  <c:v>62.880000000006902</c:v>
                </c:pt>
                <c:pt idx="4389">
                  <c:v>62.8900000000069</c:v>
                </c:pt>
                <c:pt idx="4390">
                  <c:v>62.900000000006898</c:v>
                </c:pt>
                <c:pt idx="4391">
                  <c:v>62.910000000006903</c:v>
                </c:pt>
                <c:pt idx="4392">
                  <c:v>62.920000000006901</c:v>
                </c:pt>
                <c:pt idx="4393">
                  <c:v>62.930000000006899</c:v>
                </c:pt>
                <c:pt idx="4394">
                  <c:v>62.940000000006897</c:v>
                </c:pt>
                <c:pt idx="4395">
                  <c:v>62.950000000006902</c:v>
                </c:pt>
                <c:pt idx="4396">
                  <c:v>62.9600000000069</c:v>
                </c:pt>
                <c:pt idx="4397">
                  <c:v>62.970000000006898</c:v>
                </c:pt>
                <c:pt idx="4398">
                  <c:v>62.980000000006903</c:v>
                </c:pt>
                <c:pt idx="4399">
                  <c:v>62.990000000006901</c:v>
                </c:pt>
                <c:pt idx="4400">
                  <c:v>63.000000000006899</c:v>
                </c:pt>
                <c:pt idx="4401">
                  <c:v>63.010000000006897</c:v>
                </c:pt>
                <c:pt idx="4402">
                  <c:v>63.020000000006902</c:v>
                </c:pt>
                <c:pt idx="4403">
                  <c:v>63.030000000006901</c:v>
                </c:pt>
                <c:pt idx="4404">
                  <c:v>63.040000000006899</c:v>
                </c:pt>
                <c:pt idx="4405">
                  <c:v>63.050000000006897</c:v>
                </c:pt>
                <c:pt idx="4406">
                  <c:v>63.060000000006902</c:v>
                </c:pt>
                <c:pt idx="4407">
                  <c:v>63.0700000000069</c:v>
                </c:pt>
                <c:pt idx="4408">
                  <c:v>63.080000000006898</c:v>
                </c:pt>
                <c:pt idx="4409">
                  <c:v>63.090000000006903</c:v>
                </c:pt>
                <c:pt idx="4410">
                  <c:v>63.100000000006901</c:v>
                </c:pt>
                <c:pt idx="4411">
                  <c:v>63.110000000006899</c:v>
                </c:pt>
                <c:pt idx="4412">
                  <c:v>63.120000000006897</c:v>
                </c:pt>
                <c:pt idx="4413">
                  <c:v>63.130000000006902</c:v>
                </c:pt>
                <c:pt idx="4414">
                  <c:v>63.1400000000069</c:v>
                </c:pt>
                <c:pt idx="4415">
                  <c:v>63.150000000006898</c:v>
                </c:pt>
                <c:pt idx="4416">
                  <c:v>63.160000000006903</c:v>
                </c:pt>
                <c:pt idx="4417">
                  <c:v>63.170000000006901</c:v>
                </c:pt>
                <c:pt idx="4418">
                  <c:v>63.180000000006899</c:v>
                </c:pt>
                <c:pt idx="4419">
                  <c:v>63.190000000006897</c:v>
                </c:pt>
                <c:pt idx="4420">
                  <c:v>63.200000000006902</c:v>
                </c:pt>
                <c:pt idx="4421">
                  <c:v>63.2100000000069</c:v>
                </c:pt>
                <c:pt idx="4422">
                  <c:v>63.220000000006898</c:v>
                </c:pt>
                <c:pt idx="4423">
                  <c:v>63.230000000006903</c:v>
                </c:pt>
                <c:pt idx="4424">
                  <c:v>63.240000000006901</c:v>
                </c:pt>
                <c:pt idx="4425">
                  <c:v>63.250000000006899</c:v>
                </c:pt>
                <c:pt idx="4426">
                  <c:v>63.260000000006897</c:v>
                </c:pt>
                <c:pt idx="4427">
                  <c:v>63.270000000006902</c:v>
                </c:pt>
                <c:pt idx="4428">
                  <c:v>63.280000000006901</c:v>
                </c:pt>
                <c:pt idx="4429">
                  <c:v>63.290000000006899</c:v>
                </c:pt>
                <c:pt idx="4430">
                  <c:v>63.300000000006897</c:v>
                </c:pt>
                <c:pt idx="4431">
                  <c:v>63.310000000006902</c:v>
                </c:pt>
                <c:pt idx="4432">
                  <c:v>63.3200000000069</c:v>
                </c:pt>
                <c:pt idx="4433">
                  <c:v>63.330000000006898</c:v>
                </c:pt>
                <c:pt idx="4434">
                  <c:v>63.340000000006903</c:v>
                </c:pt>
                <c:pt idx="4435">
                  <c:v>63.350000000006901</c:v>
                </c:pt>
                <c:pt idx="4436">
                  <c:v>63.360000000006899</c:v>
                </c:pt>
                <c:pt idx="4437">
                  <c:v>63.370000000006897</c:v>
                </c:pt>
                <c:pt idx="4438">
                  <c:v>63.380000000006902</c:v>
                </c:pt>
                <c:pt idx="4439">
                  <c:v>63.3900000000069</c:v>
                </c:pt>
                <c:pt idx="4440">
                  <c:v>63.400000000006898</c:v>
                </c:pt>
                <c:pt idx="4441">
                  <c:v>63.410000000006903</c:v>
                </c:pt>
                <c:pt idx="4442">
                  <c:v>63.420000000006901</c:v>
                </c:pt>
                <c:pt idx="4443">
                  <c:v>63.430000000006899</c:v>
                </c:pt>
                <c:pt idx="4444">
                  <c:v>63.440000000006897</c:v>
                </c:pt>
                <c:pt idx="4445">
                  <c:v>63.450000000007002</c:v>
                </c:pt>
                <c:pt idx="4446">
                  <c:v>63.4600000000069</c:v>
                </c:pt>
                <c:pt idx="4447">
                  <c:v>63.470000000006898</c:v>
                </c:pt>
                <c:pt idx="4448">
                  <c:v>63.480000000007003</c:v>
                </c:pt>
                <c:pt idx="4449">
                  <c:v>63.490000000007001</c:v>
                </c:pt>
                <c:pt idx="4450">
                  <c:v>63.500000000006999</c:v>
                </c:pt>
                <c:pt idx="4451">
                  <c:v>63.510000000006997</c:v>
                </c:pt>
                <c:pt idx="4452">
                  <c:v>63.520000000007002</c:v>
                </c:pt>
                <c:pt idx="4453">
                  <c:v>63.530000000007</c:v>
                </c:pt>
                <c:pt idx="4454">
                  <c:v>63.540000000006998</c:v>
                </c:pt>
                <c:pt idx="4455">
                  <c:v>63.550000000007003</c:v>
                </c:pt>
                <c:pt idx="4456">
                  <c:v>63.560000000007001</c:v>
                </c:pt>
                <c:pt idx="4457">
                  <c:v>63.570000000006999</c:v>
                </c:pt>
                <c:pt idx="4458">
                  <c:v>63.580000000006997</c:v>
                </c:pt>
                <c:pt idx="4459">
                  <c:v>63.590000000007002</c:v>
                </c:pt>
                <c:pt idx="4460">
                  <c:v>63.600000000007</c:v>
                </c:pt>
                <c:pt idx="4461">
                  <c:v>63.610000000006998</c:v>
                </c:pt>
                <c:pt idx="4462">
                  <c:v>63.620000000007003</c:v>
                </c:pt>
                <c:pt idx="4463">
                  <c:v>63.630000000007001</c:v>
                </c:pt>
                <c:pt idx="4464">
                  <c:v>63.640000000006999</c:v>
                </c:pt>
                <c:pt idx="4465">
                  <c:v>63.650000000006997</c:v>
                </c:pt>
                <c:pt idx="4466">
                  <c:v>63.660000000007003</c:v>
                </c:pt>
                <c:pt idx="4467">
                  <c:v>63.670000000007001</c:v>
                </c:pt>
                <c:pt idx="4468">
                  <c:v>63.680000000006999</c:v>
                </c:pt>
                <c:pt idx="4469">
                  <c:v>63.690000000006997</c:v>
                </c:pt>
                <c:pt idx="4470">
                  <c:v>63.700000000007002</c:v>
                </c:pt>
                <c:pt idx="4471">
                  <c:v>63.710000000007</c:v>
                </c:pt>
                <c:pt idx="4472">
                  <c:v>63.720000000006998</c:v>
                </c:pt>
                <c:pt idx="4473">
                  <c:v>63.730000000007003</c:v>
                </c:pt>
                <c:pt idx="4474">
                  <c:v>63.740000000007001</c:v>
                </c:pt>
                <c:pt idx="4475">
                  <c:v>63.750000000006999</c:v>
                </c:pt>
                <c:pt idx="4476">
                  <c:v>63.760000000006997</c:v>
                </c:pt>
                <c:pt idx="4477">
                  <c:v>63.770000000007002</c:v>
                </c:pt>
                <c:pt idx="4478">
                  <c:v>63.780000000007</c:v>
                </c:pt>
                <c:pt idx="4479">
                  <c:v>63.790000000006998</c:v>
                </c:pt>
                <c:pt idx="4480">
                  <c:v>63.800000000007003</c:v>
                </c:pt>
                <c:pt idx="4481">
                  <c:v>63.810000000007001</c:v>
                </c:pt>
                <c:pt idx="4482">
                  <c:v>63.820000000006999</c:v>
                </c:pt>
                <c:pt idx="4483">
                  <c:v>63.830000000006997</c:v>
                </c:pt>
                <c:pt idx="4484">
                  <c:v>63.840000000007002</c:v>
                </c:pt>
                <c:pt idx="4485">
                  <c:v>63.850000000007</c:v>
                </c:pt>
                <c:pt idx="4486">
                  <c:v>63.860000000006998</c:v>
                </c:pt>
                <c:pt idx="4487">
                  <c:v>63.870000000007003</c:v>
                </c:pt>
                <c:pt idx="4488">
                  <c:v>63.880000000007001</c:v>
                </c:pt>
                <c:pt idx="4489">
                  <c:v>63.890000000006999</c:v>
                </c:pt>
                <c:pt idx="4490">
                  <c:v>63.900000000006997</c:v>
                </c:pt>
                <c:pt idx="4491">
                  <c:v>63.910000000007003</c:v>
                </c:pt>
                <c:pt idx="4492">
                  <c:v>63.920000000007001</c:v>
                </c:pt>
                <c:pt idx="4493">
                  <c:v>63.930000000006999</c:v>
                </c:pt>
                <c:pt idx="4494">
                  <c:v>63.940000000006997</c:v>
                </c:pt>
                <c:pt idx="4495">
                  <c:v>63.950000000007002</c:v>
                </c:pt>
                <c:pt idx="4496">
                  <c:v>63.960000000007</c:v>
                </c:pt>
                <c:pt idx="4497">
                  <c:v>63.970000000006998</c:v>
                </c:pt>
                <c:pt idx="4498">
                  <c:v>63.980000000007003</c:v>
                </c:pt>
                <c:pt idx="4499">
                  <c:v>63.990000000007001</c:v>
                </c:pt>
                <c:pt idx="4500">
                  <c:v>64.000000000007006</c:v>
                </c:pt>
                <c:pt idx="4501">
                  <c:v>64.010000000006997</c:v>
                </c:pt>
                <c:pt idx="4502">
                  <c:v>64.020000000007002</c:v>
                </c:pt>
                <c:pt idx="4503">
                  <c:v>64.030000000007007</c:v>
                </c:pt>
                <c:pt idx="4504">
                  <c:v>64.040000000006998</c:v>
                </c:pt>
                <c:pt idx="4505">
                  <c:v>64.050000000007003</c:v>
                </c:pt>
                <c:pt idx="4506">
                  <c:v>64.060000000006994</c:v>
                </c:pt>
                <c:pt idx="4507">
                  <c:v>64.070000000006999</c:v>
                </c:pt>
                <c:pt idx="4508">
                  <c:v>64.080000000007004</c:v>
                </c:pt>
                <c:pt idx="4509">
                  <c:v>64.090000000007095</c:v>
                </c:pt>
                <c:pt idx="4510">
                  <c:v>64.1000000000071</c:v>
                </c:pt>
                <c:pt idx="4511">
                  <c:v>64.110000000007005</c:v>
                </c:pt>
                <c:pt idx="4512">
                  <c:v>64.120000000007096</c:v>
                </c:pt>
                <c:pt idx="4513">
                  <c:v>64.130000000007101</c:v>
                </c:pt>
                <c:pt idx="4514">
                  <c:v>64.140000000007106</c:v>
                </c:pt>
                <c:pt idx="4515">
                  <c:v>64.150000000007097</c:v>
                </c:pt>
                <c:pt idx="4516">
                  <c:v>64.160000000007102</c:v>
                </c:pt>
                <c:pt idx="4517">
                  <c:v>64.170000000007093</c:v>
                </c:pt>
                <c:pt idx="4518">
                  <c:v>64.180000000007098</c:v>
                </c:pt>
                <c:pt idx="4519">
                  <c:v>64.190000000007103</c:v>
                </c:pt>
                <c:pt idx="4520">
                  <c:v>64.200000000007094</c:v>
                </c:pt>
                <c:pt idx="4521">
                  <c:v>64.210000000007099</c:v>
                </c:pt>
                <c:pt idx="4522">
                  <c:v>64.220000000007104</c:v>
                </c:pt>
                <c:pt idx="4523">
                  <c:v>64.230000000007095</c:v>
                </c:pt>
                <c:pt idx="4524">
                  <c:v>64.2400000000071</c:v>
                </c:pt>
                <c:pt idx="4525">
                  <c:v>64.250000000007105</c:v>
                </c:pt>
                <c:pt idx="4526">
                  <c:v>64.260000000007096</c:v>
                </c:pt>
                <c:pt idx="4527">
                  <c:v>64.270000000007101</c:v>
                </c:pt>
                <c:pt idx="4528">
                  <c:v>64.280000000007107</c:v>
                </c:pt>
                <c:pt idx="4529">
                  <c:v>64.290000000007097</c:v>
                </c:pt>
                <c:pt idx="4530">
                  <c:v>64.300000000007103</c:v>
                </c:pt>
                <c:pt idx="4531">
                  <c:v>64.310000000007093</c:v>
                </c:pt>
                <c:pt idx="4532">
                  <c:v>64.320000000007099</c:v>
                </c:pt>
                <c:pt idx="4533">
                  <c:v>64.330000000007104</c:v>
                </c:pt>
                <c:pt idx="4534">
                  <c:v>64.340000000007095</c:v>
                </c:pt>
                <c:pt idx="4535">
                  <c:v>64.3500000000071</c:v>
                </c:pt>
                <c:pt idx="4536">
                  <c:v>64.360000000007105</c:v>
                </c:pt>
                <c:pt idx="4537">
                  <c:v>64.370000000007096</c:v>
                </c:pt>
                <c:pt idx="4538">
                  <c:v>64.380000000007101</c:v>
                </c:pt>
                <c:pt idx="4539">
                  <c:v>64.390000000007106</c:v>
                </c:pt>
                <c:pt idx="4540">
                  <c:v>64.400000000007097</c:v>
                </c:pt>
                <c:pt idx="4541">
                  <c:v>64.410000000007102</c:v>
                </c:pt>
                <c:pt idx="4542">
                  <c:v>64.420000000007093</c:v>
                </c:pt>
                <c:pt idx="4543">
                  <c:v>64.430000000007098</c:v>
                </c:pt>
                <c:pt idx="4544">
                  <c:v>64.440000000007103</c:v>
                </c:pt>
                <c:pt idx="4545">
                  <c:v>64.450000000007094</c:v>
                </c:pt>
                <c:pt idx="4546">
                  <c:v>64.460000000007099</c:v>
                </c:pt>
                <c:pt idx="4547">
                  <c:v>64.470000000007104</c:v>
                </c:pt>
                <c:pt idx="4548">
                  <c:v>64.480000000007095</c:v>
                </c:pt>
                <c:pt idx="4549">
                  <c:v>64.4900000000071</c:v>
                </c:pt>
                <c:pt idx="4550">
                  <c:v>64.500000000007105</c:v>
                </c:pt>
                <c:pt idx="4551">
                  <c:v>64.510000000007096</c:v>
                </c:pt>
                <c:pt idx="4552">
                  <c:v>64.520000000007101</c:v>
                </c:pt>
                <c:pt idx="4553">
                  <c:v>64.530000000007107</c:v>
                </c:pt>
                <c:pt idx="4554">
                  <c:v>64.540000000007097</c:v>
                </c:pt>
                <c:pt idx="4555">
                  <c:v>64.550000000007103</c:v>
                </c:pt>
                <c:pt idx="4556">
                  <c:v>64.560000000007093</c:v>
                </c:pt>
                <c:pt idx="4557">
                  <c:v>64.570000000007099</c:v>
                </c:pt>
                <c:pt idx="4558">
                  <c:v>64.580000000007104</c:v>
                </c:pt>
                <c:pt idx="4559">
                  <c:v>64.590000000007095</c:v>
                </c:pt>
                <c:pt idx="4560">
                  <c:v>64.6000000000071</c:v>
                </c:pt>
                <c:pt idx="4561">
                  <c:v>64.610000000007105</c:v>
                </c:pt>
                <c:pt idx="4562">
                  <c:v>64.620000000007096</c:v>
                </c:pt>
                <c:pt idx="4563">
                  <c:v>64.630000000007101</c:v>
                </c:pt>
                <c:pt idx="4564">
                  <c:v>64.640000000007106</c:v>
                </c:pt>
                <c:pt idx="4565">
                  <c:v>64.650000000007097</c:v>
                </c:pt>
                <c:pt idx="4566">
                  <c:v>64.660000000007102</c:v>
                </c:pt>
                <c:pt idx="4567">
                  <c:v>64.670000000007093</c:v>
                </c:pt>
                <c:pt idx="4568">
                  <c:v>64.680000000007098</c:v>
                </c:pt>
                <c:pt idx="4569">
                  <c:v>64.690000000007103</c:v>
                </c:pt>
                <c:pt idx="4570">
                  <c:v>64.700000000007094</c:v>
                </c:pt>
                <c:pt idx="4571">
                  <c:v>64.710000000007099</c:v>
                </c:pt>
                <c:pt idx="4572">
                  <c:v>64.720000000007104</c:v>
                </c:pt>
                <c:pt idx="4573">
                  <c:v>64.730000000007195</c:v>
                </c:pt>
                <c:pt idx="4574">
                  <c:v>64.7400000000072</c:v>
                </c:pt>
                <c:pt idx="4575">
                  <c:v>64.750000000007105</c:v>
                </c:pt>
                <c:pt idx="4576">
                  <c:v>64.760000000007196</c:v>
                </c:pt>
                <c:pt idx="4577">
                  <c:v>64.770000000007201</c:v>
                </c:pt>
                <c:pt idx="4578">
                  <c:v>64.780000000007206</c:v>
                </c:pt>
                <c:pt idx="4579">
                  <c:v>64.790000000007197</c:v>
                </c:pt>
                <c:pt idx="4580">
                  <c:v>64.800000000007202</c:v>
                </c:pt>
                <c:pt idx="4581">
                  <c:v>64.810000000007193</c:v>
                </c:pt>
                <c:pt idx="4582">
                  <c:v>64.820000000007198</c:v>
                </c:pt>
                <c:pt idx="4583">
                  <c:v>64.830000000007203</c:v>
                </c:pt>
                <c:pt idx="4584">
                  <c:v>64.840000000007194</c:v>
                </c:pt>
                <c:pt idx="4585">
                  <c:v>64.850000000007199</c:v>
                </c:pt>
                <c:pt idx="4586">
                  <c:v>64.860000000007204</c:v>
                </c:pt>
                <c:pt idx="4587">
                  <c:v>64.870000000007195</c:v>
                </c:pt>
                <c:pt idx="4588">
                  <c:v>64.8800000000072</c:v>
                </c:pt>
                <c:pt idx="4589">
                  <c:v>64.890000000007205</c:v>
                </c:pt>
                <c:pt idx="4590">
                  <c:v>64.900000000007196</c:v>
                </c:pt>
                <c:pt idx="4591">
                  <c:v>64.910000000007201</c:v>
                </c:pt>
                <c:pt idx="4592">
                  <c:v>64.920000000007207</c:v>
                </c:pt>
                <c:pt idx="4593">
                  <c:v>64.930000000007198</c:v>
                </c:pt>
                <c:pt idx="4594">
                  <c:v>64.940000000007203</c:v>
                </c:pt>
                <c:pt idx="4595">
                  <c:v>64.950000000007194</c:v>
                </c:pt>
                <c:pt idx="4596">
                  <c:v>64.960000000007199</c:v>
                </c:pt>
                <c:pt idx="4597">
                  <c:v>64.970000000007204</c:v>
                </c:pt>
                <c:pt idx="4598">
                  <c:v>64.980000000007195</c:v>
                </c:pt>
                <c:pt idx="4599">
                  <c:v>64.9900000000072</c:v>
                </c:pt>
                <c:pt idx="4600">
                  <c:v>65.000000000007205</c:v>
                </c:pt>
                <c:pt idx="4601">
                  <c:v>65.010000000007196</c:v>
                </c:pt>
                <c:pt idx="4602">
                  <c:v>65.020000000007201</c:v>
                </c:pt>
                <c:pt idx="4603">
                  <c:v>65.030000000007206</c:v>
                </c:pt>
                <c:pt idx="4604">
                  <c:v>65.040000000007197</c:v>
                </c:pt>
                <c:pt idx="4605">
                  <c:v>65.050000000007202</c:v>
                </c:pt>
                <c:pt idx="4606">
                  <c:v>65.060000000007193</c:v>
                </c:pt>
                <c:pt idx="4607">
                  <c:v>65.070000000007198</c:v>
                </c:pt>
                <c:pt idx="4608">
                  <c:v>65.080000000007203</c:v>
                </c:pt>
                <c:pt idx="4609">
                  <c:v>65.090000000007194</c:v>
                </c:pt>
                <c:pt idx="4610">
                  <c:v>65.100000000007199</c:v>
                </c:pt>
                <c:pt idx="4611">
                  <c:v>65.110000000007204</c:v>
                </c:pt>
                <c:pt idx="4612">
                  <c:v>65.120000000007195</c:v>
                </c:pt>
                <c:pt idx="4613">
                  <c:v>65.1300000000072</c:v>
                </c:pt>
                <c:pt idx="4614">
                  <c:v>65.140000000007205</c:v>
                </c:pt>
                <c:pt idx="4615">
                  <c:v>65.150000000007196</c:v>
                </c:pt>
                <c:pt idx="4616">
                  <c:v>65.160000000007201</c:v>
                </c:pt>
                <c:pt idx="4617">
                  <c:v>65.170000000007207</c:v>
                </c:pt>
                <c:pt idx="4618">
                  <c:v>65.180000000007198</c:v>
                </c:pt>
                <c:pt idx="4619">
                  <c:v>65.190000000007203</c:v>
                </c:pt>
                <c:pt idx="4620">
                  <c:v>65.200000000007194</c:v>
                </c:pt>
                <c:pt idx="4621">
                  <c:v>65.210000000007199</c:v>
                </c:pt>
                <c:pt idx="4622">
                  <c:v>65.220000000007204</c:v>
                </c:pt>
                <c:pt idx="4623">
                  <c:v>65.230000000007195</c:v>
                </c:pt>
                <c:pt idx="4624">
                  <c:v>65.2400000000072</c:v>
                </c:pt>
                <c:pt idx="4625">
                  <c:v>65.250000000007205</c:v>
                </c:pt>
                <c:pt idx="4626">
                  <c:v>65.260000000007196</c:v>
                </c:pt>
                <c:pt idx="4627">
                  <c:v>65.270000000007201</c:v>
                </c:pt>
                <c:pt idx="4628">
                  <c:v>65.280000000007206</c:v>
                </c:pt>
                <c:pt idx="4629">
                  <c:v>65.290000000007197</c:v>
                </c:pt>
                <c:pt idx="4630">
                  <c:v>65.300000000007202</c:v>
                </c:pt>
                <c:pt idx="4631">
                  <c:v>65.310000000007193</c:v>
                </c:pt>
                <c:pt idx="4632">
                  <c:v>65.320000000007198</c:v>
                </c:pt>
                <c:pt idx="4633">
                  <c:v>65.330000000007203</c:v>
                </c:pt>
                <c:pt idx="4634">
                  <c:v>65.340000000007194</c:v>
                </c:pt>
                <c:pt idx="4635">
                  <c:v>65.350000000007199</c:v>
                </c:pt>
                <c:pt idx="4636">
                  <c:v>65.360000000007204</c:v>
                </c:pt>
                <c:pt idx="4637">
                  <c:v>65.370000000007295</c:v>
                </c:pt>
                <c:pt idx="4638">
                  <c:v>65.3800000000073</c:v>
                </c:pt>
                <c:pt idx="4639">
                  <c:v>65.390000000007205</c:v>
                </c:pt>
                <c:pt idx="4640">
                  <c:v>65.400000000007296</c:v>
                </c:pt>
                <c:pt idx="4641">
                  <c:v>65.410000000007301</c:v>
                </c:pt>
                <c:pt idx="4642">
                  <c:v>65.420000000007306</c:v>
                </c:pt>
                <c:pt idx="4643">
                  <c:v>65.430000000007297</c:v>
                </c:pt>
                <c:pt idx="4644">
                  <c:v>65.440000000007302</c:v>
                </c:pt>
                <c:pt idx="4645">
                  <c:v>65.450000000007293</c:v>
                </c:pt>
                <c:pt idx="4646">
                  <c:v>65.460000000007298</c:v>
                </c:pt>
                <c:pt idx="4647">
                  <c:v>65.470000000007303</c:v>
                </c:pt>
                <c:pt idx="4648">
                  <c:v>65.480000000007294</c:v>
                </c:pt>
                <c:pt idx="4649">
                  <c:v>65.490000000007299</c:v>
                </c:pt>
                <c:pt idx="4650">
                  <c:v>65.500000000007304</c:v>
                </c:pt>
                <c:pt idx="4651">
                  <c:v>65.510000000007295</c:v>
                </c:pt>
                <c:pt idx="4652">
                  <c:v>65.5200000000073</c:v>
                </c:pt>
                <c:pt idx="4653">
                  <c:v>65.530000000007306</c:v>
                </c:pt>
                <c:pt idx="4654">
                  <c:v>65.540000000007296</c:v>
                </c:pt>
                <c:pt idx="4655">
                  <c:v>65.550000000007302</c:v>
                </c:pt>
                <c:pt idx="4656">
                  <c:v>65.560000000007307</c:v>
                </c:pt>
                <c:pt idx="4657">
                  <c:v>65.570000000007298</c:v>
                </c:pt>
                <c:pt idx="4658">
                  <c:v>65.580000000007303</c:v>
                </c:pt>
                <c:pt idx="4659">
                  <c:v>65.590000000007294</c:v>
                </c:pt>
                <c:pt idx="4660">
                  <c:v>65.600000000007299</c:v>
                </c:pt>
                <c:pt idx="4661">
                  <c:v>65.610000000007304</c:v>
                </c:pt>
                <c:pt idx="4662">
                  <c:v>65.620000000007295</c:v>
                </c:pt>
                <c:pt idx="4663">
                  <c:v>65.6300000000073</c:v>
                </c:pt>
                <c:pt idx="4664">
                  <c:v>65.640000000007305</c:v>
                </c:pt>
                <c:pt idx="4665">
                  <c:v>65.650000000007296</c:v>
                </c:pt>
                <c:pt idx="4666">
                  <c:v>65.660000000007301</c:v>
                </c:pt>
                <c:pt idx="4667">
                  <c:v>65.670000000007306</c:v>
                </c:pt>
                <c:pt idx="4668">
                  <c:v>65.680000000007297</c:v>
                </c:pt>
                <c:pt idx="4669">
                  <c:v>65.690000000007302</c:v>
                </c:pt>
                <c:pt idx="4670">
                  <c:v>65.700000000007293</c:v>
                </c:pt>
                <c:pt idx="4671">
                  <c:v>65.710000000007298</c:v>
                </c:pt>
                <c:pt idx="4672">
                  <c:v>65.720000000007303</c:v>
                </c:pt>
                <c:pt idx="4673">
                  <c:v>65.730000000007294</c:v>
                </c:pt>
                <c:pt idx="4674">
                  <c:v>65.740000000007299</c:v>
                </c:pt>
                <c:pt idx="4675">
                  <c:v>65.750000000007304</c:v>
                </c:pt>
                <c:pt idx="4676">
                  <c:v>65.760000000007295</c:v>
                </c:pt>
                <c:pt idx="4677">
                  <c:v>65.7700000000073</c:v>
                </c:pt>
                <c:pt idx="4678">
                  <c:v>65.780000000007306</c:v>
                </c:pt>
                <c:pt idx="4679">
                  <c:v>65.790000000007296</c:v>
                </c:pt>
                <c:pt idx="4680">
                  <c:v>65.800000000007302</c:v>
                </c:pt>
                <c:pt idx="4681">
                  <c:v>65.810000000007307</c:v>
                </c:pt>
                <c:pt idx="4682">
                  <c:v>65.820000000007298</c:v>
                </c:pt>
                <c:pt idx="4683">
                  <c:v>65.830000000007303</c:v>
                </c:pt>
                <c:pt idx="4684">
                  <c:v>65.840000000007294</c:v>
                </c:pt>
                <c:pt idx="4685">
                  <c:v>65.850000000007299</c:v>
                </c:pt>
                <c:pt idx="4686">
                  <c:v>65.860000000007304</c:v>
                </c:pt>
                <c:pt idx="4687">
                  <c:v>65.870000000007295</c:v>
                </c:pt>
                <c:pt idx="4688">
                  <c:v>65.8800000000073</c:v>
                </c:pt>
                <c:pt idx="4689">
                  <c:v>65.890000000007305</c:v>
                </c:pt>
                <c:pt idx="4690">
                  <c:v>65.900000000007296</c:v>
                </c:pt>
                <c:pt idx="4691">
                  <c:v>65.910000000007301</c:v>
                </c:pt>
                <c:pt idx="4692">
                  <c:v>65.920000000007306</c:v>
                </c:pt>
                <c:pt idx="4693">
                  <c:v>65.930000000007297</c:v>
                </c:pt>
                <c:pt idx="4694">
                  <c:v>65.940000000007302</c:v>
                </c:pt>
                <c:pt idx="4695">
                  <c:v>65.950000000007293</c:v>
                </c:pt>
                <c:pt idx="4696">
                  <c:v>65.960000000007298</c:v>
                </c:pt>
                <c:pt idx="4697">
                  <c:v>65.970000000007303</c:v>
                </c:pt>
                <c:pt idx="4698">
                  <c:v>65.980000000007294</c:v>
                </c:pt>
                <c:pt idx="4699">
                  <c:v>65.990000000007299</c:v>
                </c:pt>
                <c:pt idx="4700">
                  <c:v>66.000000000007304</c:v>
                </c:pt>
                <c:pt idx="4701">
                  <c:v>66.010000000007395</c:v>
                </c:pt>
                <c:pt idx="4702">
                  <c:v>66.0200000000074</c:v>
                </c:pt>
                <c:pt idx="4703">
                  <c:v>66.030000000007306</c:v>
                </c:pt>
                <c:pt idx="4704">
                  <c:v>66.040000000007396</c:v>
                </c:pt>
                <c:pt idx="4705">
                  <c:v>66.050000000007401</c:v>
                </c:pt>
                <c:pt idx="4706">
                  <c:v>66.060000000007406</c:v>
                </c:pt>
                <c:pt idx="4707">
                  <c:v>66.070000000007397</c:v>
                </c:pt>
                <c:pt idx="4708">
                  <c:v>66.080000000007402</c:v>
                </c:pt>
                <c:pt idx="4709">
                  <c:v>66.090000000007393</c:v>
                </c:pt>
                <c:pt idx="4710">
                  <c:v>66.100000000007398</c:v>
                </c:pt>
                <c:pt idx="4711">
                  <c:v>66.110000000007403</c:v>
                </c:pt>
                <c:pt idx="4712">
                  <c:v>66.120000000007394</c:v>
                </c:pt>
                <c:pt idx="4713">
                  <c:v>66.130000000007399</c:v>
                </c:pt>
                <c:pt idx="4714">
                  <c:v>66.140000000007404</c:v>
                </c:pt>
                <c:pt idx="4715">
                  <c:v>66.150000000007395</c:v>
                </c:pt>
                <c:pt idx="4716">
                  <c:v>66.1600000000074</c:v>
                </c:pt>
                <c:pt idx="4717">
                  <c:v>66.170000000007406</c:v>
                </c:pt>
                <c:pt idx="4718">
                  <c:v>66.180000000007396</c:v>
                </c:pt>
                <c:pt idx="4719">
                  <c:v>66.190000000007402</c:v>
                </c:pt>
                <c:pt idx="4720">
                  <c:v>66.200000000007407</c:v>
                </c:pt>
                <c:pt idx="4721">
                  <c:v>66.210000000007398</c:v>
                </c:pt>
                <c:pt idx="4722">
                  <c:v>66.220000000007403</c:v>
                </c:pt>
                <c:pt idx="4723">
                  <c:v>66.230000000007394</c:v>
                </c:pt>
                <c:pt idx="4724">
                  <c:v>66.240000000007399</c:v>
                </c:pt>
                <c:pt idx="4725">
                  <c:v>66.250000000007404</c:v>
                </c:pt>
                <c:pt idx="4726">
                  <c:v>66.260000000007395</c:v>
                </c:pt>
                <c:pt idx="4727">
                  <c:v>66.2700000000074</c:v>
                </c:pt>
                <c:pt idx="4728">
                  <c:v>66.280000000007405</c:v>
                </c:pt>
                <c:pt idx="4729">
                  <c:v>66.290000000007396</c:v>
                </c:pt>
                <c:pt idx="4730">
                  <c:v>66.300000000007401</c:v>
                </c:pt>
                <c:pt idx="4731">
                  <c:v>66.310000000007406</c:v>
                </c:pt>
                <c:pt idx="4732">
                  <c:v>66.320000000007397</c:v>
                </c:pt>
                <c:pt idx="4733">
                  <c:v>66.330000000007402</c:v>
                </c:pt>
                <c:pt idx="4734">
                  <c:v>66.340000000007393</c:v>
                </c:pt>
                <c:pt idx="4735">
                  <c:v>66.350000000007398</c:v>
                </c:pt>
                <c:pt idx="4736">
                  <c:v>66.360000000007403</c:v>
                </c:pt>
                <c:pt idx="4737">
                  <c:v>66.370000000007394</c:v>
                </c:pt>
                <c:pt idx="4738">
                  <c:v>66.380000000007399</c:v>
                </c:pt>
                <c:pt idx="4739">
                  <c:v>66.390000000007404</c:v>
                </c:pt>
                <c:pt idx="4740">
                  <c:v>66.400000000007395</c:v>
                </c:pt>
                <c:pt idx="4741">
                  <c:v>66.4100000000074</c:v>
                </c:pt>
                <c:pt idx="4742">
                  <c:v>66.420000000007406</c:v>
                </c:pt>
                <c:pt idx="4743">
                  <c:v>66.430000000007396</c:v>
                </c:pt>
                <c:pt idx="4744">
                  <c:v>66.440000000007402</c:v>
                </c:pt>
                <c:pt idx="4745">
                  <c:v>66.450000000007407</c:v>
                </c:pt>
                <c:pt idx="4746">
                  <c:v>66.460000000007398</c:v>
                </c:pt>
                <c:pt idx="4747">
                  <c:v>66.470000000007403</c:v>
                </c:pt>
                <c:pt idx="4748">
                  <c:v>66.480000000007394</c:v>
                </c:pt>
                <c:pt idx="4749">
                  <c:v>66.490000000007399</c:v>
                </c:pt>
                <c:pt idx="4750">
                  <c:v>66.500000000007404</c:v>
                </c:pt>
                <c:pt idx="4751">
                  <c:v>66.510000000007395</c:v>
                </c:pt>
                <c:pt idx="4752">
                  <c:v>66.5200000000074</c:v>
                </c:pt>
                <c:pt idx="4753">
                  <c:v>66.530000000007405</c:v>
                </c:pt>
                <c:pt idx="4754">
                  <c:v>66.540000000007396</c:v>
                </c:pt>
                <c:pt idx="4755">
                  <c:v>66.550000000007401</c:v>
                </c:pt>
                <c:pt idx="4756">
                  <c:v>66.560000000007406</c:v>
                </c:pt>
                <c:pt idx="4757">
                  <c:v>66.570000000007397</c:v>
                </c:pt>
                <c:pt idx="4758">
                  <c:v>66.580000000007402</c:v>
                </c:pt>
                <c:pt idx="4759">
                  <c:v>66.590000000007393</c:v>
                </c:pt>
                <c:pt idx="4760">
                  <c:v>66.600000000007398</c:v>
                </c:pt>
                <c:pt idx="4761">
                  <c:v>66.610000000007403</c:v>
                </c:pt>
                <c:pt idx="4762">
                  <c:v>66.620000000007394</c:v>
                </c:pt>
                <c:pt idx="4763">
                  <c:v>66.630000000007399</c:v>
                </c:pt>
                <c:pt idx="4764">
                  <c:v>66.640000000007404</c:v>
                </c:pt>
                <c:pt idx="4765">
                  <c:v>66.650000000007495</c:v>
                </c:pt>
                <c:pt idx="4766">
                  <c:v>66.6600000000075</c:v>
                </c:pt>
                <c:pt idx="4767">
                  <c:v>66.670000000007406</c:v>
                </c:pt>
                <c:pt idx="4768">
                  <c:v>66.680000000007496</c:v>
                </c:pt>
                <c:pt idx="4769">
                  <c:v>66.690000000007501</c:v>
                </c:pt>
                <c:pt idx="4770">
                  <c:v>66.700000000007506</c:v>
                </c:pt>
                <c:pt idx="4771">
                  <c:v>66.710000000007497</c:v>
                </c:pt>
                <c:pt idx="4772">
                  <c:v>66.720000000007502</c:v>
                </c:pt>
                <c:pt idx="4773">
                  <c:v>66.730000000007493</c:v>
                </c:pt>
                <c:pt idx="4774">
                  <c:v>66.740000000007498</c:v>
                </c:pt>
                <c:pt idx="4775">
                  <c:v>66.750000000007503</c:v>
                </c:pt>
                <c:pt idx="4776">
                  <c:v>66.760000000007494</c:v>
                </c:pt>
                <c:pt idx="4777">
                  <c:v>66.770000000007499</c:v>
                </c:pt>
                <c:pt idx="4778">
                  <c:v>66.780000000007504</c:v>
                </c:pt>
                <c:pt idx="4779">
                  <c:v>66.790000000007495</c:v>
                </c:pt>
                <c:pt idx="4780">
                  <c:v>66.8000000000075</c:v>
                </c:pt>
                <c:pt idx="4781">
                  <c:v>66.810000000007506</c:v>
                </c:pt>
                <c:pt idx="4782">
                  <c:v>66.820000000007497</c:v>
                </c:pt>
                <c:pt idx="4783">
                  <c:v>66.830000000007502</c:v>
                </c:pt>
                <c:pt idx="4784">
                  <c:v>66.840000000007507</c:v>
                </c:pt>
                <c:pt idx="4785">
                  <c:v>66.850000000007498</c:v>
                </c:pt>
                <c:pt idx="4786">
                  <c:v>66.860000000007503</c:v>
                </c:pt>
                <c:pt idx="4787">
                  <c:v>66.870000000007494</c:v>
                </c:pt>
                <c:pt idx="4788">
                  <c:v>66.880000000007499</c:v>
                </c:pt>
                <c:pt idx="4789">
                  <c:v>66.890000000007504</c:v>
                </c:pt>
                <c:pt idx="4790">
                  <c:v>66.900000000007495</c:v>
                </c:pt>
                <c:pt idx="4791">
                  <c:v>66.9100000000075</c:v>
                </c:pt>
                <c:pt idx="4792">
                  <c:v>66.920000000007505</c:v>
                </c:pt>
                <c:pt idx="4793">
                  <c:v>66.930000000007496</c:v>
                </c:pt>
                <c:pt idx="4794">
                  <c:v>66.940000000007501</c:v>
                </c:pt>
                <c:pt idx="4795">
                  <c:v>66.950000000007506</c:v>
                </c:pt>
                <c:pt idx="4796">
                  <c:v>66.960000000007497</c:v>
                </c:pt>
                <c:pt idx="4797">
                  <c:v>66.970000000007502</c:v>
                </c:pt>
                <c:pt idx="4798">
                  <c:v>66.980000000007493</c:v>
                </c:pt>
                <c:pt idx="4799">
                  <c:v>66.990000000007498</c:v>
                </c:pt>
                <c:pt idx="4800">
                  <c:v>67.000000000007503</c:v>
                </c:pt>
                <c:pt idx="4801">
                  <c:v>67.010000000007494</c:v>
                </c:pt>
                <c:pt idx="4802">
                  <c:v>67.020000000007499</c:v>
                </c:pt>
                <c:pt idx="4803">
                  <c:v>67.030000000007504</c:v>
                </c:pt>
                <c:pt idx="4804">
                  <c:v>67.040000000007495</c:v>
                </c:pt>
                <c:pt idx="4805">
                  <c:v>67.0500000000075</c:v>
                </c:pt>
                <c:pt idx="4806">
                  <c:v>67.060000000007506</c:v>
                </c:pt>
                <c:pt idx="4807">
                  <c:v>67.070000000007497</c:v>
                </c:pt>
                <c:pt idx="4808">
                  <c:v>67.080000000007502</c:v>
                </c:pt>
                <c:pt idx="4809">
                  <c:v>67.090000000007507</c:v>
                </c:pt>
                <c:pt idx="4810">
                  <c:v>67.100000000007498</c:v>
                </c:pt>
                <c:pt idx="4811">
                  <c:v>67.110000000007503</c:v>
                </c:pt>
                <c:pt idx="4812">
                  <c:v>67.120000000007494</c:v>
                </c:pt>
                <c:pt idx="4813">
                  <c:v>67.130000000007499</c:v>
                </c:pt>
                <c:pt idx="4814">
                  <c:v>67.140000000007504</c:v>
                </c:pt>
                <c:pt idx="4815">
                  <c:v>67.150000000007495</c:v>
                </c:pt>
                <c:pt idx="4816">
                  <c:v>67.1600000000075</c:v>
                </c:pt>
                <c:pt idx="4817">
                  <c:v>67.170000000007505</c:v>
                </c:pt>
                <c:pt idx="4818">
                  <c:v>67.180000000007496</c:v>
                </c:pt>
                <c:pt idx="4819">
                  <c:v>67.190000000007501</c:v>
                </c:pt>
                <c:pt idx="4820">
                  <c:v>67.200000000007506</c:v>
                </c:pt>
                <c:pt idx="4821">
                  <c:v>67.210000000007497</c:v>
                </c:pt>
                <c:pt idx="4822">
                  <c:v>67.220000000007502</c:v>
                </c:pt>
                <c:pt idx="4823">
                  <c:v>67.230000000007493</c:v>
                </c:pt>
                <c:pt idx="4824">
                  <c:v>67.240000000007498</c:v>
                </c:pt>
                <c:pt idx="4825">
                  <c:v>67.250000000007503</c:v>
                </c:pt>
                <c:pt idx="4826">
                  <c:v>67.260000000007494</c:v>
                </c:pt>
                <c:pt idx="4827">
                  <c:v>67.270000000007499</c:v>
                </c:pt>
                <c:pt idx="4828">
                  <c:v>67.280000000007504</c:v>
                </c:pt>
                <c:pt idx="4829">
                  <c:v>67.290000000007595</c:v>
                </c:pt>
                <c:pt idx="4830">
                  <c:v>67.3000000000076</c:v>
                </c:pt>
                <c:pt idx="4831">
                  <c:v>67.310000000007506</c:v>
                </c:pt>
                <c:pt idx="4832">
                  <c:v>67.320000000007596</c:v>
                </c:pt>
                <c:pt idx="4833">
                  <c:v>67.330000000007601</c:v>
                </c:pt>
                <c:pt idx="4834">
                  <c:v>67.340000000007606</c:v>
                </c:pt>
                <c:pt idx="4835">
                  <c:v>67.350000000007597</c:v>
                </c:pt>
                <c:pt idx="4836">
                  <c:v>67.360000000007602</c:v>
                </c:pt>
                <c:pt idx="4837">
                  <c:v>67.370000000007593</c:v>
                </c:pt>
                <c:pt idx="4838">
                  <c:v>67.380000000007598</c:v>
                </c:pt>
                <c:pt idx="4839">
                  <c:v>67.390000000007603</c:v>
                </c:pt>
                <c:pt idx="4840">
                  <c:v>67.400000000007594</c:v>
                </c:pt>
                <c:pt idx="4841">
                  <c:v>67.410000000007599</c:v>
                </c:pt>
                <c:pt idx="4842">
                  <c:v>67.420000000007605</c:v>
                </c:pt>
                <c:pt idx="4843">
                  <c:v>67.430000000007595</c:v>
                </c:pt>
                <c:pt idx="4844">
                  <c:v>67.440000000007601</c:v>
                </c:pt>
                <c:pt idx="4845">
                  <c:v>67.450000000007606</c:v>
                </c:pt>
                <c:pt idx="4846">
                  <c:v>67.460000000007597</c:v>
                </c:pt>
                <c:pt idx="4847">
                  <c:v>67.470000000007602</c:v>
                </c:pt>
                <c:pt idx="4848">
                  <c:v>67.480000000007607</c:v>
                </c:pt>
                <c:pt idx="4849">
                  <c:v>67.490000000007598</c:v>
                </c:pt>
                <c:pt idx="4850">
                  <c:v>67.500000000007603</c:v>
                </c:pt>
                <c:pt idx="4851">
                  <c:v>67.510000000007594</c:v>
                </c:pt>
                <c:pt idx="4852">
                  <c:v>67.520000000007599</c:v>
                </c:pt>
                <c:pt idx="4853">
                  <c:v>67.530000000007604</c:v>
                </c:pt>
                <c:pt idx="4854">
                  <c:v>67.540000000007595</c:v>
                </c:pt>
                <c:pt idx="4855">
                  <c:v>67.5500000000076</c:v>
                </c:pt>
                <c:pt idx="4856">
                  <c:v>67.560000000007605</c:v>
                </c:pt>
                <c:pt idx="4857">
                  <c:v>67.570000000007596</c:v>
                </c:pt>
                <c:pt idx="4858">
                  <c:v>67.580000000007601</c:v>
                </c:pt>
                <c:pt idx="4859">
                  <c:v>67.590000000007606</c:v>
                </c:pt>
                <c:pt idx="4860">
                  <c:v>67.600000000007597</c:v>
                </c:pt>
                <c:pt idx="4861">
                  <c:v>67.610000000007602</c:v>
                </c:pt>
                <c:pt idx="4862">
                  <c:v>67.620000000007593</c:v>
                </c:pt>
                <c:pt idx="4863">
                  <c:v>67.630000000007598</c:v>
                </c:pt>
                <c:pt idx="4864">
                  <c:v>67.640000000007603</c:v>
                </c:pt>
                <c:pt idx="4865">
                  <c:v>67.650000000007594</c:v>
                </c:pt>
                <c:pt idx="4866">
                  <c:v>67.660000000007599</c:v>
                </c:pt>
                <c:pt idx="4867">
                  <c:v>67.670000000007605</c:v>
                </c:pt>
                <c:pt idx="4868">
                  <c:v>67.680000000007595</c:v>
                </c:pt>
                <c:pt idx="4869">
                  <c:v>67.690000000007601</c:v>
                </c:pt>
                <c:pt idx="4870">
                  <c:v>67.700000000007606</c:v>
                </c:pt>
                <c:pt idx="4871">
                  <c:v>67.710000000007597</c:v>
                </c:pt>
                <c:pt idx="4872">
                  <c:v>67.720000000007602</c:v>
                </c:pt>
                <c:pt idx="4873">
                  <c:v>67.730000000007607</c:v>
                </c:pt>
                <c:pt idx="4874">
                  <c:v>67.740000000007598</c:v>
                </c:pt>
                <c:pt idx="4875">
                  <c:v>67.750000000007603</c:v>
                </c:pt>
                <c:pt idx="4876">
                  <c:v>67.760000000007594</c:v>
                </c:pt>
                <c:pt idx="4877">
                  <c:v>67.770000000007599</c:v>
                </c:pt>
                <c:pt idx="4878">
                  <c:v>67.780000000007604</c:v>
                </c:pt>
                <c:pt idx="4879">
                  <c:v>67.790000000007595</c:v>
                </c:pt>
                <c:pt idx="4880">
                  <c:v>67.8000000000076</c:v>
                </c:pt>
                <c:pt idx="4881">
                  <c:v>67.810000000007605</c:v>
                </c:pt>
                <c:pt idx="4882">
                  <c:v>67.820000000007596</c:v>
                </c:pt>
                <c:pt idx="4883">
                  <c:v>67.830000000007601</c:v>
                </c:pt>
                <c:pt idx="4884">
                  <c:v>67.840000000007606</c:v>
                </c:pt>
                <c:pt idx="4885">
                  <c:v>67.850000000007597</c:v>
                </c:pt>
                <c:pt idx="4886">
                  <c:v>67.860000000007602</c:v>
                </c:pt>
                <c:pt idx="4887">
                  <c:v>67.870000000007593</c:v>
                </c:pt>
                <c:pt idx="4888">
                  <c:v>67.880000000007598</c:v>
                </c:pt>
                <c:pt idx="4889">
                  <c:v>67.890000000007603</c:v>
                </c:pt>
                <c:pt idx="4890">
                  <c:v>67.900000000007594</c:v>
                </c:pt>
                <c:pt idx="4891">
                  <c:v>67.910000000007599</c:v>
                </c:pt>
                <c:pt idx="4892">
                  <c:v>67.920000000007605</c:v>
                </c:pt>
                <c:pt idx="4893">
                  <c:v>67.930000000007695</c:v>
                </c:pt>
                <c:pt idx="4894">
                  <c:v>67.9400000000077</c:v>
                </c:pt>
                <c:pt idx="4895">
                  <c:v>67.950000000007606</c:v>
                </c:pt>
                <c:pt idx="4896">
                  <c:v>67.960000000007696</c:v>
                </c:pt>
                <c:pt idx="4897">
                  <c:v>67.970000000007701</c:v>
                </c:pt>
                <c:pt idx="4898">
                  <c:v>67.980000000007706</c:v>
                </c:pt>
                <c:pt idx="4899">
                  <c:v>67.990000000007697</c:v>
                </c:pt>
                <c:pt idx="4900">
                  <c:v>68.000000000007702</c:v>
                </c:pt>
                <c:pt idx="4901">
                  <c:v>68.010000000007693</c:v>
                </c:pt>
                <c:pt idx="4902">
                  <c:v>68.020000000007698</c:v>
                </c:pt>
                <c:pt idx="4903">
                  <c:v>68.030000000007703</c:v>
                </c:pt>
                <c:pt idx="4904">
                  <c:v>68.040000000007694</c:v>
                </c:pt>
                <c:pt idx="4905">
                  <c:v>68.050000000007699</c:v>
                </c:pt>
                <c:pt idx="4906">
                  <c:v>68.060000000007705</c:v>
                </c:pt>
                <c:pt idx="4907">
                  <c:v>68.070000000007695</c:v>
                </c:pt>
                <c:pt idx="4908">
                  <c:v>68.080000000007701</c:v>
                </c:pt>
                <c:pt idx="4909">
                  <c:v>68.090000000007706</c:v>
                </c:pt>
                <c:pt idx="4910">
                  <c:v>68.100000000007697</c:v>
                </c:pt>
                <c:pt idx="4911">
                  <c:v>68.110000000007702</c:v>
                </c:pt>
                <c:pt idx="4912">
                  <c:v>68.120000000007707</c:v>
                </c:pt>
                <c:pt idx="4913">
                  <c:v>68.130000000007698</c:v>
                </c:pt>
                <c:pt idx="4914">
                  <c:v>68.140000000007703</c:v>
                </c:pt>
                <c:pt idx="4915">
                  <c:v>68.150000000007694</c:v>
                </c:pt>
                <c:pt idx="4916">
                  <c:v>68.160000000007699</c:v>
                </c:pt>
                <c:pt idx="4917">
                  <c:v>68.170000000007704</c:v>
                </c:pt>
                <c:pt idx="4918">
                  <c:v>68.180000000007695</c:v>
                </c:pt>
                <c:pt idx="4919">
                  <c:v>68.1900000000077</c:v>
                </c:pt>
                <c:pt idx="4920">
                  <c:v>68.200000000007705</c:v>
                </c:pt>
                <c:pt idx="4921">
                  <c:v>68.210000000007696</c:v>
                </c:pt>
                <c:pt idx="4922">
                  <c:v>68.220000000007701</c:v>
                </c:pt>
                <c:pt idx="4923">
                  <c:v>68.230000000007706</c:v>
                </c:pt>
                <c:pt idx="4924">
                  <c:v>68.240000000007697</c:v>
                </c:pt>
                <c:pt idx="4925">
                  <c:v>68.250000000007702</c:v>
                </c:pt>
                <c:pt idx="4926">
                  <c:v>68.260000000007693</c:v>
                </c:pt>
                <c:pt idx="4927">
                  <c:v>68.270000000007698</c:v>
                </c:pt>
                <c:pt idx="4928">
                  <c:v>68.280000000007703</c:v>
                </c:pt>
                <c:pt idx="4929">
                  <c:v>68.290000000007694</c:v>
                </c:pt>
                <c:pt idx="4930">
                  <c:v>68.300000000007699</c:v>
                </c:pt>
                <c:pt idx="4931">
                  <c:v>68.310000000007705</c:v>
                </c:pt>
                <c:pt idx="4932">
                  <c:v>68.320000000007695</c:v>
                </c:pt>
                <c:pt idx="4933">
                  <c:v>68.330000000007701</c:v>
                </c:pt>
                <c:pt idx="4934">
                  <c:v>68.340000000007706</c:v>
                </c:pt>
                <c:pt idx="4935">
                  <c:v>68.350000000007697</c:v>
                </c:pt>
                <c:pt idx="4936">
                  <c:v>68.360000000007702</c:v>
                </c:pt>
                <c:pt idx="4937">
                  <c:v>68.370000000007707</c:v>
                </c:pt>
                <c:pt idx="4938">
                  <c:v>68.380000000007698</c:v>
                </c:pt>
                <c:pt idx="4939">
                  <c:v>68.390000000007703</c:v>
                </c:pt>
                <c:pt idx="4940">
                  <c:v>68.400000000007694</c:v>
                </c:pt>
                <c:pt idx="4941">
                  <c:v>68.410000000007699</c:v>
                </c:pt>
                <c:pt idx="4942">
                  <c:v>68.420000000007704</c:v>
                </c:pt>
                <c:pt idx="4943">
                  <c:v>68.430000000007695</c:v>
                </c:pt>
                <c:pt idx="4944">
                  <c:v>68.4400000000077</c:v>
                </c:pt>
                <c:pt idx="4945">
                  <c:v>68.450000000007705</c:v>
                </c:pt>
                <c:pt idx="4946">
                  <c:v>68.460000000007696</c:v>
                </c:pt>
                <c:pt idx="4947">
                  <c:v>68.470000000007701</c:v>
                </c:pt>
                <c:pt idx="4948">
                  <c:v>68.480000000007706</c:v>
                </c:pt>
                <c:pt idx="4949">
                  <c:v>68.490000000007697</c:v>
                </c:pt>
                <c:pt idx="4950">
                  <c:v>68.500000000007702</c:v>
                </c:pt>
                <c:pt idx="4951">
                  <c:v>68.510000000007693</c:v>
                </c:pt>
                <c:pt idx="4952">
                  <c:v>68.520000000007698</c:v>
                </c:pt>
                <c:pt idx="4953">
                  <c:v>68.530000000007703</c:v>
                </c:pt>
                <c:pt idx="4954">
                  <c:v>68.540000000007694</c:v>
                </c:pt>
                <c:pt idx="4955">
                  <c:v>68.550000000007699</c:v>
                </c:pt>
                <c:pt idx="4956">
                  <c:v>68.560000000007705</c:v>
                </c:pt>
                <c:pt idx="4957">
                  <c:v>68.570000000007795</c:v>
                </c:pt>
                <c:pt idx="4958">
                  <c:v>68.5800000000078</c:v>
                </c:pt>
                <c:pt idx="4959">
                  <c:v>68.590000000007706</c:v>
                </c:pt>
                <c:pt idx="4960">
                  <c:v>68.600000000007796</c:v>
                </c:pt>
                <c:pt idx="4961">
                  <c:v>68.610000000007801</c:v>
                </c:pt>
                <c:pt idx="4962">
                  <c:v>68.620000000007806</c:v>
                </c:pt>
                <c:pt idx="4963">
                  <c:v>68.630000000007797</c:v>
                </c:pt>
                <c:pt idx="4964">
                  <c:v>68.640000000007802</c:v>
                </c:pt>
                <c:pt idx="4965">
                  <c:v>68.650000000007793</c:v>
                </c:pt>
                <c:pt idx="4966">
                  <c:v>68.660000000007798</c:v>
                </c:pt>
                <c:pt idx="4967">
                  <c:v>68.670000000007803</c:v>
                </c:pt>
                <c:pt idx="4968">
                  <c:v>68.680000000007794</c:v>
                </c:pt>
                <c:pt idx="4969">
                  <c:v>68.690000000007799</c:v>
                </c:pt>
                <c:pt idx="4970">
                  <c:v>68.700000000007805</c:v>
                </c:pt>
                <c:pt idx="4971">
                  <c:v>68.710000000007796</c:v>
                </c:pt>
                <c:pt idx="4972">
                  <c:v>68.720000000007801</c:v>
                </c:pt>
                <c:pt idx="4973">
                  <c:v>68.730000000007806</c:v>
                </c:pt>
                <c:pt idx="4974">
                  <c:v>68.740000000007797</c:v>
                </c:pt>
                <c:pt idx="4975">
                  <c:v>68.750000000007802</c:v>
                </c:pt>
                <c:pt idx="4976">
                  <c:v>68.760000000007807</c:v>
                </c:pt>
                <c:pt idx="4977">
                  <c:v>68.770000000007798</c:v>
                </c:pt>
                <c:pt idx="4978">
                  <c:v>68.780000000007803</c:v>
                </c:pt>
                <c:pt idx="4979">
                  <c:v>68.790000000007794</c:v>
                </c:pt>
                <c:pt idx="4980">
                  <c:v>68.800000000007799</c:v>
                </c:pt>
                <c:pt idx="4981">
                  <c:v>68.810000000007804</c:v>
                </c:pt>
                <c:pt idx="4982">
                  <c:v>68.820000000007795</c:v>
                </c:pt>
                <c:pt idx="4983">
                  <c:v>68.8300000000078</c:v>
                </c:pt>
                <c:pt idx="4984">
                  <c:v>68.840000000007805</c:v>
                </c:pt>
                <c:pt idx="4985">
                  <c:v>68.850000000007796</c:v>
                </c:pt>
                <c:pt idx="4986">
                  <c:v>68.860000000007801</c:v>
                </c:pt>
                <c:pt idx="4987">
                  <c:v>68.870000000007806</c:v>
                </c:pt>
                <c:pt idx="4988">
                  <c:v>68.880000000007797</c:v>
                </c:pt>
                <c:pt idx="4989">
                  <c:v>68.890000000007802</c:v>
                </c:pt>
                <c:pt idx="4990">
                  <c:v>68.900000000007793</c:v>
                </c:pt>
                <c:pt idx="4991">
                  <c:v>68.910000000007798</c:v>
                </c:pt>
                <c:pt idx="4992">
                  <c:v>68.920000000007803</c:v>
                </c:pt>
                <c:pt idx="4993">
                  <c:v>68.930000000007794</c:v>
                </c:pt>
                <c:pt idx="4994">
                  <c:v>68.940000000007799</c:v>
                </c:pt>
                <c:pt idx="4995">
                  <c:v>68.950000000007805</c:v>
                </c:pt>
                <c:pt idx="4996">
                  <c:v>68.960000000007796</c:v>
                </c:pt>
                <c:pt idx="4997">
                  <c:v>68.970000000007801</c:v>
                </c:pt>
                <c:pt idx="4998">
                  <c:v>68.980000000007806</c:v>
                </c:pt>
                <c:pt idx="4999">
                  <c:v>68.990000000007797</c:v>
                </c:pt>
                <c:pt idx="5000">
                  <c:v>69.000000000007802</c:v>
                </c:pt>
                <c:pt idx="5001">
                  <c:v>69.010000000007807</c:v>
                </c:pt>
                <c:pt idx="5002">
                  <c:v>69.020000000007798</c:v>
                </c:pt>
                <c:pt idx="5003">
                  <c:v>69.030000000007803</c:v>
                </c:pt>
                <c:pt idx="5004">
                  <c:v>69.040000000007794</c:v>
                </c:pt>
                <c:pt idx="5005">
                  <c:v>69.050000000007799</c:v>
                </c:pt>
                <c:pt idx="5006">
                  <c:v>69.060000000007804</c:v>
                </c:pt>
                <c:pt idx="5007">
                  <c:v>69.070000000007795</c:v>
                </c:pt>
                <c:pt idx="5008">
                  <c:v>69.0800000000078</c:v>
                </c:pt>
                <c:pt idx="5009">
                  <c:v>69.090000000007805</c:v>
                </c:pt>
                <c:pt idx="5010">
                  <c:v>69.100000000007796</c:v>
                </c:pt>
                <c:pt idx="5011">
                  <c:v>69.110000000007801</c:v>
                </c:pt>
                <c:pt idx="5012">
                  <c:v>69.120000000007806</c:v>
                </c:pt>
                <c:pt idx="5013">
                  <c:v>69.130000000007797</c:v>
                </c:pt>
                <c:pt idx="5014">
                  <c:v>69.140000000007802</c:v>
                </c:pt>
                <c:pt idx="5015">
                  <c:v>69.150000000007793</c:v>
                </c:pt>
                <c:pt idx="5016">
                  <c:v>69.160000000007798</c:v>
                </c:pt>
                <c:pt idx="5017">
                  <c:v>69.170000000007803</c:v>
                </c:pt>
                <c:pt idx="5018">
                  <c:v>69.180000000007794</c:v>
                </c:pt>
                <c:pt idx="5019">
                  <c:v>69.190000000007799</c:v>
                </c:pt>
                <c:pt idx="5020">
                  <c:v>69.200000000007805</c:v>
                </c:pt>
                <c:pt idx="5021">
                  <c:v>69.210000000007895</c:v>
                </c:pt>
                <c:pt idx="5022">
                  <c:v>69.2200000000079</c:v>
                </c:pt>
                <c:pt idx="5023">
                  <c:v>69.230000000007806</c:v>
                </c:pt>
                <c:pt idx="5024">
                  <c:v>69.240000000007896</c:v>
                </c:pt>
                <c:pt idx="5025">
                  <c:v>69.250000000007901</c:v>
                </c:pt>
                <c:pt idx="5026">
                  <c:v>69.260000000007906</c:v>
                </c:pt>
                <c:pt idx="5027">
                  <c:v>69.270000000007897</c:v>
                </c:pt>
                <c:pt idx="5028">
                  <c:v>69.280000000007902</c:v>
                </c:pt>
                <c:pt idx="5029">
                  <c:v>69.290000000007893</c:v>
                </c:pt>
                <c:pt idx="5030">
                  <c:v>69.300000000007898</c:v>
                </c:pt>
                <c:pt idx="5031">
                  <c:v>69.310000000007904</c:v>
                </c:pt>
                <c:pt idx="5032">
                  <c:v>69.320000000007894</c:v>
                </c:pt>
                <c:pt idx="5033">
                  <c:v>69.3300000000079</c:v>
                </c:pt>
                <c:pt idx="5034">
                  <c:v>69.340000000007905</c:v>
                </c:pt>
                <c:pt idx="5035">
                  <c:v>69.350000000007896</c:v>
                </c:pt>
                <c:pt idx="5036">
                  <c:v>69.360000000007901</c:v>
                </c:pt>
                <c:pt idx="5037">
                  <c:v>69.370000000007906</c:v>
                </c:pt>
                <c:pt idx="5038">
                  <c:v>69.380000000007897</c:v>
                </c:pt>
                <c:pt idx="5039">
                  <c:v>69.390000000007902</c:v>
                </c:pt>
                <c:pt idx="5040">
                  <c:v>69.400000000007907</c:v>
                </c:pt>
                <c:pt idx="5041">
                  <c:v>69.410000000007898</c:v>
                </c:pt>
                <c:pt idx="5042">
                  <c:v>69.420000000007903</c:v>
                </c:pt>
                <c:pt idx="5043">
                  <c:v>69.430000000007894</c:v>
                </c:pt>
                <c:pt idx="5044">
                  <c:v>69.440000000007899</c:v>
                </c:pt>
                <c:pt idx="5045">
                  <c:v>69.450000000007904</c:v>
                </c:pt>
                <c:pt idx="5046">
                  <c:v>69.460000000007895</c:v>
                </c:pt>
                <c:pt idx="5047">
                  <c:v>69.4700000000079</c:v>
                </c:pt>
                <c:pt idx="5048">
                  <c:v>69.480000000007905</c:v>
                </c:pt>
                <c:pt idx="5049">
                  <c:v>69.490000000007896</c:v>
                </c:pt>
                <c:pt idx="5050">
                  <c:v>69.500000000007901</c:v>
                </c:pt>
                <c:pt idx="5051">
                  <c:v>69.510000000007906</c:v>
                </c:pt>
                <c:pt idx="5052">
                  <c:v>69.520000000007897</c:v>
                </c:pt>
                <c:pt idx="5053">
                  <c:v>69.530000000007902</c:v>
                </c:pt>
                <c:pt idx="5054">
                  <c:v>69.540000000007893</c:v>
                </c:pt>
                <c:pt idx="5055">
                  <c:v>69.550000000007898</c:v>
                </c:pt>
                <c:pt idx="5056">
                  <c:v>69.560000000007904</c:v>
                </c:pt>
                <c:pt idx="5057">
                  <c:v>69.570000000007894</c:v>
                </c:pt>
                <c:pt idx="5058">
                  <c:v>69.5800000000079</c:v>
                </c:pt>
                <c:pt idx="5059">
                  <c:v>69.590000000007905</c:v>
                </c:pt>
                <c:pt idx="5060">
                  <c:v>69.600000000007896</c:v>
                </c:pt>
                <c:pt idx="5061">
                  <c:v>69.610000000007901</c:v>
                </c:pt>
                <c:pt idx="5062">
                  <c:v>69.620000000007906</c:v>
                </c:pt>
                <c:pt idx="5063">
                  <c:v>69.630000000007897</c:v>
                </c:pt>
                <c:pt idx="5064">
                  <c:v>69.640000000007902</c:v>
                </c:pt>
                <c:pt idx="5065">
                  <c:v>69.650000000007907</c:v>
                </c:pt>
                <c:pt idx="5066">
                  <c:v>69.660000000007898</c:v>
                </c:pt>
                <c:pt idx="5067">
                  <c:v>69.670000000007903</c:v>
                </c:pt>
                <c:pt idx="5068">
                  <c:v>69.680000000007894</c:v>
                </c:pt>
                <c:pt idx="5069">
                  <c:v>69.690000000007899</c:v>
                </c:pt>
                <c:pt idx="5070">
                  <c:v>69.700000000007904</c:v>
                </c:pt>
                <c:pt idx="5071">
                  <c:v>69.710000000007895</c:v>
                </c:pt>
                <c:pt idx="5072">
                  <c:v>69.7200000000079</c:v>
                </c:pt>
                <c:pt idx="5073">
                  <c:v>69.730000000007905</c:v>
                </c:pt>
                <c:pt idx="5074">
                  <c:v>69.740000000007896</c:v>
                </c:pt>
                <c:pt idx="5075">
                  <c:v>69.750000000007901</c:v>
                </c:pt>
                <c:pt idx="5076">
                  <c:v>69.760000000007906</c:v>
                </c:pt>
                <c:pt idx="5077">
                  <c:v>69.770000000007897</c:v>
                </c:pt>
                <c:pt idx="5078">
                  <c:v>69.780000000007902</c:v>
                </c:pt>
                <c:pt idx="5079">
                  <c:v>69.790000000007893</c:v>
                </c:pt>
                <c:pt idx="5080">
                  <c:v>69.800000000007898</c:v>
                </c:pt>
                <c:pt idx="5081">
                  <c:v>69.810000000007904</c:v>
                </c:pt>
                <c:pt idx="5082">
                  <c:v>69.820000000007894</c:v>
                </c:pt>
                <c:pt idx="5083">
                  <c:v>69.8300000000079</c:v>
                </c:pt>
                <c:pt idx="5084">
                  <c:v>69.840000000007905</c:v>
                </c:pt>
                <c:pt idx="5085">
                  <c:v>69.850000000007995</c:v>
                </c:pt>
                <c:pt idx="5086">
                  <c:v>69.860000000008</c:v>
                </c:pt>
                <c:pt idx="5087">
                  <c:v>69.870000000007906</c:v>
                </c:pt>
                <c:pt idx="5088">
                  <c:v>69.880000000007996</c:v>
                </c:pt>
                <c:pt idx="5089">
                  <c:v>69.890000000008001</c:v>
                </c:pt>
                <c:pt idx="5090">
                  <c:v>69.900000000008006</c:v>
                </c:pt>
                <c:pt idx="5091">
                  <c:v>69.910000000007997</c:v>
                </c:pt>
                <c:pt idx="5092">
                  <c:v>69.920000000008002</c:v>
                </c:pt>
                <c:pt idx="5093">
                  <c:v>69.930000000007993</c:v>
                </c:pt>
                <c:pt idx="5094">
                  <c:v>69.940000000007998</c:v>
                </c:pt>
                <c:pt idx="5095">
                  <c:v>69.950000000008004</c:v>
                </c:pt>
                <c:pt idx="5096">
                  <c:v>69.960000000007994</c:v>
                </c:pt>
                <c:pt idx="5097">
                  <c:v>69.970000000008</c:v>
                </c:pt>
                <c:pt idx="5098">
                  <c:v>69.980000000008005</c:v>
                </c:pt>
                <c:pt idx="5099">
                  <c:v>69.990000000007996</c:v>
                </c:pt>
                <c:pt idx="5100">
                  <c:v>70.000000000008001</c:v>
                </c:pt>
                <c:pt idx="5101">
                  <c:v>70.010000000008006</c:v>
                </c:pt>
                <c:pt idx="5102">
                  <c:v>70.020000000007997</c:v>
                </c:pt>
                <c:pt idx="5103">
                  <c:v>70.030000000008002</c:v>
                </c:pt>
                <c:pt idx="5104">
                  <c:v>70.040000000008007</c:v>
                </c:pt>
                <c:pt idx="5105">
                  <c:v>70.050000000007998</c:v>
                </c:pt>
                <c:pt idx="5106">
                  <c:v>70.060000000008003</c:v>
                </c:pt>
                <c:pt idx="5107">
                  <c:v>70.070000000007994</c:v>
                </c:pt>
                <c:pt idx="5108">
                  <c:v>70.080000000007999</c:v>
                </c:pt>
                <c:pt idx="5109">
                  <c:v>70.090000000008004</c:v>
                </c:pt>
                <c:pt idx="5110">
                  <c:v>70.100000000007995</c:v>
                </c:pt>
                <c:pt idx="5111">
                  <c:v>70.110000000008</c:v>
                </c:pt>
                <c:pt idx="5112">
                  <c:v>70.120000000008005</c:v>
                </c:pt>
                <c:pt idx="5113">
                  <c:v>70.130000000007996</c:v>
                </c:pt>
                <c:pt idx="5114">
                  <c:v>70.140000000008001</c:v>
                </c:pt>
                <c:pt idx="5115">
                  <c:v>70.150000000008006</c:v>
                </c:pt>
                <c:pt idx="5116">
                  <c:v>70.160000000007997</c:v>
                </c:pt>
                <c:pt idx="5117">
                  <c:v>70.170000000008002</c:v>
                </c:pt>
                <c:pt idx="5118">
                  <c:v>70.180000000007993</c:v>
                </c:pt>
                <c:pt idx="5119">
                  <c:v>70.190000000007998</c:v>
                </c:pt>
                <c:pt idx="5120">
                  <c:v>70.200000000008004</c:v>
                </c:pt>
                <c:pt idx="5121">
                  <c:v>70.210000000007994</c:v>
                </c:pt>
                <c:pt idx="5122">
                  <c:v>70.220000000008</c:v>
                </c:pt>
                <c:pt idx="5123">
                  <c:v>70.230000000008005</c:v>
                </c:pt>
                <c:pt idx="5124">
                  <c:v>70.240000000007996</c:v>
                </c:pt>
                <c:pt idx="5125">
                  <c:v>70.250000000008001</c:v>
                </c:pt>
                <c:pt idx="5126">
                  <c:v>70.260000000008006</c:v>
                </c:pt>
                <c:pt idx="5127">
                  <c:v>70.270000000007997</c:v>
                </c:pt>
                <c:pt idx="5128">
                  <c:v>70.280000000008002</c:v>
                </c:pt>
                <c:pt idx="5129">
                  <c:v>70.290000000008007</c:v>
                </c:pt>
                <c:pt idx="5130">
                  <c:v>70.300000000007998</c:v>
                </c:pt>
                <c:pt idx="5131">
                  <c:v>70.310000000008003</c:v>
                </c:pt>
                <c:pt idx="5132">
                  <c:v>70.320000000007994</c:v>
                </c:pt>
                <c:pt idx="5133">
                  <c:v>70.330000000007999</c:v>
                </c:pt>
                <c:pt idx="5134">
                  <c:v>70.340000000008004</c:v>
                </c:pt>
                <c:pt idx="5135">
                  <c:v>70.350000000007995</c:v>
                </c:pt>
                <c:pt idx="5136">
                  <c:v>70.360000000008</c:v>
                </c:pt>
                <c:pt idx="5137">
                  <c:v>70.370000000008005</c:v>
                </c:pt>
                <c:pt idx="5138">
                  <c:v>70.380000000007996</c:v>
                </c:pt>
                <c:pt idx="5139">
                  <c:v>70.390000000008001</c:v>
                </c:pt>
                <c:pt idx="5140">
                  <c:v>70.400000000008006</c:v>
                </c:pt>
                <c:pt idx="5141">
                  <c:v>70.410000000007997</c:v>
                </c:pt>
                <c:pt idx="5142">
                  <c:v>70.420000000008002</c:v>
                </c:pt>
                <c:pt idx="5143">
                  <c:v>70.430000000007993</c:v>
                </c:pt>
                <c:pt idx="5144">
                  <c:v>70.440000000007998</c:v>
                </c:pt>
                <c:pt idx="5145">
                  <c:v>70.450000000008004</c:v>
                </c:pt>
                <c:pt idx="5146">
                  <c:v>70.460000000007994</c:v>
                </c:pt>
                <c:pt idx="5147">
                  <c:v>70.470000000008</c:v>
                </c:pt>
                <c:pt idx="5148">
                  <c:v>70.480000000008005</c:v>
                </c:pt>
                <c:pt idx="5149">
                  <c:v>70.490000000008095</c:v>
                </c:pt>
                <c:pt idx="5150">
                  <c:v>70.5000000000081</c:v>
                </c:pt>
                <c:pt idx="5151">
                  <c:v>70.510000000008006</c:v>
                </c:pt>
                <c:pt idx="5152">
                  <c:v>70.520000000008096</c:v>
                </c:pt>
                <c:pt idx="5153">
                  <c:v>70.530000000008101</c:v>
                </c:pt>
                <c:pt idx="5154">
                  <c:v>70.540000000008106</c:v>
                </c:pt>
                <c:pt idx="5155">
                  <c:v>70.550000000008097</c:v>
                </c:pt>
                <c:pt idx="5156">
                  <c:v>70.560000000008102</c:v>
                </c:pt>
                <c:pt idx="5157">
                  <c:v>70.570000000008093</c:v>
                </c:pt>
                <c:pt idx="5158">
                  <c:v>70.580000000008098</c:v>
                </c:pt>
                <c:pt idx="5159">
                  <c:v>70.590000000008104</c:v>
                </c:pt>
                <c:pt idx="5160">
                  <c:v>70.600000000008095</c:v>
                </c:pt>
                <c:pt idx="5161">
                  <c:v>70.6100000000081</c:v>
                </c:pt>
                <c:pt idx="5162">
                  <c:v>70.620000000008105</c:v>
                </c:pt>
                <c:pt idx="5163">
                  <c:v>70.630000000008096</c:v>
                </c:pt>
                <c:pt idx="5164">
                  <c:v>70.640000000008101</c:v>
                </c:pt>
                <c:pt idx="5165">
                  <c:v>70.650000000008106</c:v>
                </c:pt>
                <c:pt idx="5166">
                  <c:v>70.660000000008097</c:v>
                </c:pt>
                <c:pt idx="5167">
                  <c:v>70.670000000008102</c:v>
                </c:pt>
                <c:pt idx="5168">
                  <c:v>70.680000000008107</c:v>
                </c:pt>
                <c:pt idx="5169">
                  <c:v>70.690000000008098</c:v>
                </c:pt>
                <c:pt idx="5170">
                  <c:v>70.700000000008103</c:v>
                </c:pt>
                <c:pt idx="5171">
                  <c:v>70.710000000008094</c:v>
                </c:pt>
                <c:pt idx="5172">
                  <c:v>70.720000000008099</c:v>
                </c:pt>
                <c:pt idx="5173">
                  <c:v>70.730000000008104</c:v>
                </c:pt>
                <c:pt idx="5174">
                  <c:v>70.740000000008095</c:v>
                </c:pt>
                <c:pt idx="5175">
                  <c:v>70.7500000000081</c:v>
                </c:pt>
                <c:pt idx="5176">
                  <c:v>70.760000000008105</c:v>
                </c:pt>
                <c:pt idx="5177">
                  <c:v>70.770000000008096</c:v>
                </c:pt>
                <c:pt idx="5178">
                  <c:v>70.780000000008101</c:v>
                </c:pt>
                <c:pt idx="5179">
                  <c:v>70.790000000008106</c:v>
                </c:pt>
                <c:pt idx="5180">
                  <c:v>70.800000000008097</c:v>
                </c:pt>
                <c:pt idx="5181">
                  <c:v>70.810000000008102</c:v>
                </c:pt>
                <c:pt idx="5182">
                  <c:v>70.820000000008093</c:v>
                </c:pt>
                <c:pt idx="5183">
                  <c:v>70.830000000008098</c:v>
                </c:pt>
                <c:pt idx="5184">
                  <c:v>70.840000000008104</c:v>
                </c:pt>
                <c:pt idx="5185">
                  <c:v>70.850000000008095</c:v>
                </c:pt>
                <c:pt idx="5186">
                  <c:v>70.8600000000081</c:v>
                </c:pt>
                <c:pt idx="5187">
                  <c:v>70.870000000008105</c:v>
                </c:pt>
                <c:pt idx="5188">
                  <c:v>70.880000000008096</c:v>
                </c:pt>
                <c:pt idx="5189">
                  <c:v>70.890000000008101</c:v>
                </c:pt>
                <c:pt idx="5190">
                  <c:v>70.900000000008106</c:v>
                </c:pt>
                <c:pt idx="5191">
                  <c:v>70.910000000008097</c:v>
                </c:pt>
                <c:pt idx="5192">
                  <c:v>70.920000000008102</c:v>
                </c:pt>
                <c:pt idx="5193">
                  <c:v>70.930000000008107</c:v>
                </c:pt>
                <c:pt idx="5194">
                  <c:v>70.940000000008098</c:v>
                </c:pt>
                <c:pt idx="5195">
                  <c:v>70.950000000008103</c:v>
                </c:pt>
                <c:pt idx="5196">
                  <c:v>70.960000000008094</c:v>
                </c:pt>
                <c:pt idx="5197">
                  <c:v>70.970000000008099</c:v>
                </c:pt>
                <c:pt idx="5198">
                  <c:v>70.980000000008104</c:v>
                </c:pt>
                <c:pt idx="5199">
                  <c:v>70.990000000008095</c:v>
                </c:pt>
                <c:pt idx="5200">
                  <c:v>71.0000000000081</c:v>
                </c:pt>
                <c:pt idx="5201">
                  <c:v>71.010000000008105</c:v>
                </c:pt>
                <c:pt idx="5202">
                  <c:v>71.020000000008096</c:v>
                </c:pt>
                <c:pt idx="5203">
                  <c:v>71.030000000008101</c:v>
                </c:pt>
                <c:pt idx="5204">
                  <c:v>71.040000000008106</c:v>
                </c:pt>
                <c:pt idx="5205">
                  <c:v>71.050000000008097</c:v>
                </c:pt>
                <c:pt idx="5206">
                  <c:v>71.060000000008102</c:v>
                </c:pt>
                <c:pt idx="5207">
                  <c:v>71.070000000008093</c:v>
                </c:pt>
                <c:pt idx="5208">
                  <c:v>71.080000000008098</c:v>
                </c:pt>
                <c:pt idx="5209">
                  <c:v>71.090000000008104</c:v>
                </c:pt>
                <c:pt idx="5210">
                  <c:v>71.100000000008095</c:v>
                </c:pt>
                <c:pt idx="5211">
                  <c:v>71.1100000000081</c:v>
                </c:pt>
                <c:pt idx="5212">
                  <c:v>71.120000000008105</c:v>
                </c:pt>
                <c:pt idx="5213">
                  <c:v>71.130000000008195</c:v>
                </c:pt>
                <c:pt idx="5214">
                  <c:v>71.1400000000082</c:v>
                </c:pt>
                <c:pt idx="5215">
                  <c:v>71.150000000008106</c:v>
                </c:pt>
                <c:pt idx="5216">
                  <c:v>71.160000000008196</c:v>
                </c:pt>
                <c:pt idx="5217">
                  <c:v>71.170000000008201</c:v>
                </c:pt>
                <c:pt idx="5218">
                  <c:v>71.180000000008206</c:v>
                </c:pt>
                <c:pt idx="5219">
                  <c:v>71.190000000008197</c:v>
                </c:pt>
                <c:pt idx="5220">
                  <c:v>71.200000000008203</c:v>
                </c:pt>
                <c:pt idx="5221">
                  <c:v>71.210000000008193</c:v>
                </c:pt>
                <c:pt idx="5222">
                  <c:v>71.220000000008199</c:v>
                </c:pt>
                <c:pt idx="5223">
                  <c:v>71.230000000008204</c:v>
                </c:pt>
                <c:pt idx="5224">
                  <c:v>71.240000000008195</c:v>
                </c:pt>
                <c:pt idx="5225">
                  <c:v>71.2500000000082</c:v>
                </c:pt>
                <c:pt idx="5226">
                  <c:v>71.260000000008205</c:v>
                </c:pt>
                <c:pt idx="5227">
                  <c:v>71.270000000008196</c:v>
                </c:pt>
                <c:pt idx="5228">
                  <c:v>71.280000000008201</c:v>
                </c:pt>
                <c:pt idx="5229">
                  <c:v>71.290000000008206</c:v>
                </c:pt>
                <c:pt idx="5230">
                  <c:v>71.300000000008197</c:v>
                </c:pt>
                <c:pt idx="5231">
                  <c:v>71.310000000008202</c:v>
                </c:pt>
                <c:pt idx="5232">
                  <c:v>71.320000000008207</c:v>
                </c:pt>
                <c:pt idx="5233">
                  <c:v>71.330000000008198</c:v>
                </c:pt>
                <c:pt idx="5234">
                  <c:v>71.340000000008203</c:v>
                </c:pt>
                <c:pt idx="5235">
                  <c:v>71.350000000008194</c:v>
                </c:pt>
                <c:pt idx="5236">
                  <c:v>71.360000000008199</c:v>
                </c:pt>
                <c:pt idx="5237">
                  <c:v>71.370000000008204</c:v>
                </c:pt>
                <c:pt idx="5238">
                  <c:v>71.380000000008195</c:v>
                </c:pt>
                <c:pt idx="5239">
                  <c:v>71.3900000000082</c:v>
                </c:pt>
                <c:pt idx="5240">
                  <c:v>71.400000000008205</c:v>
                </c:pt>
                <c:pt idx="5241">
                  <c:v>71.410000000008196</c:v>
                </c:pt>
                <c:pt idx="5242">
                  <c:v>71.420000000008201</c:v>
                </c:pt>
                <c:pt idx="5243">
                  <c:v>71.430000000008206</c:v>
                </c:pt>
                <c:pt idx="5244">
                  <c:v>71.440000000008197</c:v>
                </c:pt>
                <c:pt idx="5245">
                  <c:v>71.450000000008203</c:v>
                </c:pt>
                <c:pt idx="5246">
                  <c:v>71.460000000008193</c:v>
                </c:pt>
                <c:pt idx="5247">
                  <c:v>71.470000000008199</c:v>
                </c:pt>
                <c:pt idx="5248">
                  <c:v>71.480000000008204</c:v>
                </c:pt>
                <c:pt idx="5249">
                  <c:v>71.490000000008195</c:v>
                </c:pt>
                <c:pt idx="5250">
                  <c:v>71.5000000000082</c:v>
                </c:pt>
                <c:pt idx="5251">
                  <c:v>71.510000000008205</c:v>
                </c:pt>
                <c:pt idx="5252">
                  <c:v>71.520000000008196</c:v>
                </c:pt>
                <c:pt idx="5253">
                  <c:v>71.530000000008201</c:v>
                </c:pt>
                <c:pt idx="5254">
                  <c:v>71.540000000008206</c:v>
                </c:pt>
                <c:pt idx="5255">
                  <c:v>71.550000000008197</c:v>
                </c:pt>
                <c:pt idx="5256">
                  <c:v>71.560000000008202</c:v>
                </c:pt>
                <c:pt idx="5257">
                  <c:v>71.570000000008207</c:v>
                </c:pt>
                <c:pt idx="5258">
                  <c:v>71.580000000008198</c:v>
                </c:pt>
                <c:pt idx="5259">
                  <c:v>71.590000000008203</c:v>
                </c:pt>
                <c:pt idx="5260">
                  <c:v>71.600000000008194</c:v>
                </c:pt>
                <c:pt idx="5261">
                  <c:v>71.610000000008199</c:v>
                </c:pt>
                <c:pt idx="5262">
                  <c:v>71.620000000008204</c:v>
                </c:pt>
                <c:pt idx="5263">
                  <c:v>71.630000000008195</c:v>
                </c:pt>
                <c:pt idx="5264">
                  <c:v>71.6400000000082</c:v>
                </c:pt>
                <c:pt idx="5265">
                  <c:v>71.650000000008205</c:v>
                </c:pt>
                <c:pt idx="5266">
                  <c:v>71.660000000008196</c:v>
                </c:pt>
                <c:pt idx="5267">
                  <c:v>71.670000000008201</c:v>
                </c:pt>
                <c:pt idx="5268">
                  <c:v>71.680000000008206</c:v>
                </c:pt>
                <c:pt idx="5269">
                  <c:v>71.690000000008197</c:v>
                </c:pt>
                <c:pt idx="5270">
                  <c:v>71.700000000008203</c:v>
                </c:pt>
                <c:pt idx="5271">
                  <c:v>71.710000000008193</c:v>
                </c:pt>
                <c:pt idx="5272">
                  <c:v>71.720000000008199</c:v>
                </c:pt>
                <c:pt idx="5273">
                  <c:v>71.730000000008204</c:v>
                </c:pt>
                <c:pt idx="5274">
                  <c:v>71.740000000008195</c:v>
                </c:pt>
                <c:pt idx="5275">
                  <c:v>71.7500000000082</c:v>
                </c:pt>
                <c:pt idx="5276">
                  <c:v>71.760000000008205</c:v>
                </c:pt>
                <c:pt idx="5277">
                  <c:v>71.770000000008295</c:v>
                </c:pt>
                <c:pt idx="5278">
                  <c:v>71.7800000000083</c:v>
                </c:pt>
                <c:pt idx="5279">
                  <c:v>71.790000000008206</c:v>
                </c:pt>
                <c:pt idx="5280">
                  <c:v>71.800000000008296</c:v>
                </c:pt>
                <c:pt idx="5281">
                  <c:v>71.810000000008301</c:v>
                </c:pt>
                <c:pt idx="5282">
                  <c:v>71.820000000008307</c:v>
                </c:pt>
                <c:pt idx="5283">
                  <c:v>71.830000000008297</c:v>
                </c:pt>
                <c:pt idx="5284">
                  <c:v>71.840000000008303</c:v>
                </c:pt>
                <c:pt idx="5285">
                  <c:v>71.850000000008293</c:v>
                </c:pt>
                <c:pt idx="5286">
                  <c:v>71.860000000008299</c:v>
                </c:pt>
                <c:pt idx="5287">
                  <c:v>71.870000000008304</c:v>
                </c:pt>
                <c:pt idx="5288">
                  <c:v>71.880000000008295</c:v>
                </c:pt>
                <c:pt idx="5289">
                  <c:v>71.8900000000083</c:v>
                </c:pt>
                <c:pt idx="5290">
                  <c:v>71.900000000008305</c:v>
                </c:pt>
                <c:pt idx="5291">
                  <c:v>71.910000000008296</c:v>
                </c:pt>
                <c:pt idx="5292">
                  <c:v>71.920000000008301</c:v>
                </c:pt>
                <c:pt idx="5293">
                  <c:v>71.930000000008306</c:v>
                </c:pt>
                <c:pt idx="5294">
                  <c:v>71.940000000008297</c:v>
                </c:pt>
                <c:pt idx="5295">
                  <c:v>71.950000000008302</c:v>
                </c:pt>
                <c:pt idx="5296">
                  <c:v>71.960000000008307</c:v>
                </c:pt>
                <c:pt idx="5297">
                  <c:v>71.970000000008298</c:v>
                </c:pt>
                <c:pt idx="5298">
                  <c:v>71.980000000008303</c:v>
                </c:pt>
                <c:pt idx="5299">
                  <c:v>71.990000000008294</c:v>
                </c:pt>
                <c:pt idx="5300">
                  <c:v>72.000000000008299</c:v>
                </c:pt>
                <c:pt idx="5301">
                  <c:v>72.010000000008304</c:v>
                </c:pt>
                <c:pt idx="5302">
                  <c:v>72.020000000008295</c:v>
                </c:pt>
                <c:pt idx="5303">
                  <c:v>72.0300000000083</c:v>
                </c:pt>
                <c:pt idx="5304">
                  <c:v>72.040000000008305</c:v>
                </c:pt>
                <c:pt idx="5305">
                  <c:v>72.050000000008296</c:v>
                </c:pt>
                <c:pt idx="5306">
                  <c:v>72.060000000008301</c:v>
                </c:pt>
                <c:pt idx="5307">
                  <c:v>72.070000000008307</c:v>
                </c:pt>
                <c:pt idx="5308">
                  <c:v>72.080000000008297</c:v>
                </c:pt>
                <c:pt idx="5309">
                  <c:v>72.090000000008303</c:v>
                </c:pt>
                <c:pt idx="5310">
                  <c:v>72.100000000008293</c:v>
                </c:pt>
                <c:pt idx="5311">
                  <c:v>72.110000000008299</c:v>
                </c:pt>
                <c:pt idx="5312">
                  <c:v>72.120000000008304</c:v>
                </c:pt>
                <c:pt idx="5313">
                  <c:v>72.130000000008295</c:v>
                </c:pt>
                <c:pt idx="5314">
                  <c:v>72.1400000000083</c:v>
                </c:pt>
                <c:pt idx="5315">
                  <c:v>72.150000000008305</c:v>
                </c:pt>
                <c:pt idx="5316">
                  <c:v>72.160000000008296</c:v>
                </c:pt>
                <c:pt idx="5317">
                  <c:v>72.170000000008301</c:v>
                </c:pt>
                <c:pt idx="5318">
                  <c:v>72.180000000008306</c:v>
                </c:pt>
                <c:pt idx="5319">
                  <c:v>72.190000000008297</c:v>
                </c:pt>
                <c:pt idx="5320">
                  <c:v>72.200000000008302</c:v>
                </c:pt>
                <c:pt idx="5321">
                  <c:v>72.210000000008307</c:v>
                </c:pt>
                <c:pt idx="5322">
                  <c:v>72.220000000008298</c:v>
                </c:pt>
                <c:pt idx="5323">
                  <c:v>72.230000000008303</c:v>
                </c:pt>
                <c:pt idx="5324">
                  <c:v>72.240000000008294</c:v>
                </c:pt>
                <c:pt idx="5325">
                  <c:v>72.250000000008299</c:v>
                </c:pt>
                <c:pt idx="5326">
                  <c:v>72.260000000008304</c:v>
                </c:pt>
                <c:pt idx="5327">
                  <c:v>72.270000000008295</c:v>
                </c:pt>
                <c:pt idx="5328">
                  <c:v>72.2800000000083</c:v>
                </c:pt>
                <c:pt idx="5329">
                  <c:v>72.290000000008305</c:v>
                </c:pt>
                <c:pt idx="5330">
                  <c:v>72.300000000008296</c:v>
                </c:pt>
                <c:pt idx="5331">
                  <c:v>72.310000000008301</c:v>
                </c:pt>
                <c:pt idx="5332">
                  <c:v>72.320000000008307</c:v>
                </c:pt>
                <c:pt idx="5333">
                  <c:v>72.330000000008297</c:v>
                </c:pt>
                <c:pt idx="5334">
                  <c:v>72.340000000008303</c:v>
                </c:pt>
                <c:pt idx="5335">
                  <c:v>72.350000000008293</c:v>
                </c:pt>
                <c:pt idx="5336">
                  <c:v>72.360000000008299</c:v>
                </c:pt>
                <c:pt idx="5337">
                  <c:v>72.370000000008304</c:v>
                </c:pt>
                <c:pt idx="5338">
                  <c:v>72.380000000008295</c:v>
                </c:pt>
                <c:pt idx="5339">
                  <c:v>72.3900000000083</c:v>
                </c:pt>
                <c:pt idx="5340">
                  <c:v>72.400000000008305</c:v>
                </c:pt>
                <c:pt idx="5341">
                  <c:v>72.410000000008395</c:v>
                </c:pt>
                <c:pt idx="5342">
                  <c:v>72.4200000000084</c:v>
                </c:pt>
                <c:pt idx="5343">
                  <c:v>72.430000000008306</c:v>
                </c:pt>
                <c:pt idx="5344">
                  <c:v>72.440000000008396</c:v>
                </c:pt>
                <c:pt idx="5345">
                  <c:v>72.450000000008401</c:v>
                </c:pt>
                <c:pt idx="5346">
                  <c:v>72.460000000008407</c:v>
                </c:pt>
                <c:pt idx="5347">
                  <c:v>72.470000000008397</c:v>
                </c:pt>
                <c:pt idx="5348">
                  <c:v>72.480000000008403</c:v>
                </c:pt>
                <c:pt idx="5349">
                  <c:v>72.490000000008393</c:v>
                </c:pt>
                <c:pt idx="5350">
                  <c:v>72.500000000008399</c:v>
                </c:pt>
                <c:pt idx="5351">
                  <c:v>72.510000000008404</c:v>
                </c:pt>
                <c:pt idx="5352">
                  <c:v>72.520000000008395</c:v>
                </c:pt>
                <c:pt idx="5353">
                  <c:v>72.5300000000084</c:v>
                </c:pt>
                <c:pt idx="5354">
                  <c:v>72.540000000008405</c:v>
                </c:pt>
                <c:pt idx="5355">
                  <c:v>72.550000000008396</c:v>
                </c:pt>
                <c:pt idx="5356">
                  <c:v>72.560000000008401</c:v>
                </c:pt>
                <c:pt idx="5357">
                  <c:v>72.570000000008406</c:v>
                </c:pt>
                <c:pt idx="5358">
                  <c:v>72.580000000008397</c:v>
                </c:pt>
                <c:pt idx="5359">
                  <c:v>72.590000000008402</c:v>
                </c:pt>
                <c:pt idx="5360">
                  <c:v>72.600000000008393</c:v>
                </c:pt>
                <c:pt idx="5361">
                  <c:v>72.610000000008398</c:v>
                </c:pt>
                <c:pt idx="5362">
                  <c:v>72.620000000008403</c:v>
                </c:pt>
                <c:pt idx="5363">
                  <c:v>72.630000000008394</c:v>
                </c:pt>
                <c:pt idx="5364">
                  <c:v>72.640000000008399</c:v>
                </c:pt>
                <c:pt idx="5365">
                  <c:v>72.650000000008404</c:v>
                </c:pt>
                <c:pt idx="5366">
                  <c:v>72.660000000008395</c:v>
                </c:pt>
                <c:pt idx="5367">
                  <c:v>72.6700000000084</c:v>
                </c:pt>
                <c:pt idx="5368">
                  <c:v>72.680000000008405</c:v>
                </c:pt>
                <c:pt idx="5369">
                  <c:v>72.690000000008396</c:v>
                </c:pt>
                <c:pt idx="5370">
                  <c:v>72.700000000008401</c:v>
                </c:pt>
                <c:pt idx="5371">
                  <c:v>72.710000000008407</c:v>
                </c:pt>
                <c:pt idx="5372">
                  <c:v>72.720000000008397</c:v>
                </c:pt>
                <c:pt idx="5373">
                  <c:v>72.730000000008403</c:v>
                </c:pt>
                <c:pt idx="5374">
                  <c:v>72.740000000008393</c:v>
                </c:pt>
                <c:pt idx="5375">
                  <c:v>72.750000000008399</c:v>
                </c:pt>
                <c:pt idx="5376">
                  <c:v>72.760000000008404</c:v>
                </c:pt>
                <c:pt idx="5377">
                  <c:v>72.770000000008395</c:v>
                </c:pt>
                <c:pt idx="5378">
                  <c:v>72.7800000000084</c:v>
                </c:pt>
                <c:pt idx="5379">
                  <c:v>72.790000000008405</c:v>
                </c:pt>
                <c:pt idx="5380">
                  <c:v>72.800000000008396</c:v>
                </c:pt>
                <c:pt idx="5381">
                  <c:v>72.810000000008401</c:v>
                </c:pt>
                <c:pt idx="5382">
                  <c:v>72.820000000008406</c:v>
                </c:pt>
                <c:pt idx="5383">
                  <c:v>72.830000000008397</c:v>
                </c:pt>
                <c:pt idx="5384">
                  <c:v>72.840000000008402</c:v>
                </c:pt>
                <c:pt idx="5385">
                  <c:v>72.850000000008393</c:v>
                </c:pt>
                <c:pt idx="5386">
                  <c:v>72.860000000008398</c:v>
                </c:pt>
                <c:pt idx="5387">
                  <c:v>72.870000000008403</c:v>
                </c:pt>
                <c:pt idx="5388">
                  <c:v>72.880000000008394</c:v>
                </c:pt>
                <c:pt idx="5389">
                  <c:v>72.890000000008399</c:v>
                </c:pt>
                <c:pt idx="5390">
                  <c:v>72.900000000008404</c:v>
                </c:pt>
                <c:pt idx="5391">
                  <c:v>72.910000000008395</c:v>
                </c:pt>
                <c:pt idx="5392">
                  <c:v>72.9200000000084</c:v>
                </c:pt>
                <c:pt idx="5393">
                  <c:v>72.930000000008405</c:v>
                </c:pt>
                <c:pt idx="5394">
                  <c:v>72.940000000008396</c:v>
                </c:pt>
                <c:pt idx="5395">
                  <c:v>72.950000000008401</c:v>
                </c:pt>
                <c:pt idx="5396">
                  <c:v>72.960000000008407</c:v>
                </c:pt>
                <c:pt idx="5397">
                  <c:v>72.970000000008397</c:v>
                </c:pt>
                <c:pt idx="5398">
                  <c:v>72.980000000008403</c:v>
                </c:pt>
                <c:pt idx="5399">
                  <c:v>72.990000000008393</c:v>
                </c:pt>
                <c:pt idx="5400">
                  <c:v>73.000000000008399</c:v>
                </c:pt>
                <c:pt idx="5401">
                  <c:v>73.010000000008404</c:v>
                </c:pt>
                <c:pt idx="5402">
                  <c:v>73.020000000008395</c:v>
                </c:pt>
                <c:pt idx="5403">
                  <c:v>73.0300000000084</c:v>
                </c:pt>
                <c:pt idx="5404">
                  <c:v>73.040000000008405</c:v>
                </c:pt>
                <c:pt idx="5405">
                  <c:v>73.050000000008495</c:v>
                </c:pt>
                <c:pt idx="5406">
                  <c:v>73.0600000000085</c:v>
                </c:pt>
                <c:pt idx="5407">
                  <c:v>73.070000000008406</c:v>
                </c:pt>
                <c:pt idx="5408">
                  <c:v>73.080000000008496</c:v>
                </c:pt>
                <c:pt idx="5409">
                  <c:v>73.090000000008502</c:v>
                </c:pt>
                <c:pt idx="5410">
                  <c:v>73.100000000008507</c:v>
                </c:pt>
                <c:pt idx="5411">
                  <c:v>73.110000000008498</c:v>
                </c:pt>
                <c:pt idx="5412">
                  <c:v>73.120000000008503</c:v>
                </c:pt>
                <c:pt idx="5413">
                  <c:v>73.130000000008494</c:v>
                </c:pt>
                <c:pt idx="5414">
                  <c:v>73.140000000008499</c:v>
                </c:pt>
                <c:pt idx="5415">
                  <c:v>73.150000000008504</c:v>
                </c:pt>
                <c:pt idx="5416">
                  <c:v>73.160000000008495</c:v>
                </c:pt>
                <c:pt idx="5417">
                  <c:v>73.1700000000085</c:v>
                </c:pt>
                <c:pt idx="5418">
                  <c:v>73.180000000008505</c:v>
                </c:pt>
                <c:pt idx="5419">
                  <c:v>73.190000000008496</c:v>
                </c:pt>
                <c:pt idx="5420">
                  <c:v>73.200000000008501</c:v>
                </c:pt>
                <c:pt idx="5421">
                  <c:v>73.210000000008506</c:v>
                </c:pt>
                <c:pt idx="5422">
                  <c:v>73.220000000008497</c:v>
                </c:pt>
                <c:pt idx="5423">
                  <c:v>73.230000000008502</c:v>
                </c:pt>
                <c:pt idx="5424">
                  <c:v>73.240000000008493</c:v>
                </c:pt>
                <c:pt idx="5425">
                  <c:v>73.250000000008498</c:v>
                </c:pt>
                <c:pt idx="5426">
                  <c:v>73.260000000008503</c:v>
                </c:pt>
                <c:pt idx="5427">
                  <c:v>73.270000000008494</c:v>
                </c:pt>
                <c:pt idx="5428">
                  <c:v>73.280000000008499</c:v>
                </c:pt>
                <c:pt idx="5429">
                  <c:v>73.290000000008504</c:v>
                </c:pt>
                <c:pt idx="5430">
                  <c:v>73.300000000008495</c:v>
                </c:pt>
                <c:pt idx="5431">
                  <c:v>73.3100000000085</c:v>
                </c:pt>
                <c:pt idx="5432">
                  <c:v>73.320000000008505</c:v>
                </c:pt>
                <c:pt idx="5433">
                  <c:v>73.330000000008496</c:v>
                </c:pt>
                <c:pt idx="5434">
                  <c:v>73.340000000008502</c:v>
                </c:pt>
                <c:pt idx="5435">
                  <c:v>73.350000000008507</c:v>
                </c:pt>
                <c:pt idx="5436">
                  <c:v>73.360000000008498</c:v>
                </c:pt>
                <c:pt idx="5437">
                  <c:v>73.370000000008503</c:v>
                </c:pt>
                <c:pt idx="5438">
                  <c:v>73.380000000008494</c:v>
                </c:pt>
                <c:pt idx="5439">
                  <c:v>73.390000000008499</c:v>
                </c:pt>
                <c:pt idx="5440">
                  <c:v>73.400000000008504</c:v>
                </c:pt>
                <c:pt idx="5441">
                  <c:v>73.410000000008495</c:v>
                </c:pt>
                <c:pt idx="5442">
                  <c:v>73.4200000000085</c:v>
                </c:pt>
                <c:pt idx="5443">
                  <c:v>73.430000000008505</c:v>
                </c:pt>
                <c:pt idx="5444">
                  <c:v>73.440000000008496</c:v>
                </c:pt>
                <c:pt idx="5445">
                  <c:v>73.450000000008501</c:v>
                </c:pt>
                <c:pt idx="5446">
                  <c:v>73.460000000008506</c:v>
                </c:pt>
                <c:pt idx="5447">
                  <c:v>73.470000000008497</c:v>
                </c:pt>
                <c:pt idx="5448">
                  <c:v>73.480000000008502</c:v>
                </c:pt>
                <c:pt idx="5449">
                  <c:v>73.490000000008493</c:v>
                </c:pt>
                <c:pt idx="5450">
                  <c:v>73.500000000008498</c:v>
                </c:pt>
                <c:pt idx="5451">
                  <c:v>73.510000000008503</c:v>
                </c:pt>
                <c:pt idx="5452">
                  <c:v>73.520000000008494</c:v>
                </c:pt>
                <c:pt idx="5453">
                  <c:v>73.530000000008499</c:v>
                </c:pt>
                <c:pt idx="5454">
                  <c:v>73.540000000008504</c:v>
                </c:pt>
                <c:pt idx="5455">
                  <c:v>73.550000000008495</c:v>
                </c:pt>
                <c:pt idx="5456">
                  <c:v>73.5600000000085</c:v>
                </c:pt>
                <c:pt idx="5457">
                  <c:v>73.570000000008505</c:v>
                </c:pt>
                <c:pt idx="5458">
                  <c:v>73.580000000008496</c:v>
                </c:pt>
                <c:pt idx="5459">
                  <c:v>73.590000000008502</c:v>
                </c:pt>
                <c:pt idx="5460">
                  <c:v>73.600000000008507</c:v>
                </c:pt>
                <c:pt idx="5461">
                  <c:v>73.610000000008498</c:v>
                </c:pt>
                <c:pt idx="5462">
                  <c:v>73.620000000008503</c:v>
                </c:pt>
                <c:pt idx="5463">
                  <c:v>73.630000000008494</c:v>
                </c:pt>
                <c:pt idx="5464">
                  <c:v>73.640000000008499</c:v>
                </c:pt>
                <c:pt idx="5465">
                  <c:v>73.650000000008504</c:v>
                </c:pt>
                <c:pt idx="5466">
                  <c:v>73.660000000008495</c:v>
                </c:pt>
                <c:pt idx="5467">
                  <c:v>73.6700000000085</c:v>
                </c:pt>
                <c:pt idx="5468">
                  <c:v>73.680000000008505</c:v>
                </c:pt>
                <c:pt idx="5469">
                  <c:v>73.690000000008595</c:v>
                </c:pt>
                <c:pt idx="5470">
                  <c:v>73.7000000000086</c:v>
                </c:pt>
                <c:pt idx="5471">
                  <c:v>73.710000000008506</c:v>
                </c:pt>
                <c:pt idx="5472">
                  <c:v>73.720000000008596</c:v>
                </c:pt>
                <c:pt idx="5473">
                  <c:v>73.730000000008602</c:v>
                </c:pt>
                <c:pt idx="5474">
                  <c:v>73.740000000008607</c:v>
                </c:pt>
                <c:pt idx="5475">
                  <c:v>73.750000000008598</c:v>
                </c:pt>
                <c:pt idx="5476">
                  <c:v>73.760000000008603</c:v>
                </c:pt>
                <c:pt idx="5477">
                  <c:v>73.770000000008594</c:v>
                </c:pt>
                <c:pt idx="5478">
                  <c:v>73.780000000008599</c:v>
                </c:pt>
                <c:pt idx="5479">
                  <c:v>73.790000000008604</c:v>
                </c:pt>
                <c:pt idx="5480">
                  <c:v>73.800000000008595</c:v>
                </c:pt>
                <c:pt idx="5481">
                  <c:v>73.8100000000086</c:v>
                </c:pt>
                <c:pt idx="5482">
                  <c:v>73.820000000008605</c:v>
                </c:pt>
                <c:pt idx="5483">
                  <c:v>73.830000000008596</c:v>
                </c:pt>
                <c:pt idx="5484">
                  <c:v>73.840000000008601</c:v>
                </c:pt>
                <c:pt idx="5485">
                  <c:v>73.850000000008606</c:v>
                </c:pt>
                <c:pt idx="5486">
                  <c:v>73.860000000008597</c:v>
                </c:pt>
                <c:pt idx="5487">
                  <c:v>73.870000000008602</c:v>
                </c:pt>
                <c:pt idx="5488">
                  <c:v>73.880000000008593</c:v>
                </c:pt>
                <c:pt idx="5489">
                  <c:v>73.890000000008598</c:v>
                </c:pt>
                <c:pt idx="5490">
                  <c:v>73.900000000008603</c:v>
                </c:pt>
                <c:pt idx="5491">
                  <c:v>73.910000000008594</c:v>
                </c:pt>
                <c:pt idx="5492">
                  <c:v>73.920000000008599</c:v>
                </c:pt>
                <c:pt idx="5493">
                  <c:v>73.930000000008604</c:v>
                </c:pt>
                <c:pt idx="5494">
                  <c:v>73.940000000008595</c:v>
                </c:pt>
                <c:pt idx="5495">
                  <c:v>73.9500000000086</c:v>
                </c:pt>
                <c:pt idx="5496">
                  <c:v>73.960000000008606</c:v>
                </c:pt>
                <c:pt idx="5497">
                  <c:v>73.970000000008596</c:v>
                </c:pt>
                <c:pt idx="5498">
                  <c:v>73.980000000008602</c:v>
                </c:pt>
                <c:pt idx="5499">
                  <c:v>73.990000000008607</c:v>
                </c:pt>
                <c:pt idx="5500">
                  <c:v>74.000000000008598</c:v>
                </c:pt>
                <c:pt idx="5501">
                  <c:v>74.010000000008603</c:v>
                </c:pt>
                <c:pt idx="5502">
                  <c:v>74.020000000008594</c:v>
                </c:pt>
                <c:pt idx="5503">
                  <c:v>74.030000000008599</c:v>
                </c:pt>
                <c:pt idx="5504">
                  <c:v>74.040000000008604</c:v>
                </c:pt>
                <c:pt idx="5505">
                  <c:v>74.050000000008595</c:v>
                </c:pt>
                <c:pt idx="5506">
                  <c:v>74.0600000000086</c:v>
                </c:pt>
                <c:pt idx="5507">
                  <c:v>74.070000000008605</c:v>
                </c:pt>
                <c:pt idx="5508">
                  <c:v>74.080000000008596</c:v>
                </c:pt>
                <c:pt idx="5509">
                  <c:v>74.090000000008601</c:v>
                </c:pt>
                <c:pt idx="5510">
                  <c:v>74.100000000008606</c:v>
                </c:pt>
                <c:pt idx="5511">
                  <c:v>74.110000000008597</c:v>
                </c:pt>
                <c:pt idx="5512">
                  <c:v>74.120000000008602</c:v>
                </c:pt>
                <c:pt idx="5513">
                  <c:v>74.130000000008593</c:v>
                </c:pt>
                <c:pt idx="5514">
                  <c:v>74.140000000008598</c:v>
                </c:pt>
                <c:pt idx="5515">
                  <c:v>74.150000000008603</c:v>
                </c:pt>
                <c:pt idx="5516">
                  <c:v>74.160000000008594</c:v>
                </c:pt>
                <c:pt idx="5517">
                  <c:v>74.170000000008599</c:v>
                </c:pt>
                <c:pt idx="5518">
                  <c:v>74.180000000008604</c:v>
                </c:pt>
                <c:pt idx="5519">
                  <c:v>74.190000000008595</c:v>
                </c:pt>
                <c:pt idx="5520">
                  <c:v>74.2000000000086</c:v>
                </c:pt>
                <c:pt idx="5521">
                  <c:v>74.210000000008606</c:v>
                </c:pt>
                <c:pt idx="5522">
                  <c:v>74.220000000008596</c:v>
                </c:pt>
                <c:pt idx="5523">
                  <c:v>74.230000000008602</c:v>
                </c:pt>
                <c:pt idx="5524">
                  <c:v>74.240000000008607</c:v>
                </c:pt>
                <c:pt idx="5525">
                  <c:v>74.250000000008598</c:v>
                </c:pt>
                <c:pt idx="5526">
                  <c:v>74.260000000008603</c:v>
                </c:pt>
                <c:pt idx="5527">
                  <c:v>74.270000000008594</c:v>
                </c:pt>
                <c:pt idx="5528">
                  <c:v>74.280000000008599</c:v>
                </c:pt>
                <c:pt idx="5529">
                  <c:v>74.290000000008604</c:v>
                </c:pt>
                <c:pt idx="5530">
                  <c:v>74.300000000008595</c:v>
                </c:pt>
                <c:pt idx="5531">
                  <c:v>74.3100000000086</c:v>
                </c:pt>
                <c:pt idx="5532">
                  <c:v>74.320000000008605</c:v>
                </c:pt>
                <c:pt idx="5533">
                  <c:v>74.330000000008695</c:v>
                </c:pt>
                <c:pt idx="5534">
                  <c:v>74.3400000000087</c:v>
                </c:pt>
                <c:pt idx="5535">
                  <c:v>74.350000000008606</c:v>
                </c:pt>
                <c:pt idx="5536">
                  <c:v>74.360000000008696</c:v>
                </c:pt>
                <c:pt idx="5537">
                  <c:v>74.370000000008702</c:v>
                </c:pt>
                <c:pt idx="5538">
                  <c:v>74.380000000008707</c:v>
                </c:pt>
                <c:pt idx="5539">
                  <c:v>74.390000000008698</c:v>
                </c:pt>
                <c:pt idx="5540">
                  <c:v>74.400000000008703</c:v>
                </c:pt>
                <c:pt idx="5541">
                  <c:v>74.410000000008694</c:v>
                </c:pt>
                <c:pt idx="5542">
                  <c:v>74.420000000008699</c:v>
                </c:pt>
                <c:pt idx="5543">
                  <c:v>74.430000000008704</c:v>
                </c:pt>
                <c:pt idx="5544">
                  <c:v>74.440000000008695</c:v>
                </c:pt>
                <c:pt idx="5545">
                  <c:v>74.4500000000087</c:v>
                </c:pt>
                <c:pt idx="5546">
                  <c:v>74.460000000008705</c:v>
                </c:pt>
                <c:pt idx="5547">
                  <c:v>74.470000000008696</c:v>
                </c:pt>
                <c:pt idx="5548">
                  <c:v>74.480000000008701</c:v>
                </c:pt>
                <c:pt idx="5549">
                  <c:v>74.490000000008706</c:v>
                </c:pt>
                <c:pt idx="5550">
                  <c:v>74.500000000008697</c:v>
                </c:pt>
                <c:pt idx="5551">
                  <c:v>74.510000000008702</c:v>
                </c:pt>
                <c:pt idx="5552">
                  <c:v>74.520000000008693</c:v>
                </c:pt>
                <c:pt idx="5553">
                  <c:v>74.530000000008698</c:v>
                </c:pt>
                <c:pt idx="5554">
                  <c:v>74.540000000008703</c:v>
                </c:pt>
                <c:pt idx="5555">
                  <c:v>74.550000000008694</c:v>
                </c:pt>
                <c:pt idx="5556">
                  <c:v>74.560000000008699</c:v>
                </c:pt>
                <c:pt idx="5557">
                  <c:v>74.570000000008704</c:v>
                </c:pt>
                <c:pt idx="5558">
                  <c:v>74.580000000008695</c:v>
                </c:pt>
                <c:pt idx="5559">
                  <c:v>74.5900000000087</c:v>
                </c:pt>
                <c:pt idx="5560">
                  <c:v>74.600000000008706</c:v>
                </c:pt>
                <c:pt idx="5561">
                  <c:v>74.610000000008696</c:v>
                </c:pt>
                <c:pt idx="5562">
                  <c:v>74.620000000008702</c:v>
                </c:pt>
                <c:pt idx="5563">
                  <c:v>74.630000000008707</c:v>
                </c:pt>
                <c:pt idx="5564">
                  <c:v>74.640000000008698</c:v>
                </c:pt>
                <c:pt idx="5565">
                  <c:v>74.650000000008703</c:v>
                </c:pt>
                <c:pt idx="5566">
                  <c:v>74.660000000008694</c:v>
                </c:pt>
                <c:pt idx="5567">
                  <c:v>74.670000000008699</c:v>
                </c:pt>
                <c:pt idx="5568">
                  <c:v>74.680000000008704</c:v>
                </c:pt>
                <c:pt idx="5569">
                  <c:v>74.690000000008695</c:v>
                </c:pt>
                <c:pt idx="5570">
                  <c:v>74.7000000000087</c:v>
                </c:pt>
                <c:pt idx="5571">
                  <c:v>74.710000000008705</c:v>
                </c:pt>
                <c:pt idx="5572">
                  <c:v>74.720000000008696</c:v>
                </c:pt>
                <c:pt idx="5573">
                  <c:v>74.730000000008701</c:v>
                </c:pt>
                <c:pt idx="5574">
                  <c:v>74.740000000008706</c:v>
                </c:pt>
                <c:pt idx="5575">
                  <c:v>74.750000000008697</c:v>
                </c:pt>
                <c:pt idx="5576">
                  <c:v>74.760000000008702</c:v>
                </c:pt>
                <c:pt idx="5577">
                  <c:v>74.770000000008693</c:v>
                </c:pt>
                <c:pt idx="5578">
                  <c:v>74.780000000008698</c:v>
                </c:pt>
                <c:pt idx="5579">
                  <c:v>74.790000000008703</c:v>
                </c:pt>
                <c:pt idx="5580">
                  <c:v>74.800000000008694</c:v>
                </c:pt>
                <c:pt idx="5581">
                  <c:v>74.810000000008699</c:v>
                </c:pt>
                <c:pt idx="5582">
                  <c:v>74.820000000008704</c:v>
                </c:pt>
                <c:pt idx="5583">
                  <c:v>74.830000000008695</c:v>
                </c:pt>
                <c:pt idx="5584">
                  <c:v>74.8400000000087</c:v>
                </c:pt>
                <c:pt idx="5585">
                  <c:v>74.850000000008706</c:v>
                </c:pt>
                <c:pt idx="5586">
                  <c:v>74.860000000008696</c:v>
                </c:pt>
                <c:pt idx="5587">
                  <c:v>74.870000000008702</c:v>
                </c:pt>
                <c:pt idx="5588">
                  <c:v>74.880000000008707</c:v>
                </c:pt>
                <c:pt idx="5589">
                  <c:v>74.890000000008698</c:v>
                </c:pt>
                <c:pt idx="5590">
                  <c:v>74.900000000008703</c:v>
                </c:pt>
                <c:pt idx="5591">
                  <c:v>74.910000000008694</c:v>
                </c:pt>
                <c:pt idx="5592">
                  <c:v>74.920000000008699</c:v>
                </c:pt>
                <c:pt idx="5593">
                  <c:v>74.930000000008704</c:v>
                </c:pt>
                <c:pt idx="5594">
                  <c:v>74.940000000008695</c:v>
                </c:pt>
                <c:pt idx="5595">
                  <c:v>74.9500000000087</c:v>
                </c:pt>
                <c:pt idx="5596">
                  <c:v>74.960000000008705</c:v>
                </c:pt>
                <c:pt idx="5597">
                  <c:v>74.970000000008795</c:v>
                </c:pt>
                <c:pt idx="5598">
                  <c:v>74.9800000000088</c:v>
                </c:pt>
                <c:pt idx="5599">
                  <c:v>74.990000000008706</c:v>
                </c:pt>
                <c:pt idx="5600">
                  <c:v>75.000000000008797</c:v>
                </c:pt>
                <c:pt idx="5601">
                  <c:v>75.010000000008802</c:v>
                </c:pt>
                <c:pt idx="5602">
                  <c:v>75.020000000008807</c:v>
                </c:pt>
                <c:pt idx="5603">
                  <c:v>75.030000000008798</c:v>
                </c:pt>
                <c:pt idx="5604">
                  <c:v>75.040000000008803</c:v>
                </c:pt>
                <c:pt idx="5605">
                  <c:v>75.050000000008794</c:v>
                </c:pt>
                <c:pt idx="5606">
                  <c:v>75.060000000008799</c:v>
                </c:pt>
                <c:pt idx="5607">
                  <c:v>75.070000000008804</c:v>
                </c:pt>
                <c:pt idx="5608">
                  <c:v>75.080000000008795</c:v>
                </c:pt>
                <c:pt idx="5609">
                  <c:v>75.0900000000088</c:v>
                </c:pt>
                <c:pt idx="5610">
                  <c:v>75.100000000008805</c:v>
                </c:pt>
                <c:pt idx="5611">
                  <c:v>75.110000000008796</c:v>
                </c:pt>
                <c:pt idx="5612">
                  <c:v>75.120000000008801</c:v>
                </c:pt>
                <c:pt idx="5613">
                  <c:v>75.130000000008806</c:v>
                </c:pt>
                <c:pt idx="5614">
                  <c:v>75.140000000008797</c:v>
                </c:pt>
                <c:pt idx="5615">
                  <c:v>75.150000000008802</c:v>
                </c:pt>
                <c:pt idx="5616">
                  <c:v>75.160000000008793</c:v>
                </c:pt>
                <c:pt idx="5617">
                  <c:v>75.170000000008798</c:v>
                </c:pt>
                <c:pt idx="5618">
                  <c:v>75.180000000008803</c:v>
                </c:pt>
                <c:pt idx="5619">
                  <c:v>75.190000000008794</c:v>
                </c:pt>
                <c:pt idx="5620">
                  <c:v>75.200000000008799</c:v>
                </c:pt>
                <c:pt idx="5621">
                  <c:v>75.210000000008804</c:v>
                </c:pt>
                <c:pt idx="5622">
                  <c:v>75.220000000008795</c:v>
                </c:pt>
                <c:pt idx="5623">
                  <c:v>75.2300000000088</c:v>
                </c:pt>
                <c:pt idx="5624">
                  <c:v>75.240000000008806</c:v>
                </c:pt>
                <c:pt idx="5625">
                  <c:v>75.250000000008797</c:v>
                </c:pt>
                <c:pt idx="5626">
                  <c:v>75.260000000008802</c:v>
                </c:pt>
                <c:pt idx="5627">
                  <c:v>75.270000000008807</c:v>
                </c:pt>
                <c:pt idx="5628">
                  <c:v>75.280000000008798</c:v>
                </c:pt>
                <c:pt idx="5629">
                  <c:v>75.290000000008803</c:v>
                </c:pt>
                <c:pt idx="5630">
                  <c:v>75.300000000008794</c:v>
                </c:pt>
                <c:pt idx="5631">
                  <c:v>75.310000000008799</c:v>
                </c:pt>
                <c:pt idx="5632">
                  <c:v>75.320000000008804</c:v>
                </c:pt>
                <c:pt idx="5633">
                  <c:v>75.330000000008795</c:v>
                </c:pt>
                <c:pt idx="5634">
                  <c:v>75.3400000000088</c:v>
                </c:pt>
                <c:pt idx="5635">
                  <c:v>75.350000000008805</c:v>
                </c:pt>
                <c:pt idx="5636">
                  <c:v>75.360000000008796</c:v>
                </c:pt>
                <c:pt idx="5637">
                  <c:v>75.370000000008801</c:v>
                </c:pt>
                <c:pt idx="5638">
                  <c:v>75.380000000008806</c:v>
                </c:pt>
                <c:pt idx="5639">
                  <c:v>75.390000000008797</c:v>
                </c:pt>
                <c:pt idx="5640">
                  <c:v>75.400000000008802</c:v>
                </c:pt>
                <c:pt idx="5641">
                  <c:v>75.410000000008793</c:v>
                </c:pt>
                <c:pt idx="5642">
                  <c:v>75.420000000008798</c:v>
                </c:pt>
                <c:pt idx="5643">
                  <c:v>75.430000000008803</c:v>
                </c:pt>
                <c:pt idx="5644">
                  <c:v>75.440000000008794</c:v>
                </c:pt>
                <c:pt idx="5645">
                  <c:v>75.450000000008799</c:v>
                </c:pt>
                <c:pt idx="5646">
                  <c:v>75.460000000008804</c:v>
                </c:pt>
                <c:pt idx="5647">
                  <c:v>75.470000000008795</c:v>
                </c:pt>
                <c:pt idx="5648">
                  <c:v>75.4800000000088</c:v>
                </c:pt>
                <c:pt idx="5649">
                  <c:v>75.490000000008806</c:v>
                </c:pt>
                <c:pt idx="5650">
                  <c:v>75.500000000008797</c:v>
                </c:pt>
                <c:pt idx="5651">
                  <c:v>75.510000000008802</c:v>
                </c:pt>
                <c:pt idx="5652">
                  <c:v>75.520000000008807</c:v>
                </c:pt>
                <c:pt idx="5653">
                  <c:v>75.530000000008798</c:v>
                </c:pt>
                <c:pt idx="5654">
                  <c:v>75.540000000008803</c:v>
                </c:pt>
                <c:pt idx="5655">
                  <c:v>75.550000000008794</c:v>
                </c:pt>
                <c:pt idx="5656">
                  <c:v>75.560000000008799</c:v>
                </c:pt>
                <c:pt idx="5657">
                  <c:v>75.570000000008804</c:v>
                </c:pt>
                <c:pt idx="5658">
                  <c:v>75.580000000008795</c:v>
                </c:pt>
                <c:pt idx="5659">
                  <c:v>75.5900000000088</c:v>
                </c:pt>
                <c:pt idx="5660">
                  <c:v>75.600000000008805</c:v>
                </c:pt>
                <c:pt idx="5661">
                  <c:v>75.610000000008895</c:v>
                </c:pt>
                <c:pt idx="5662">
                  <c:v>75.620000000008901</c:v>
                </c:pt>
                <c:pt idx="5663">
                  <c:v>75.630000000008806</c:v>
                </c:pt>
                <c:pt idx="5664">
                  <c:v>75.640000000008897</c:v>
                </c:pt>
                <c:pt idx="5665">
                  <c:v>75.650000000008902</c:v>
                </c:pt>
                <c:pt idx="5666">
                  <c:v>75.660000000008907</c:v>
                </c:pt>
                <c:pt idx="5667">
                  <c:v>75.670000000008898</c:v>
                </c:pt>
                <c:pt idx="5668">
                  <c:v>75.680000000008903</c:v>
                </c:pt>
                <c:pt idx="5669">
                  <c:v>75.690000000008894</c:v>
                </c:pt>
                <c:pt idx="5670">
                  <c:v>75.700000000008899</c:v>
                </c:pt>
                <c:pt idx="5671">
                  <c:v>75.710000000008904</c:v>
                </c:pt>
                <c:pt idx="5672">
                  <c:v>75.720000000008895</c:v>
                </c:pt>
                <c:pt idx="5673">
                  <c:v>75.7300000000089</c:v>
                </c:pt>
                <c:pt idx="5674">
                  <c:v>75.740000000008905</c:v>
                </c:pt>
                <c:pt idx="5675">
                  <c:v>75.750000000008896</c:v>
                </c:pt>
                <c:pt idx="5676">
                  <c:v>75.760000000008901</c:v>
                </c:pt>
                <c:pt idx="5677">
                  <c:v>75.770000000008906</c:v>
                </c:pt>
                <c:pt idx="5678">
                  <c:v>75.780000000008897</c:v>
                </c:pt>
                <c:pt idx="5679">
                  <c:v>75.790000000008902</c:v>
                </c:pt>
                <c:pt idx="5680">
                  <c:v>75.800000000008893</c:v>
                </c:pt>
                <c:pt idx="5681">
                  <c:v>75.810000000008898</c:v>
                </c:pt>
                <c:pt idx="5682">
                  <c:v>75.820000000008903</c:v>
                </c:pt>
                <c:pt idx="5683">
                  <c:v>75.830000000008894</c:v>
                </c:pt>
                <c:pt idx="5684">
                  <c:v>75.840000000008899</c:v>
                </c:pt>
                <c:pt idx="5685">
                  <c:v>75.850000000008905</c:v>
                </c:pt>
                <c:pt idx="5686">
                  <c:v>75.860000000008895</c:v>
                </c:pt>
                <c:pt idx="5687">
                  <c:v>75.870000000008901</c:v>
                </c:pt>
                <c:pt idx="5688">
                  <c:v>75.880000000008906</c:v>
                </c:pt>
                <c:pt idx="5689">
                  <c:v>75.890000000008897</c:v>
                </c:pt>
                <c:pt idx="5690">
                  <c:v>75.900000000008902</c:v>
                </c:pt>
                <c:pt idx="5691">
                  <c:v>75.910000000008907</c:v>
                </c:pt>
                <c:pt idx="5692">
                  <c:v>75.920000000008898</c:v>
                </c:pt>
                <c:pt idx="5693">
                  <c:v>75.930000000008903</c:v>
                </c:pt>
                <c:pt idx="5694">
                  <c:v>75.940000000008894</c:v>
                </c:pt>
                <c:pt idx="5695">
                  <c:v>75.950000000008899</c:v>
                </c:pt>
                <c:pt idx="5696">
                  <c:v>75.960000000008904</c:v>
                </c:pt>
                <c:pt idx="5697">
                  <c:v>75.970000000008895</c:v>
                </c:pt>
                <c:pt idx="5698">
                  <c:v>75.9800000000089</c:v>
                </c:pt>
                <c:pt idx="5699">
                  <c:v>75.990000000008905</c:v>
                </c:pt>
                <c:pt idx="5700">
                  <c:v>76.000000000008896</c:v>
                </c:pt>
                <c:pt idx="5701">
                  <c:v>76.010000000008901</c:v>
                </c:pt>
                <c:pt idx="5702">
                  <c:v>76.020000000008906</c:v>
                </c:pt>
                <c:pt idx="5703">
                  <c:v>76.030000000008897</c:v>
                </c:pt>
                <c:pt idx="5704">
                  <c:v>76.040000000008902</c:v>
                </c:pt>
                <c:pt idx="5705">
                  <c:v>76.050000000008893</c:v>
                </c:pt>
                <c:pt idx="5706">
                  <c:v>76.060000000008898</c:v>
                </c:pt>
                <c:pt idx="5707">
                  <c:v>76.070000000008903</c:v>
                </c:pt>
                <c:pt idx="5708">
                  <c:v>76.080000000008894</c:v>
                </c:pt>
                <c:pt idx="5709">
                  <c:v>76.090000000008899</c:v>
                </c:pt>
                <c:pt idx="5710">
                  <c:v>76.100000000008905</c:v>
                </c:pt>
                <c:pt idx="5711">
                  <c:v>76.110000000008895</c:v>
                </c:pt>
                <c:pt idx="5712">
                  <c:v>76.120000000008901</c:v>
                </c:pt>
                <c:pt idx="5713">
                  <c:v>76.130000000008906</c:v>
                </c:pt>
                <c:pt idx="5714">
                  <c:v>76.140000000008897</c:v>
                </c:pt>
                <c:pt idx="5715">
                  <c:v>76.150000000008902</c:v>
                </c:pt>
                <c:pt idx="5716">
                  <c:v>76.160000000008907</c:v>
                </c:pt>
                <c:pt idx="5717">
                  <c:v>76.170000000008898</c:v>
                </c:pt>
                <c:pt idx="5718">
                  <c:v>76.180000000008903</c:v>
                </c:pt>
                <c:pt idx="5719">
                  <c:v>76.190000000008894</c:v>
                </c:pt>
                <c:pt idx="5720">
                  <c:v>76.200000000008899</c:v>
                </c:pt>
                <c:pt idx="5721">
                  <c:v>76.210000000008904</c:v>
                </c:pt>
                <c:pt idx="5722">
                  <c:v>76.220000000008895</c:v>
                </c:pt>
                <c:pt idx="5723">
                  <c:v>76.2300000000089</c:v>
                </c:pt>
                <c:pt idx="5724">
                  <c:v>76.240000000008905</c:v>
                </c:pt>
                <c:pt idx="5725">
                  <c:v>76.250000000008995</c:v>
                </c:pt>
                <c:pt idx="5726">
                  <c:v>76.260000000009001</c:v>
                </c:pt>
                <c:pt idx="5727">
                  <c:v>76.270000000008906</c:v>
                </c:pt>
                <c:pt idx="5728">
                  <c:v>76.280000000008997</c:v>
                </c:pt>
                <c:pt idx="5729">
                  <c:v>76.290000000009002</c:v>
                </c:pt>
                <c:pt idx="5730">
                  <c:v>76.300000000009007</c:v>
                </c:pt>
                <c:pt idx="5731">
                  <c:v>76.310000000008998</c:v>
                </c:pt>
                <c:pt idx="5732">
                  <c:v>76.320000000009003</c:v>
                </c:pt>
                <c:pt idx="5733">
                  <c:v>76.330000000008994</c:v>
                </c:pt>
                <c:pt idx="5734">
                  <c:v>76.340000000008999</c:v>
                </c:pt>
                <c:pt idx="5735">
                  <c:v>76.350000000009004</c:v>
                </c:pt>
                <c:pt idx="5736">
                  <c:v>76.360000000008995</c:v>
                </c:pt>
                <c:pt idx="5737">
                  <c:v>76.370000000009</c:v>
                </c:pt>
                <c:pt idx="5738">
                  <c:v>76.380000000009005</c:v>
                </c:pt>
                <c:pt idx="5739">
                  <c:v>76.390000000008996</c:v>
                </c:pt>
                <c:pt idx="5740">
                  <c:v>76.400000000009001</c:v>
                </c:pt>
                <c:pt idx="5741">
                  <c:v>76.410000000009006</c:v>
                </c:pt>
                <c:pt idx="5742">
                  <c:v>76.420000000008997</c:v>
                </c:pt>
                <c:pt idx="5743">
                  <c:v>76.430000000009002</c:v>
                </c:pt>
                <c:pt idx="5744">
                  <c:v>76.440000000008993</c:v>
                </c:pt>
                <c:pt idx="5745">
                  <c:v>76.450000000008998</c:v>
                </c:pt>
                <c:pt idx="5746">
                  <c:v>76.460000000009003</c:v>
                </c:pt>
                <c:pt idx="5747">
                  <c:v>76.470000000008994</c:v>
                </c:pt>
                <c:pt idx="5748">
                  <c:v>76.480000000008999</c:v>
                </c:pt>
                <c:pt idx="5749">
                  <c:v>76.490000000009005</c:v>
                </c:pt>
                <c:pt idx="5750">
                  <c:v>76.500000000008995</c:v>
                </c:pt>
                <c:pt idx="5751">
                  <c:v>76.510000000009001</c:v>
                </c:pt>
                <c:pt idx="5752">
                  <c:v>76.520000000009006</c:v>
                </c:pt>
                <c:pt idx="5753">
                  <c:v>76.530000000008997</c:v>
                </c:pt>
                <c:pt idx="5754">
                  <c:v>76.540000000009002</c:v>
                </c:pt>
                <c:pt idx="5755">
                  <c:v>76.550000000009007</c:v>
                </c:pt>
                <c:pt idx="5756">
                  <c:v>76.560000000008998</c:v>
                </c:pt>
                <c:pt idx="5757">
                  <c:v>76.570000000009003</c:v>
                </c:pt>
                <c:pt idx="5758">
                  <c:v>76.580000000008994</c:v>
                </c:pt>
                <c:pt idx="5759">
                  <c:v>76.590000000008999</c:v>
                </c:pt>
                <c:pt idx="5760">
                  <c:v>76.600000000009004</c:v>
                </c:pt>
                <c:pt idx="5761">
                  <c:v>76.610000000008995</c:v>
                </c:pt>
                <c:pt idx="5762">
                  <c:v>76.620000000009</c:v>
                </c:pt>
                <c:pt idx="5763">
                  <c:v>76.630000000009005</c:v>
                </c:pt>
                <c:pt idx="5764">
                  <c:v>76.640000000008996</c:v>
                </c:pt>
                <c:pt idx="5765">
                  <c:v>76.650000000009001</c:v>
                </c:pt>
                <c:pt idx="5766">
                  <c:v>76.660000000009006</c:v>
                </c:pt>
                <c:pt idx="5767">
                  <c:v>76.670000000008997</c:v>
                </c:pt>
                <c:pt idx="5768">
                  <c:v>76.680000000009002</c:v>
                </c:pt>
                <c:pt idx="5769">
                  <c:v>76.690000000008993</c:v>
                </c:pt>
                <c:pt idx="5770">
                  <c:v>76.700000000008998</c:v>
                </c:pt>
                <c:pt idx="5771">
                  <c:v>76.710000000009003</c:v>
                </c:pt>
                <c:pt idx="5772">
                  <c:v>76.720000000008994</c:v>
                </c:pt>
                <c:pt idx="5773">
                  <c:v>76.730000000008999</c:v>
                </c:pt>
                <c:pt idx="5774">
                  <c:v>76.740000000009005</c:v>
                </c:pt>
                <c:pt idx="5775">
                  <c:v>76.750000000008995</c:v>
                </c:pt>
                <c:pt idx="5776">
                  <c:v>76.760000000009001</c:v>
                </c:pt>
                <c:pt idx="5777">
                  <c:v>76.770000000009006</c:v>
                </c:pt>
                <c:pt idx="5778">
                  <c:v>76.780000000008997</c:v>
                </c:pt>
                <c:pt idx="5779">
                  <c:v>76.790000000009002</c:v>
                </c:pt>
                <c:pt idx="5780">
                  <c:v>76.800000000009007</c:v>
                </c:pt>
                <c:pt idx="5781">
                  <c:v>76.810000000008998</c:v>
                </c:pt>
                <c:pt idx="5782">
                  <c:v>76.820000000009003</c:v>
                </c:pt>
                <c:pt idx="5783">
                  <c:v>76.830000000008994</c:v>
                </c:pt>
                <c:pt idx="5784">
                  <c:v>76.840000000008999</c:v>
                </c:pt>
                <c:pt idx="5785">
                  <c:v>76.850000000009004</c:v>
                </c:pt>
                <c:pt idx="5786">
                  <c:v>76.860000000008995</c:v>
                </c:pt>
                <c:pt idx="5787">
                  <c:v>76.870000000009</c:v>
                </c:pt>
                <c:pt idx="5788">
                  <c:v>76.880000000009005</c:v>
                </c:pt>
                <c:pt idx="5789">
                  <c:v>76.890000000009096</c:v>
                </c:pt>
                <c:pt idx="5790">
                  <c:v>76.900000000009101</c:v>
                </c:pt>
                <c:pt idx="5791">
                  <c:v>76.910000000009006</c:v>
                </c:pt>
                <c:pt idx="5792">
                  <c:v>76.920000000009097</c:v>
                </c:pt>
                <c:pt idx="5793">
                  <c:v>76.930000000009102</c:v>
                </c:pt>
                <c:pt idx="5794">
                  <c:v>76.940000000009107</c:v>
                </c:pt>
                <c:pt idx="5795">
                  <c:v>76.950000000009098</c:v>
                </c:pt>
                <c:pt idx="5796">
                  <c:v>76.960000000009103</c:v>
                </c:pt>
                <c:pt idx="5797">
                  <c:v>76.970000000009094</c:v>
                </c:pt>
                <c:pt idx="5798">
                  <c:v>76.980000000009099</c:v>
                </c:pt>
                <c:pt idx="5799">
                  <c:v>76.990000000009104</c:v>
                </c:pt>
                <c:pt idx="5800">
                  <c:v>77.000000000009095</c:v>
                </c:pt>
                <c:pt idx="5801">
                  <c:v>77.0100000000091</c:v>
                </c:pt>
                <c:pt idx="5802">
                  <c:v>77.020000000009105</c:v>
                </c:pt>
                <c:pt idx="5803">
                  <c:v>77.030000000009096</c:v>
                </c:pt>
                <c:pt idx="5804">
                  <c:v>77.040000000009101</c:v>
                </c:pt>
                <c:pt idx="5805">
                  <c:v>77.050000000009106</c:v>
                </c:pt>
                <c:pt idx="5806">
                  <c:v>77.060000000009097</c:v>
                </c:pt>
                <c:pt idx="5807">
                  <c:v>77.070000000009102</c:v>
                </c:pt>
                <c:pt idx="5808">
                  <c:v>77.080000000009093</c:v>
                </c:pt>
                <c:pt idx="5809">
                  <c:v>77.090000000009098</c:v>
                </c:pt>
                <c:pt idx="5810">
                  <c:v>77.100000000009103</c:v>
                </c:pt>
                <c:pt idx="5811">
                  <c:v>77.110000000009094</c:v>
                </c:pt>
                <c:pt idx="5812">
                  <c:v>77.120000000009099</c:v>
                </c:pt>
                <c:pt idx="5813">
                  <c:v>77.130000000009105</c:v>
                </c:pt>
                <c:pt idx="5814">
                  <c:v>77.140000000009096</c:v>
                </c:pt>
                <c:pt idx="5815">
                  <c:v>77.150000000009101</c:v>
                </c:pt>
                <c:pt idx="5816">
                  <c:v>77.160000000009106</c:v>
                </c:pt>
                <c:pt idx="5817">
                  <c:v>77.170000000009097</c:v>
                </c:pt>
                <c:pt idx="5818">
                  <c:v>77.180000000009102</c:v>
                </c:pt>
                <c:pt idx="5819">
                  <c:v>77.190000000009107</c:v>
                </c:pt>
                <c:pt idx="5820">
                  <c:v>77.200000000009098</c:v>
                </c:pt>
                <c:pt idx="5821">
                  <c:v>77.210000000009103</c:v>
                </c:pt>
                <c:pt idx="5822">
                  <c:v>77.220000000009094</c:v>
                </c:pt>
                <c:pt idx="5823">
                  <c:v>77.230000000009099</c:v>
                </c:pt>
                <c:pt idx="5824">
                  <c:v>77.240000000009104</c:v>
                </c:pt>
                <c:pt idx="5825">
                  <c:v>77.250000000009095</c:v>
                </c:pt>
                <c:pt idx="5826">
                  <c:v>77.2600000000091</c:v>
                </c:pt>
                <c:pt idx="5827">
                  <c:v>77.270000000009105</c:v>
                </c:pt>
                <c:pt idx="5828">
                  <c:v>77.280000000009096</c:v>
                </c:pt>
                <c:pt idx="5829">
                  <c:v>77.290000000009101</c:v>
                </c:pt>
                <c:pt idx="5830">
                  <c:v>77.300000000009106</c:v>
                </c:pt>
                <c:pt idx="5831">
                  <c:v>77.310000000009097</c:v>
                </c:pt>
                <c:pt idx="5832">
                  <c:v>77.320000000009102</c:v>
                </c:pt>
                <c:pt idx="5833">
                  <c:v>77.330000000009093</c:v>
                </c:pt>
                <c:pt idx="5834">
                  <c:v>77.340000000009098</c:v>
                </c:pt>
                <c:pt idx="5835">
                  <c:v>77.350000000009103</c:v>
                </c:pt>
                <c:pt idx="5836">
                  <c:v>77.360000000009094</c:v>
                </c:pt>
                <c:pt idx="5837">
                  <c:v>77.370000000009099</c:v>
                </c:pt>
                <c:pt idx="5838">
                  <c:v>77.380000000009105</c:v>
                </c:pt>
                <c:pt idx="5839">
                  <c:v>77.390000000009096</c:v>
                </c:pt>
                <c:pt idx="5840">
                  <c:v>77.400000000009101</c:v>
                </c:pt>
                <c:pt idx="5841">
                  <c:v>77.410000000009106</c:v>
                </c:pt>
                <c:pt idx="5842">
                  <c:v>77.420000000009097</c:v>
                </c:pt>
                <c:pt idx="5843">
                  <c:v>77.430000000009102</c:v>
                </c:pt>
                <c:pt idx="5844">
                  <c:v>77.440000000009107</c:v>
                </c:pt>
                <c:pt idx="5845">
                  <c:v>77.450000000009098</c:v>
                </c:pt>
                <c:pt idx="5846">
                  <c:v>77.460000000009103</c:v>
                </c:pt>
                <c:pt idx="5847">
                  <c:v>77.470000000009094</c:v>
                </c:pt>
                <c:pt idx="5848">
                  <c:v>77.480000000009099</c:v>
                </c:pt>
                <c:pt idx="5849">
                  <c:v>77.490000000009104</c:v>
                </c:pt>
                <c:pt idx="5850">
                  <c:v>77.500000000009095</c:v>
                </c:pt>
                <c:pt idx="5851">
                  <c:v>77.5100000000091</c:v>
                </c:pt>
                <c:pt idx="5852">
                  <c:v>77.520000000009105</c:v>
                </c:pt>
                <c:pt idx="5853">
                  <c:v>77.530000000009196</c:v>
                </c:pt>
                <c:pt idx="5854">
                  <c:v>77.540000000009201</c:v>
                </c:pt>
                <c:pt idx="5855">
                  <c:v>77.550000000009106</c:v>
                </c:pt>
                <c:pt idx="5856">
                  <c:v>77.560000000009197</c:v>
                </c:pt>
                <c:pt idx="5857">
                  <c:v>77.570000000009202</c:v>
                </c:pt>
                <c:pt idx="5858">
                  <c:v>77.580000000009207</c:v>
                </c:pt>
                <c:pt idx="5859">
                  <c:v>77.590000000009198</c:v>
                </c:pt>
                <c:pt idx="5860">
                  <c:v>77.600000000009203</c:v>
                </c:pt>
                <c:pt idx="5861">
                  <c:v>77.610000000009194</c:v>
                </c:pt>
                <c:pt idx="5862">
                  <c:v>77.620000000009199</c:v>
                </c:pt>
                <c:pt idx="5863">
                  <c:v>77.630000000009204</c:v>
                </c:pt>
                <c:pt idx="5864">
                  <c:v>77.640000000009195</c:v>
                </c:pt>
                <c:pt idx="5865">
                  <c:v>77.6500000000092</c:v>
                </c:pt>
                <c:pt idx="5866">
                  <c:v>77.660000000009205</c:v>
                </c:pt>
                <c:pt idx="5867">
                  <c:v>77.670000000009196</c:v>
                </c:pt>
                <c:pt idx="5868">
                  <c:v>77.680000000009201</c:v>
                </c:pt>
                <c:pt idx="5869">
                  <c:v>77.690000000009206</c:v>
                </c:pt>
                <c:pt idx="5870">
                  <c:v>77.700000000009197</c:v>
                </c:pt>
                <c:pt idx="5871">
                  <c:v>77.710000000009202</c:v>
                </c:pt>
                <c:pt idx="5872">
                  <c:v>77.720000000009193</c:v>
                </c:pt>
                <c:pt idx="5873">
                  <c:v>77.730000000009198</c:v>
                </c:pt>
                <c:pt idx="5874">
                  <c:v>77.740000000009204</c:v>
                </c:pt>
                <c:pt idx="5875">
                  <c:v>77.750000000009194</c:v>
                </c:pt>
                <c:pt idx="5876">
                  <c:v>77.7600000000092</c:v>
                </c:pt>
                <c:pt idx="5877">
                  <c:v>77.770000000009205</c:v>
                </c:pt>
                <c:pt idx="5878">
                  <c:v>77.780000000009196</c:v>
                </c:pt>
                <c:pt idx="5879">
                  <c:v>77.790000000009201</c:v>
                </c:pt>
                <c:pt idx="5880">
                  <c:v>77.800000000009206</c:v>
                </c:pt>
                <c:pt idx="5881">
                  <c:v>77.810000000009197</c:v>
                </c:pt>
                <c:pt idx="5882">
                  <c:v>77.820000000009202</c:v>
                </c:pt>
                <c:pt idx="5883">
                  <c:v>77.830000000009207</c:v>
                </c:pt>
                <c:pt idx="5884">
                  <c:v>77.840000000009198</c:v>
                </c:pt>
                <c:pt idx="5885">
                  <c:v>77.850000000009203</c:v>
                </c:pt>
                <c:pt idx="5886">
                  <c:v>77.860000000009194</c:v>
                </c:pt>
                <c:pt idx="5887">
                  <c:v>77.870000000009199</c:v>
                </c:pt>
                <c:pt idx="5888">
                  <c:v>77.880000000009204</c:v>
                </c:pt>
                <c:pt idx="5889">
                  <c:v>77.890000000009195</c:v>
                </c:pt>
                <c:pt idx="5890">
                  <c:v>77.9000000000092</c:v>
                </c:pt>
                <c:pt idx="5891">
                  <c:v>77.910000000009205</c:v>
                </c:pt>
                <c:pt idx="5892">
                  <c:v>77.920000000009196</c:v>
                </c:pt>
                <c:pt idx="5893">
                  <c:v>77.930000000009201</c:v>
                </c:pt>
                <c:pt idx="5894">
                  <c:v>77.940000000009206</c:v>
                </c:pt>
                <c:pt idx="5895">
                  <c:v>77.950000000009197</c:v>
                </c:pt>
                <c:pt idx="5896">
                  <c:v>77.960000000009202</c:v>
                </c:pt>
                <c:pt idx="5897">
                  <c:v>77.970000000009193</c:v>
                </c:pt>
                <c:pt idx="5898">
                  <c:v>77.980000000009198</c:v>
                </c:pt>
                <c:pt idx="5899">
                  <c:v>77.990000000009204</c:v>
                </c:pt>
                <c:pt idx="5900">
                  <c:v>78.000000000009194</c:v>
                </c:pt>
                <c:pt idx="5901">
                  <c:v>78.0100000000092</c:v>
                </c:pt>
                <c:pt idx="5902">
                  <c:v>78.020000000009205</c:v>
                </c:pt>
                <c:pt idx="5903">
                  <c:v>78.030000000009196</c:v>
                </c:pt>
                <c:pt idx="5904">
                  <c:v>78.040000000009201</c:v>
                </c:pt>
                <c:pt idx="5905">
                  <c:v>78.050000000009206</c:v>
                </c:pt>
                <c:pt idx="5906">
                  <c:v>78.060000000009197</c:v>
                </c:pt>
                <c:pt idx="5907">
                  <c:v>78.070000000009202</c:v>
                </c:pt>
                <c:pt idx="5908">
                  <c:v>78.080000000009207</c:v>
                </c:pt>
                <c:pt idx="5909">
                  <c:v>78.090000000009198</c:v>
                </c:pt>
                <c:pt idx="5910">
                  <c:v>78.100000000009203</c:v>
                </c:pt>
                <c:pt idx="5911">
                  <c:v>78.110000000009194</c:v>
                </c:pt>
                <c:pt idx="5912">
                  <c:v>78.120000000009199</c:v>
                </c:pt>
                <c:pt idx="5913">
                  <c:v>78.130000000009204</c:v>
                </c:pt>
                <c:pt idx="5914">
                  <c:v>78.140000000009195</c:v>
                </c:pt>
                <c:pt idx="5915">
                  <c:v>78.1500000000092</c:v>
                </c:pt>
                <c:pt idx="5916">
                  <c:v>78.160000000009205</c:v>
                </c:pt>
                <c:pt idx="5917">
                  <c:v>78.170000000009296</c:v>
                </c:pt>
                <c:pt idx="5918">
                  <c:v>78.180000000009301</c:v>
                </c:pt>
                <c:pt idx="5919">
                  <c:v>78.190000000009206</c:v>
                </c:pt>
                <c:pt idx="5920">
                  <c:v>78.200000000009297</c:v>
                </c:pt>
                <c:pt idx="5921">
                  <c:v>78.210000000009302</c:v>
                </c:pt>
                <c:pt idx="5922">
                  <c:v>78.220000000009307</c:v>
                </c:pt>
                <c:pt idx="5923">
                  <c:v>78.230000000009298</c:v>
                </c:pt>
                <c:pt idx="5924">
                  <c:v>78.240000000009303</c:v>
                </c:pt>
                <c:pt idx="5925">
                  <c:v>78.250000000009294</c:v>
                </c:pt>
                <c:pt idx="5926">
                  <c:v>78.260000000009299</c:v>
                </c:pt>
                <c:pt idx="5927">
                  <c:v>78.270000000009304</c:v>
                </c:pt>
                <c:pt idx="5928">
                  <c:v>78.280000000009295</c:v>
                </c:pt>
                <c:pt idx="5929">
                  <c:v>78.2900000000093</c:v>
                </c:pt>
                <c:pt idx="5930">
                  <c:v>78.300000000009305</c:v>
                </c:pt>
                <c:pt idx="5931">
                  <c:v>78.310000000009296</c:v>
                </c:pt>
                <c:pt idx="5932">
                  <c:v>78.320000000009301</c:v>
                </c:pt>
                <c:pt idx="5933">
                  <c:v>78.330000000009306</c:v>
                </c:pt>
                <c:pt idx="5934">
                  <c:v>78.340000000009297</c:v>
                </c:pt>
                <c:pt idx="5935">
                  <c:v>78.350000000009302</c:v>
                </c:pt>
                <c:pt idx="5936">
                  <c:v>78.360000000009293</c:v>
                </c:pt>
                <c:pt idx="5937">
                  <c:v>78.370000000009298</c:v>
                </c:pt>
                <c:pt idx="5938">
                  <c:v>78.380000000009304</c:v>
                </c:pt>
                <c:pt idx="5939">
                  <c:v>78.390000000009294</c:v>
                </c:pt>
                <c:pt idx="5940">
                  <c:v>78.4000000000093</c:v>
                </c:pt>
                <c:pt idx="5941">
                  <c:v>78.410000000009305</c:v>
                </c:pt>
                <c:pt idx="5942">
                  <c:v>78.420000000009296</c:v>
                </c:pt>
                <c:pt idx="5943">
                  <c:v>78.430000000009301</c:v>
                </c:pt>
                <c:pt idx="5944">
                  <c:v>78.440000000009306</c:v>
                </c:pt>
                <c:pt idx="5945">
                  <c:v>78.450000000009297</c:v>
                </c:pt>
                <c:pt idx="5946">
                  <c:v>78.460000000009302</c:v>
                </c:pt>
                <c:pt idx="5947">
                  <c:v>78.470000000009307</c:v>
                </c:pt>
                <c:pt idx="5948">
                  <c:v>78.480000000009298</c:v>
                </c:pt>
                <c:pt idx="5949">
                  <c:v>78.490000000009303</c:v>
                </c:pt>
                <c:pt idx="5950">
                  <c:v>78.500000000009294</c:v>
                </c:pt>
                <c:pt idx="5951">
                  <c:v>78.510000000009299</c:v>
                </c:pt>
                <c:pt idx="5952">
                  <c:v>78.520000000009304</c:v>
                </c:pt>
                <c:pt idx="5953">
                  <c:v>78.530000000009295</c:v>
                </c:pt>
                <c:pt idx="5954">
                  <c:v>78.5400000000093</c:v>
                </c:pt>
                <c:pt idx="5955">
                  <c:v>78.550000000009305</c:v>
                </c:pt>
                <c:pt idx="5956">
                  <c:v>78.560000000009296</c:v>
                </c:pt>
                <c:pt idx="5957">
                  <c:v>78.570000000009301</c:v>
                </c:pt>
                <c:pt idx="5958">
                  <c:v>78.580000000009306</c:v>
                </c:pt>
                <c:pt idx="5959">
                  <c:v>78.590000000009297</c:v>
                </c:pt>
                <c:pt idx="5960">
                  <c:v>78.600000000009302</c:v>
                </c:pt>
                <c:pt idx="5961">
                  <c:v>78.610000000009293</c:v>
                </c:pt>
                <c:pt idx="5962">
                  <c:v>78.620000000009298</c:v>
                </c:pt>
                <c:pt idx="5963">
                  <c:v>78.630000000009304</c:v>
                </c:pt>
                <c:pt idx="5964">
                  <c:v>78.640000000009294</c:v>
                </c:pt>
                <c:pt idx="5965">
                  <c:v>78.6500000000093</c:v>
                </c:pt>
                <c:pt idx="5966">
                  <c:v>78.660000000009305</c:v>
                </c:pt>
                <c:pt idx="5967">
                  <c:v>78.670000000009296</c:v>
                </c:pt>
                <c:pt idx="5968">
                  <c:v>78.680000000009301</c:v>
                </c:pt>
                <c:pt idx="5969">
                  <c:v>78.690000000009306</c:v>
                </c:pt>
                <c:pt idx="5970">
                  <c:v>78.700000000009297</c:v>
                </c:pt>
                <c:pt idx="5971">
                  <c:v>78.710000000009302</c:v>
                </c:pt>
                <c:pt idx="5972">
                  <c:v>78.720000000009307</c:v>
                </c:pt>
                <c:pt idx="5973">
                  <c:v>78.730000000009298</c:v>
                </c:pt>
                <c:pt idx="5974">
                  <c:v>78.740000000009303</c:v>
                </c:pt>
                <c:pt idx="5975">
                  <c:v>78.750000000009294</c:v>
                </c:pt>
                <c:pt idx="5976">
                  <c:v>78.760000000009299</c:v>
                </c:pt>
                <c:pt idx="5977">
                  <c:v>78.770000000009304</c:v>
                </c:pt>
                <c:pt idx="5978">
                  <c:v>78.780000000009295</c:v>
                </c:pt>
                <c:pt idx="5979">
                  <c:v>78.7900000000093</c:v>
                </c:pt>
                <c:pt idx="5980">
                  <c:v>78.800000000009305</c:v>
                </c:pt>
                <c:pt idx="5981">
                  <c:v>78.810000000009396</c:v>
                </c:pt>
                <c:pt idx="5982">
                  <c:v>78.820000000009401</c:v>
                </c:pt>
                <c:pt idx="5983">
                  <c:v>78.830000000009306</c:v>
                </c:pt>
                <c:pt idx="5984">
                  <c:v>78.840000000009397</c:v>
                </c:pt>
                <c:pt idx="5985">
                  <c:v>78.850000000009402</c:v>
                </c:pt>
                <c:pt idx="5986">
                  <c:v>78.860000000009407</c:v>
                </c:pt>
                <c:pt idx="5987">
                  <c:v>78.870000000009398</c:v>
                </c:pt>
                <c:pt idx="5988">
                  <c:v>78.880000000009403</c:v>
                </c:pt>
                <c:pt idx="5989">
                  <c:v>78.890000000009394</c:v>
                </c:pt>
                <c:pt idx="5990">
                  <c:v>78.900000000009399</c:v>
                </c:pt>
                <c:pt idx="5991">
                  <c:v>78.910000000009404</c:v>
                </c:pt>
                <c:pt idx="5992">
                  <c:v>78.920000000009395</c:v>
                </c:pt>
                <c:pt idx="5993">
                  <c:v>78.9300000000094</c:v>
                </c:pt>
                <c:pt idx="5994">
                  <c:v>78.940000000009405</c:v>
                </c:pt>
                <c:pt idx="5995">
                  <c:v>78.950000000009396</c:v>
                </c:pt>
                <c:pt idx="5996">
                  <c:v>78.960000000009401</c:v>
                </c:pt>
                <c:pt idx="5997">
                  <c:v>78.970000000009406</c:v>
                </c:pt>
                <c:pt idx="5998">
                  <c:v>78.980000000009397</c:v>
                </c:pt>
                <c:pt idx="5999">
                  <c:v>78.990000000009402</c:v>
                </c:pt>
                <c:pt idx="6000">
                  <c:v>79.000000000009393</c:v>
                </c:pt>
                <c:pt idx="6001">
                  <c:v>79.010000000009398</c:v>
                </c:pt>
                <c:pt idx="6002">
                  <c:v>79.020000000009404</c:v>
                </c:pt>
                <c:pt idx="6003">
                  <c:v>79.030000000009395</c:v>
                </c:pt>
                <c:pt idx="6004">
                  <c:v>79.0400000000094</c:v>
                </c:pt>
                <c:pt idx="6005">
                  <c:v>79.050000000009405</c:v>
                </c:pt>
                <c:pt idx="6006">
                  <c:v>79.060000000009396</c:v>
                </c:pt>
                <c:pt idx="6007">
                  <c:v>79.070000000009401</c:v>
                </c:pt>
                <c:pt idx="6008">
                  <c:v>79.080000000009406</c:v>
                </c:pt>
                <c:pt idx="6009">
                  <c:v>79.090000000009397</c:v>
                </c:pt>
                <c:pt idx="6010">
                  <c:v>79.100000000009402</c:v>
                </c:pt>
                <c:pt idx="6011">
                  <c:v>79.110000000009407</c:v>
                </c:pt>
                <c:pt idx="6012">
                  <c:v>79.120000000009398</c:v>
                </c:pt>
                <c:pt idx="6013">
                  <c:v>79.130000000009403</c:v>
                </c:pt>
                <c:pt idx="6014">
                  <c:v>79.140000000009394</c:v>
                </c:pt>
                <c:pt idx="6015">
                  <c:v>79.150000000009399</c:v>
                </c:pt>
                <c:pt idx="6016">
                  <c:v>79.160000000009404</c:v>
                </c:pt>
                <c:pt idx="6017">
                  <c:v>79.170000000009395</c:v>
                </c:pt>
                <c:pt idx="6018">
                  <c:v>79.1800000000094</c:v>
                </c:pt>
                <c:pt idx="6019">
                  <c:v>79.190000000009405</c:v>
                </c:pt>
                <c:pt idx="6020">
                  <c:v>79.200000000009396</c:v>
                </c:pt>
                <c:pt idx="6021">
                  <c:v>79.210000000009401</c:v>
                </c:pt>
                <c:pt idx="6022">
                  <c:v>79.220000000009406</c:v>
                </c:pt>
                <c:pt idx="6023">
                  <c:v>79.230000000009397</c:v>
                </c:pt>
                <c:pt idx="6024">
                  <c:v>79.240000000009402</c:v>
                </c:pt>
                <c:pt idx="6025">
                  <c:v>79.250000000009393</c:v>
                </c:pt>
                <c:pt idx="6026">
                  <c:v>79.260000000009398</c:v>
                </c:pt>
                <c:pt idx="6027">
                  <c:v>79.270000000009404</c:v>
                </c:pt>
                <c:pt idx="6028">
                  <c:v>79.280000000009395</c:v>
                </c:pt>
                <c:pt idx="6029">
                  <c:v>79.2900000000094</c:v>
                </c:pt>
                <c:pt idx="6030">
                  <c:v>79.300000000009405</c:v>
                </c:pt>
                <c:pt idx="6031">
                  <c:v>79.310000000009396</c:v>
                </c:pt>
                <c:pt idx="6032">
                  <c:v>79.320000000009401</c:v>
                </c:pt>
                <c:pt idx="6033">
                  <c:v>79.330000000009406</c:v>
                </c:pt>
                <c:pt idx="6034">
                  <c:v>79.340000000009397</c:v>
                </c:pt>
                <c:pt idx="6035">
                  <c:v>79.350000000009402</c:v>
                </c:pt>
                <c:pt idx="6036">
                  <c:v>79.360000000009407</c:v>
                </c:pt>
                <c:pt idx="6037">
                  <c:v>79.370000000009398</c:v>
                </c:pt>
                <c:pt idx="6038">
                  <c:v>79.380000000009403</c:v>
                </c:pt>
                <c:pt idx="6039">
                  <c:v>79.390000000009394</c:v>
                </c:pt>
                <c:pt idx="6040">
                  <c:v>79.400000000009399</c:v>
                </c:pt>
                <c:pt idx="6041">
                  <c:v>79.410000000009404</c:v>
                </c:pt>
                <c:pt idx="6042">
                  <c:v>79.420000000009395</c:v>
                </c:pt>
                <c:pt idx="6043">
                  <c:v>79.4300000000094</c:v>
                </c:pt>
                <c:pt idx="6044">
                  <c:v>79.440000000009405</c:v>
                </c:pt>
                <c:pt idx="6045">
                  <c:v>79.450000000009496</c:v>
                </c:pt>
                <c:pt idx="6046">
                  <c:v>79.460000000009501</c:v>
                </c:pt>
                <c:pt idx="6047">
                  <c:v>79.470000000009406</c:v>
                </c:pt>
                <c:pt idx="6048">
                  <c:v>79.480000000009497</c:v>
                </c:pt>
                <c:pt idx="6049">
                  <c:v>79.490000000009502</c:v>
                </c:pt>
                <c:pt idx="6050">
                  <c:v>79.500000000009507</c:v>
                </c:pt>
                <c:pt idx="6051">
                  <c:v>79.510000000009498</c:v>
                </c:pt>
                <c:pt idx="6052">
                  <c:v>79.520000000009503</c:v>
                </c:pt>
                <c:pt idx="6053">
                  <c:v>79.530000000009494</c:v>
                </c:pt>
                <c:pt idx="6054">
                  <c:v>79.540000000009499</c:v>
                </c:pt>
                <c:pt idx="6055">
                  <c:v>79.550000000009504</c:v>
                </c:pt>
                <c:pt idx="6056">
                  <c:v>79.560000000009495</c:v>
                </c:pt>
                <c:pt idx="6057">
                  <c:v>79.5700000000095</c:v>
                </c:pt>
                <c:pt idx="6058">
                  <c:v>79.580000000009505</c:v>
                </c:pt>
                <c:pt idx="6059">
                  <c:v>79.590000000009496</c:v>
                </c:pt>
                <c:pt idx="6060">
                  <c:v>79.600000000009501</c:v>
                </c:pt>
                <c:pt idx="6061">
                  <c:v>79.610000000009506</c:v>
                </c:pt>
                <c:pt idx="6062">
                  <c:v>79.620000000009497</c:v>
                </c:pt>
                <c:pt idx="6063">
                  <c:v>79.630000000009503</c:v>
                </c:pt>
                <c:pt idx="6064">
                  <c:v>79.640000000009493</c:v>
                </c:pt>
                <c:pt idx="6065">
                  <c:v>79.650000000009499</c:v>
                </c:pt>
                <c:pt idx="6066">
                  <c:v>79.660000000009504</c:v>
                </c:pt>
                <c:pt idx="6067">
                  <c:v>79.670000000009495</c:v>
                </c:pt>
                <c:pt idx="6068">
                  <c:v>79.6800000000095</c:v>
                </c:pt>
                <c:pt idx="6069">
                  <c:v>79.690000000009505</c:v>
                </c:pt>
                <c:pt idx="6070">
                  <c:v>79.700000000009496</c:v>
                </c:pt>
                <c:pt idx="6071">
                  <c:v>79.710000000009501</c:v>
                </c:pt>
                <c:pt idx="6072">
                  <c:v>79.720000000009506</c:v>
                </c:pt>
                <c:pt idx="6073">
                  <c:v>79.730000000009497</c:v>
                </c:pt>
                <c:pt idx="6074">
                  <c:v>79.740000000009502</c:v>
                </c:pt>
                <c:pt idx="6075">
                  <c:v>79.750000000009507</c:v>
                </c:pt>
                <c:pt idx="6076">
                  <c:v>79.760000000009498</c:v>
                </c:pt>
                <c:pt idx="6077">
                  <c:v>79.770000000009503</c:v>
                </c:pt>
                <c:pt idx="6078">
                  <c:v>79.780000000009494</c:v>
                </c:pt>
                <c:pt idx="6079">
                  <c:v>79.790000000009499</c:v>
                </c:pt>
                <c:pt idx="6080">
                  <c:v>79.800000000009504</c:v>
                </c:pt>
                <c:pt idx="6081">
                  <c:v>79.810000000009495</c:v>
                </c:pt>
                <c:pt idx="6082">
                  <c:v>79.8200000000095</c:v>
                </c:pt>
                <c:pt idx="6083">
                  <c:v>79.830000000009505</c:v>
                </c:pt>
                <c:pt idx="6084">
                  <c:v>79.840000000009496</c:v>
                </c:pt>
                <c:pt idx="6085">
                  <c:v>79.850000000009501</c:v>
                </c:pt>
                <c:pt idx="6086">
                  <c:v>79.860000000009506</c:v>
                </c:pt>
                <c:pt idx="6087">
                  <c:v>79.870000000009497</c:v>
                </c:pt>
                <c:pt idx="6088">
                  <c:v>79.880000000009503</c:v>
                </c:pt>
                <c:pt idx="6089">
                  <c:v>79.890000000009493</c:v>
                </c:pt>
                <c:pt idx="6090">
                  <c:v>79.900000000009499</c:v>
                </c:pt>
                <c:pt idx="6091">
                  <c:v>79.910000000009504</c:v>
                </c:pt>
                <c:pt idx="6092">
                  <c:v>79.920000000009495</c:v>
                </c:pt>
                <c:pt idx="6093">
                  <c:v>79.9300000000095</c:v>
                </c:pt>
                <c:pt idx="6094">
                  <c:v>79.940000000009505</c:v>
                </c:pt>
                <c:pt idx="6095">
                  <c:v>79.950000000009496</c:v>
                </c:pt>
                <c:pt idx="6096">
                  <c:v>79.960000000009501</c:v>
                </c:pt>
                <c:pt idx="6097">
                  <c:v>79.970000000009506</c:v>
                </c:pt>
                <c:pt idx="6098">
                  <c:v>79.980000000009497</c:v>
                </c:pt>
                <c:pt idx="6099">
                  <c:v>79.990000000009502</c:v>
                </c:pt>
                <c:pt idx="6100">
                  <c:v>80.000000000009507</c:v>
                </c:pt>
                <c:pt idx="6101">
                  <c:v>80.010000000009498</c:v>
                </c:pt>
                <c:pt idx="6102">
                  <c:v>80.020000000009503</c:v>
                </c:pt>
                <c:pt idx="6103">
                  <c:v>80.030000000009494</c:v>
                </c:pt>
                <c:pt idx="6104">
                  <c:v>80.040000000009499</c:v>
                </c:pt>
                <c:pt idx="6105">
                  <c:v>80.050000000009504</c:v>
                </c:pt>
                <c:pt idx="6106">
                  <c:v>80.060000000009495</c:v>
                </c:pt>
                <c:pt idx="6107">
                  <c:v>80.0700000000095</c:v>
                </c:pt>
                <c:pt idx="6108">
                  <c:v>80.080000000009505</c:v>
                </c:pt>
                <c:pt idx="6109">
                  <c:v>80.090000000009596</c:v>
                </c:pt>
                <c:pt idx="6110">
                  <c:v>80.100000000009601</c:v>
                </c:pt>
                <c:pt idx="6111">
                  <c:v>80.110000000009506</c:v>
                </c:pt>
                <c:pt idx="6112">
                  <c:v>80.120000000009597</c:v>
                </c:pt>
                <c:pt idx="6113">
                  <c:v>80.130000000009602</c:v>
                </c:pt>
                <c:pt idx="6114">
                  <c:v>80.140000000009593</c:v>
                </c:pt>
                <c:pt idx="6115">
                  <c:v>80.150000000009598</c:v>
                </c:pt>
                <c:pt idx="6116">
                  <c:v>80.160000000009603</c:v>
                </c:pt>
                <c:pt idx="6117">
                  <c:v>80.170000000009594</c:v>
                </c:pt>
                <c:pt idx="6118">
                  <c:v>80.180000000009599</c:v>
                </c:pt>
                <c:pt idx="6119">
                  <c:v>80.190000000009604</c:v>
                </c:pt>
                <c:pt idx="6120">
                  <c:v>80.200000000009595</c:v>
                </c:pt>
                <c:pt idx="6121">
                  <c:v>80.2100000000096</c:v>
                </c:pt>
                <c:pt idx="6122">
                  <c:v>80.220000000009605</c:v>
                </c:pt>
                <c:pt idx="6123">
                  <c:v>80.230000000009596</c:v>
                </c:pt>
                <c:pt idx="6124">
                  <c:v>80.240000000009601</c:v>
                </c:pt>
                <c:pt idx="6125">
                  <c:v>80.250000000009607</c:v>
                </c:pt>
                <c:pt idx="6126">
                  <c:v>80.260000000009597</c:v>
                </c:pt>
                <c:pt idx="6127">
                  <c:v>80.270000000009603</c:v>
                </c:pt>
                <c:pt idx="6128">
                  <c:v>80.280000000009593</c:v>
                </c:pt>
                <c:pt idx="6129">
                  <c:v>80.290000000009599</c:v>
                </c:pt>
                <c:pt idx="6130">
                  <c:v>80.300000000009604</c:v>
                </c:pt>
                <c:pt idx="6131">
                  <c:v>80.310000000009595</c:v>
                </c:pt>
                <c:pt idx="6132">
                  <c:v>80.3200000000096</c:v>
                </c:pt>
                <c:pt idx="6133">
                  <c:v>80.330000000009605</c:v>
                </c:pt>
                <c:pt idx="6134">
                  <c:v>80.340000000009596</c:v>
                </c:pt>
                <c:pt idx="6135">
                  <c:v>80.350000000009601</c:v>
                </c:pt>
                <c:pt idx="6136">
                  <c:v>80.360000000009606</c:v>
                </c:pt>
                <c:pt idx="6137">
                  <c:v>80.370000000009597</c:v>
                </c:pt>
                <c:pt idx="6138">
                  <c:v>80.380000000009602</c:v>
                </c:pt>
                <c:pt idx="6139">
                  <c:v>80.390000000009593</c:v>
                </c:pt>
                <c:pt idx="6140">
                  <c:v>80.400000000009598</c:v>
                </c:pt>
                <c:pt idx="6141">
                  <c:v>80.410000000009603</c:v>
                </c:pt>
                <c:pt idx="6142">
                  <c:v>80.420000000009594</c:v>
                </c:pt>
                <c:pt idx="6143">
                  <c:v>80.430000000009599</c:v>
                </c:pt>
                <c:pt idx="6144">
                  <c:v>80.440000000009604</c:v>
                </c:pt>
                <c:pt idx="6145">
                  <c:v>80.450000000009595</c:v>
                </c:pt>
                <c:pt idx="6146">
                  <c:v>80.4600000000096</c:v>
                </c:pt>
                <c:pt idx="6147">
                  <c:v>80.470000000009605</c:v>
                </c:pt>
                <c:pt idx="6148">
                  <c:v>80.480000000009596</c:v>
                </c:pt>
                <c:pt idx="6149">
                  <c:v>80.490000000009601</c:v>
                </c:pt>
                <c:pt idx="6150">
                  <c:v>80.500000000009607</c:v>
                </c:pt>
                <c:pt idx="6151">
                  <c:v>80.510000000009597</c:v>
                </c:pt>
                <c:pt idx="6152">
                  <c:v>80.520000000009603</c:v>
                </c:pt>
                <c:pt idx="6153">
                  <c:v>80.530000000009593</c:v>
                </c:pt>
                <c:pt idx="6154">
                  <c:v>80.540000000009599</c:v>
                </c:pt>
                <c:pt idx="6155">
                  <c:v>80.550000000009604</c:v>
                </c:pt>
                <c:pt idx="6156">
                  <c:v>80.560000000009595</c:v>
                </c:pt>
                <c:pt idx="6157">
                  <c:v>80.5700000000096</c:v>
                </c:pt>
                <c:pt idx="6158">
                  <c:v>80.580000000009605</c:v>
                </c:pt>
                <c:pt idx="6159">
                  <c:v>80.590000000009596</c:v>
                </c:pt>
                <c:pt idx="6160">
                  <c:v>80.600000000009601</c:v>
                </c:pt>
                <c:pt idx="6161">
                  <c:v>80.610000000009606</c:v>
                </c:pt>
                <c:pt idx="6162">
                  <c:v>80.620000000009597</c:v>
                </c:pt>
                <c:pt idx="6163">
                  <c:v>80.630000000009602</c:v>
                </c:pt>
                <c:pt idx="6164">
                  <c:v>80.640000000009593</c:v>
                </c:pt>
                <c:pt idx="6165">
                  <c:v>80.650000000009598</c:v>
                </c:pt>
                <c:pt idx="6166">
                  <c:v>80.660000000009603</c:v>
                </c:pt>
                <c:pt idx="6167">
                  <c:v>80.670000000009594</c:v>
                </c:pt>
                <c:pt idx="6168">
                  <c:v>80.680000000009599</c:v>
                </c:pt>
                <c:pt idx="6169">
                  <c:v>80.690000000009604</c:v>
                </c:pt>
                <c:pt idx="6170">
                  <c:v>80.700000000009595</c:v>
                </c:pt>
                <c:pt idx="6171">
                  <c:v>80.7100000000096</c:v>
                </c:pt>
                <c:pt idx="6172">
                  <c:v>80.720000000009605</c:v>
                </c:pt>
                <c:pt idx="6173">
                  <c:v>80.730000000009696</c:v>
                </c:pt>
                <c:pt idx="6174">
                  <c:v>80.740000000009701</c:v>
                </c:pt>
                <c:pt idx="6175">
                  <c:v>80.750000000009607</c:v>
                </c:pt>
                <c:pt idx="6176">
                  <c:v>80.760000000009697</c:v>
                </c:pt>
                <c:pt idx="6177">
                  <c:v>80.770000000009702</c:v>
                </c:pt>
                <c:pt idx="6178">
                  <c:v>80.780000000009693</c:v>
                </c:pt>
                <c:pt idx="6179">
                  <c:v>80.790000000009698</c:v>
                </c:pt>
                <c:pt idx="6180">
                  <c:v>80.800000000009703</c:v>
                </c:pt>
                <c:pt idx="6181">
                  <c:v>80.810000000009694</c:v>
                </c:pt>
                <c:pt idx="6182">
                  <c:v>80.820000000009699</c:v>
                </c:pt>
                <c:pt idx="6183">
                  <c:v>80.830000000009704</c:v>
                </c:pt>
                <c:pt idx="6184">
                  <c:v>80.840000000009695</c:v>
                </c:pt>
                <c:pt idx="6185">
                  <c:v>80.8500000000097</c:v>
                </c:pt>
                <c:pt idx="6186">
                  <c:v>80.860000000009705</c:v>
                </c:pt>
                <c:pt idx="6187">
                  <c:v>80.870000000009696</c:v>
                </c:pt>
                <c:pt idx="6188">
                  <c:v>80.880000000009701</c:v>
                </c:pt>
                <c:pt idx="6189">
                  <c:v>80.890000000009707</c:v>
                </c:pt>
                <c:pt idx="6190">
                  <c:v>80.900000000009697</c:v>
                </c:pt>
                <c:pt idx="6191">
                  <c:v>80.910000000009703</c:v>
                </c:pt>
                <c:pt idx="6192">
                  <c:v>80.920000000009694</c:v>
                </c:pt>
                <c:pt idx="6193">
                  <c:v>80.930000000009699</c:v>
                </c:pt>
                <c:pt idx="6194">
                  <c:v>80.940000000009704</c:v>
                </c:pt>
                <c:pt idx="6195">
                  <c:v>80.950000000009695</c:v>
                </c:pt>
                <c:pt idx="6196">
                  <c:v>80.9600000000097</c:v>
                </c:pt>
                <c:pt idx="6197">
                  <c:v>80.970000000009705</c:v>
                </c:pt>
                <c:pt idx="6198">
                  <c:v>80.980000000009696</c:v>
                </c:pt>
                <c:pt idx="6199">
                  <c:v>80.990000000009701</c:v>
                </c:pt>
                <c:pt idx="6200">
                  <c:v>81.000000000009706</c:v>
                </c:pt>
                <c:pt idx="6201">
                  <c:v>81.010000000009697</c:v>
                </c:pt>
                <c:pt idx="6202">
                  <c:v>81.020000000009702</c:v>
                </c:pt>
                <c:pt idx="6203">
                  <c:v>81.030000000009693</c:v>
                </c:pt>
                <c:pt idx="6204">
                  <c:v>81.040000000009698</c:v>
                </c:pt>
                <c:pt idx="6205">
                  <c:v>81.050000000009703</c:v>
                </c:pt>
                <c:pt idx="6206">
                  <c:v>81.060000000009694</c:v>
                </c:pt>
                <c:pt idx="6207">
                  <c:v>81.070000000009699</c:v>
                </c:pt>
                <c:pt idx="6208">
                  <c:v>81.080000000009704</c:v>
                </c:pt>
                <c:pt idx="6209">
                  <c:v>81.090000000009695</c:v>
                </c:pt>
                <c:pt idx="6210">
                  <c:v>81.1000000000097</c:v>
                </c:pt>
                <c:pt idx="6211">
                  <c:v>81.110000000009705</c:v>
                </c:pt>
                <c:pt idx="6212">
                  <c:v>81.120000000009696</c:v>
                </c:pt>
                <c:pt idx="6213">
                  <c:v>81.130000000009701</c:v>
                </c:pt>
                <c:pt idx="6214">
                  <c:v>81.140000000009707</c:v>
                </c:pt>
                <c:pt idx="6215">
                  <c:v>81.150000000009697</c:v>
                </c:pt>
                <c:pt idx="6216">
                  <c:v>81.160000000009703</c:v>
                </c:pt>
                <c:pt idx="6217">
                  <c:v>81.170000000009694</c:v>
                </c:pt>
                <c:pt idx="6218">
                  <c:v>81.180000000009699</c:v>
                </c:pt>
                <c:pt idx="6219">
                  <c:v>81.190000000009704</c:v>
                </c:pt>
                <c:pt idx="6220">
                  <c:v>81.200000000009695</c:v>
                </c:pt>
                <c:pt idx="6221">
                  <c:v>81.2100000000097</c:v>
                </c:pt>
                <c:pt idx="6222">
                  <c:v>81.220000000009705</c:v>
                </c:pt>
                <c:pt idx="6223">
                  <c:v>81.230000000009696</c:v>
                </c:pt>
                <c:pt idx="6224">
                  <c:v>81.240000000009701</c:v>
                </c:pt>
                <c:pt idx="6225">
                  <c:v>81.250000000009706</c:v>
                </c:pt>
                <c:pt idx="6226">
                  <c:v>81.260000000009697</c:v>
                </c:pt>
                <c:pt idx="6227">
                  <c:v>81.270000000009702</c:v>
                </c:pt>
                <c:pt idx="6228">
                  <c:v>81.280000000009693</c:v>
                </c:pt>
                <c:pt idx="6229">
                  <c:v>81.290000000009698</c:v>
                </c:pt>
                <c:pt idx="6230">
                  <c:v>81.300000000009703</c:v>
                </c:pt>
                <c:pt idx="6231">
                  <c:v>81.310000000009694</c:v>
                </c:pt>
                <c:pt idx="6232">
                  <c:v>81.320000000009699</c:v>
                </c:pt>
                <c:pt idx="6233">
                  <c:v>81.330000000009704</c:v>
                </c:pt>
                <c:pt idx="6234">
                  <c:v>81.340000000009695</c:v>
                </c:pt>
                <c:pt idx="6235">
                  <c:v>81.3500000000097</c:v>
                </c:pt>
                <c:pt idx="6236">
                  <c:v>81.360000000009705</c:v>
                </c:pt>
                <c:pt idx="6237">
                  <c:v>81.370000000009796</c:v>
                </c:pt>
                <c:pt idx="6238">
                  <c:v>81.380000000009801</c:v>
                </c:pt>
                <c:pt idx="6239">
                  <c:v>81.390000000009707</c:v>
                </c:pt>
                <c:pt idx="6240">
                  <c:v>81.400000000009797</c:v>
                </c:pt>
                <c:pt idx="6241">
                  <c:v>81.410000000009802</c:v>
                </c:pt>
                <c:pt idx="6242">
                  <c:v>81.420000000009793</c:v>
                </c:pt>
                <c:pt idx="6243">
                  <c:v>81.430000000009798</c:v>
                </c:pt>
                <c:pt idx="6244">
                  <c:v>81.440000000009803</c:v>
                </c:pt>
                <c:pt idx="6245">
                  <c:v>81.450000000009794</c:v>
                </c:pt>
                <c:pt idx="6246">
                  <c:v>81.460000000009799</c:v>
                </c:pt>
                <c:pt idx="6247">
                  <c:v>81.470000000009804</c:v>
                </c:pt>
                <c:pt idx="6248">
                  <c:v>81.480000000009795</c:v>
                </c:pt>
                <c:pt idx="6249">
                  <c:v>81.4900000000098</c:v>
                </c:pt>
                <c:pt idx="6250">
                  <c:v>81.500000000009805</c:v>
                </c:pt>
                <c:pt idx="6251">
                  <c:v>81.510000000009796</c:v>
                </c:pt>
                <c:pt idx="6252">
                  <c:v>81.520000000009802</c:v>
                </c:pt>
                <c:pt idx="6253">
                  <c:v>81.530000000009807</c:v>
                </c:pt>
                <c:pt idx="6254">
                  <c:v>81.540000000009798</c:v>
                </c:pt>
                <c:pt idx="6255">
                  <c:v>81.550000000009803</c:v>
                </c:pt>
                <c:pt idx="6256">
                  <c:v>81.560000000009794</c:v>
                </c:pt>
                <c:pt idx="6257">
                  <c:v>81.570000000009799</c:v>
                </c:pt>
                <c:pt idx="6258">
                  <c:v>81.580000000009804</c:v>
                </c:pt>
                <c:pt idx="6259">
                  <c:v>81.590000000009795</c:v>
                </c:pt>
                <c:pt idx="6260">
                  <c:v>81.6000000000098</c:v>
                </c:pt>
                <c:pt idx="6261">
                  <c:v>81.610000000009805</c:v>
                </c:pt>
                <c:pt idx="6262">
                  <c:v>81.620000000009796</c:v>
                </c:pt>
                <c:pt idx="6263">
                  <c:v>81.630000000009801</c:v>
                </c:pt>
                <c:pt idx="6264">
                  <c:v>81.640000000009806</c:v>
                </c:pt>
                <c:pt idx="6265">
                  <c:v>81.650000000009797</c:v>
                </c:pt>
                <c:pt idx="6266">
                  <c:v>81.660000000009802</c:v>
                </c:pt>
                <c:pt idx="6267">
                  <c:v>81.670000000009793</c:v>
                </c:pt>
                <c:pt idx="6268">
                  <c:v>81.680000000009798</c:v>
                </c:pt>
                <c:pt idx="6269">
                  <c:v>81.690000000009803</c:v>
                </c:pt>
                <c:pt idx="6270">
                  <c:v>81.700000000009794</c:v>
                </c:pt>
                <c:pt idx="6271">
                  <c:v>81.710000000009799</c:v>
                </c:pt>
                <c:pt idx="6272">
                  <c:v>81.720000000009804</c:v>
                </c:pt>
                <c:pt idx="6273">
                  <c:v>81.730000000009795</c:v>
                </c:pt>
                <c:pt idx="6274">
                  <c:v>81.7400000000098</c:v>
                </c:pt>
                <c:pt idx="6275">
                  <c:v>81.750000000009805</c:v>
                </c:pt>
                <c:pt idx="6276">
                  <c:v>81.760000000009796</c:v>
                </c:pt>
                <c:pt idx="6277">
                  <c:v>81.770000000009802</c:v>
                </c:pt>
                <c:pt idx="6278">
                  <c:v>81.780000000009807</c:v>
                </c:pt>
                <c:pt idx="6279">
                  <c:v>81.790000000009798</c:v>
                </c:pt>
                <c:pt idx="6280">
                  <c:v>81.800000000009803</c:v>
                </c:pt>
                <c:pt idx="6281">
                  <c:v>81.810000000009794</c:v>
                </c:pt>
                <c:pt idx="6282">
                  <c:v>81.820000000009799</c:v>
                </c:pt>
                <c:pt idx="6283">
                  <c:v>81.830000000009804</c:v>
                </c:pt>
                <c:pt idx="6284">
                  <c:v>81.840000000009795</c:v>
                </c:pt>
                <c:pt idx="6285">
                  <c:v>81.8500000000098</c:v>
                </c:pt>
                <c:pt idx="6286">
                  <c:v>81.860000000009805</c:v>
                </c:pt>
                <c:pt idx="6287">
                  <c:v>81.870000000009796</c:v>
                </c:pt>
                <c:pt idx="6288">
                  <c:v>81.880000000009801</c:v>
                </c:pt>
                <c:pt idx="6289">
                  <c:v>81.890000000009806</c:v>
                </c:pt>
                <c:pt idx="6290">
                  <c:v>81.900000000009797</c:v>
                </c:pt>
                <c:pt idx="6291">
                  <c:v>81.910000000009802</c:v>
                </c:pt>
                <c:pt idx="6292">
                  <c:v>81.920000000009793</c:v>
                </c:pt>
                <c:pt idx="6293">
                  <c:v>81.930000000009798</c:v>
                </c:pt>
                <c:pt idx="6294">
                  <c:v>81.940000000009803</c:v>
                </c:pt>
                <c:pt idx="6295">
                  <c:v>81.950000000009794</c:v>
                </c:pt>
                <c:pt idx="6296">
                  <c:v>81.960000000009799</c:v>
                </c:pt>
                <c:pt idx="6297">
                  <c:v>81.970000000009804</c:v>
                </c:pt>
                <c:pt idx="6298">
                  <c:v>81.980000000009795</c:v>
                </c:pt>
                <c:pt idx="6299">
                  <c:v>81.9900000000098</c:v>
                </c:pt>
                <c:pt idx="6300">
                  <c:v>82.000000000009805</c:v>
                </c:pt>
                <c:pt idx="6301">
                  <c:v>82.010000000009896</c:v>
                </c:pt>
                <c:pt idx="6302">
                  <c:v>82.020000000009901</c:v>
                </c:pt>
                <c:pt idx="6303">
                  <c:v>82.030000000009807</c:v>
                </c:pt>
                <c:pt idx="6304">
                  <c:v>82.040000000009897</c:v>
                </c:pt>
                <c:pt idx="6305">
                  <c:v>82.050000000009902</c:v>
                </c:pt>
                <c:pt idx="6306">
                  <c:v>82.060000000009893</c:v>
                </c:pt>
                <c:pt idx="6307">
                  <c:v>82.070000000009898</c:v>
                </c:pt>
                <c:pt idx="6308">
                  <c:v>82.080000000009903</c:v>
                </c:pt>
                <c:pt idx="6309">
                  <c:v>82.090000000009894</c:v>
                </c:pt>
                <c:pt idx="6310">
                  <c:v>82.100000000009899</c:v>
                </c:pt>
                <c:pt idx="6311">
                  <c:v>82.110000000009904</c:v>
                </c:pt>
                <c:pt idx="6312">
                  <c:v>82.120000000009895</c:v>
                </c:pt>
                <c:pt idx="6313">
                  <c:v>82.1300000000099</c:v>
                </c:pt>
                <c:pt idx="6314">
                  <c:v>82.140000000009906</c:v>
                </c:pt>
                <c:pt idx="6315">
                  <c:v>82.150000000009896</c:v>
                </c:pt>
                <c:pt idx="6316">
                  <c:v>82.160000000009902</c:v>
                </c:pt>
                <c:pt idx="6317">
                  <c:v>82.170000000009907</c:v>
                </c:pt>
                <c:pt idx="6318">
                  <c:v>82.180000000009898</c:v>
                </c:pt>
                <c:pt idx="6319">
                  <c:v>82.190000000009903</c:v>
                </c:pt>
                <c:pt idx="6320">
                  <c:v>82.200000000009894</c:v>
                </c:pt>
                <c:pt idx="6321">
                  <c:v>82.210000000009899</c:v>
                </c:pt>
                <c:pt idx="6322">
                  <c:v>82.220000000009904</c:v>
                </c:pt>
                <c:pt idx="6323">
                  <c:v>82.230000000009895</c:v>
                </c:pt>
                <c:pt idx="6324">
                  <c:v>82.2400000000099</c:v>
                </c:pt>
                <c:pt idx="6325">
                  <c:v>82.250000000009905</c:v>
                </c:pt>
                <c:pt idx="6326">
                  <c:v>82.260000000009896</c:v>
                </c:pt>
                <c:pt idx="6327">
                  <c:v>82.270000000009901</c:v>
                </c:pt>
                <c:pt idx="6328">
                  <c:v>82.280000000009906</c:v>
                </c:pt>
                <c:pt idx="6329">
                  <c:v>82.290000000009897</c:v>
                </c:pt>
                <c:pt idx="6330">
                  <c:v>82.300000000009902</c:v>
                </c:pt>
                <c:pt idx="6331">
                  <c:v>82.310000000009893</c:v>
                </c:pt>
                <c:pt idx="6332">
                  <c:v>82.320000000009898</c:v>
                </c:pt>
                <c:pt idx="6333">
                  <c:v>82.330000000009903</c:v>
                </c:pt>
                <c:pt idx="6334">
                  <c:v>82.340000000009894</c:v>
                </c:pt>
                <c:pt idx="6335">
                  <c:v>82.350000000009899</c:v>
                </c:pt>
                <c:pt idx="6336">
                  <c:v>82.360000000009904</c:v>
                </c:pt>
                <c:pt idx="6337">
                  <c:v>82.370000000009895</c:v>
                </c:pt>
                <c:pt idx="6338">
                  <c:v>82.3800000000099</c:v>
                </c:pt>
                <c:pt idx="6339">
                  <c:v>82.390000000009906</c:v>
                </c:pt>
                <c:pt idx="6340">
                  <c:v>82.400000000009896</c:v>
                </c:pt>
                <c:pt idx="6341">
                  <c:v>82.410000000009902</c:v>
                </c:pt>
                <c:pt idx="6342">
                  <c:v>82.420000000009907</c:v>
                </c:pt>
                <c:pt idx="6343">
                  <c:v>82.430000000009898</c:v>
                </c:pt>
                <c:pt idx="6344">
                  <c:v>82.440000000009903</c:v>
                </c:pt>
                <c:pt idx="6345">
                  <c:v>82.450000000009894</c:v>
                </c:pt>
                <c:pt idx="6346">
                  <c:v>82.460000000009899</c:v>
                </c:pt>
                <c:pt idx="6347">
                  <c:v>82.470000000009904</c:v>
                </c:pt>
                <c:pt idx="6348">
                  <c:v>82.480000000009895</c:v>
                </c:pt>
                <c:pt idx="6349">
                  <c:v>82.4900000000099</c:v>
                </c:pt>
                <c:pt idx="6350">
                  <c:v>82.500000000009905</c:v>
                </c:pt>
                <c:pt idx="6351">
                  <c:v>82.510000000009896</c:v>
                </c:pt>
                <c:pt idx="6352">
                  <c:v>82.520000000009901</c:v>
                </c:pt>
                <c:pt idx="6353">
                  <c:v>82.530000000009906</c:v>
                </c:pt>
                <c:pt idx="6354">
                  <c:v>82.540000000009897</c:v>
                </c:pt>
                <c:pt idx="6355">
                  <c:v>82.550000000009902</c:v>
                </c:pt>
                <c:pt idx="6356">
                  <c:v>82.560000000009893</c:v>
                </c:pt>
                <c:pt idx="6357">
                  <c:v>82.570000000009898</c:v>
                </c:pt>
                <c:pt idx="6358">
                  <c:v>82.580000000009903</c:v>
                </c:pt>
                <c:pt idx="6359">
                  <c:v>82.590000000009894</c:v>
                </c:pt>
                <c:pt idx="6360">
                  <c:v>82.600000000009899</c:v>
                </c:pt>
                <c:pt idx="6361">
                  <c:v>82.610000000009904</c:v>
                </c:pt>
                <c:pt idx="6362">
                  <c:v>82.620000000009895</c:v>
                </c:pt>
                <c:pt idx="6363">
                  <c:v>82.6300000000099</c:v>
                </c:pt>
                <c:pt idx="6364">
                  <c:v>82.640000000009906</c:v>
                </c:pt>
                <c:pt idx="6365">
                  <c:v>82.650000000009996</c:v>
                </c:pt>
                <c:pt idx="6366">
                  <c:v>82.660000000010001</c:v>
                </c:pt>
                <c:pt idx="6367">
                  <c:v>82.670000000009907</c:v>
                </c:pt>
                <c:pt idx="6368">
                  <c:v>82.680000000009997</c:v>
                </c:pt>
                <c:pt idx="6369">
                  <c:v>82.690000000010002</c:v>
                </c:pt>
                <c:pt idx="6370">
                  <c:v>82.700000000009993</c:v>
                </c:pt>
                <c:pt idx="6371">
                  <c:v>82.710000000009998</c:v>
                </c:pt>
                <c:pt idx="6372">
                  <c:v>82.720000000010003</c:v>
                </c:pt>
                <c:pt idx="6373">
                  <c:v>82.730000000009994</c:v>
                </c:pt>
                <c:pt idx="6374">
                  <c:v>82.740000000009999</c:v>
                </c:pt>
                <c:pt idx="6375">
                  <c:v>82.750000000010004</c:v>
                </c:pt>
                <c:pt idx="6376">
                  <c:v>82.760000000009995</c:v>
                </c:pt>
                <c:pt idx="6377">
                  <c:v>82.77000000001</c:v>
                </c:pt>
                <c:pt idx="6378">
                  <c:v>82.780000000010006</c:v>
                </c:pt>
                <c:pt idx="6379">
                  <c:v>82.790000000009996</c:v>
                </c:pt>
                <c:pt idx="6380">
                  <c:v>82.800000000010002</c:v>
                </c:pt>
                <c:pt idx="6381">
                  <c:v>82.810000000010007</c:v>
                </c:pt>
                <c:pt idx="6382">
                  <c:v>82.820000000009998</c:v>
                </c:pt>
                <c:pt idx="6383">
                  <c:v>82.830000000010003</c:v>
                </c:pt>
                <c:pt idx="6384">
                  <c:v>82.840000000009994</c:v>
                </c:pt>
                <c:pt idx="6385">
                  <c:v>82.850000000009999</c:v>
                </c:pt>
                <c:pt idx="6386">
                  <c:v>82.860000000010004</c:v>
                </c:pt>
                <c:pt idx="6387">
                  <c:v>82.870000000009995</c:v>
                </c:pt>
                <c:pt idx="6388">
                  <c:v>82.88000000001</c:v>
                </c:pt>
                <c:pt idx="6389">
                  <c:v>82.890000000010005</c:v>
                </c:pt>
                <c:pt idx="6390">
                  <c:v>82.900000000009996</c:v>
                </c:pt>
                <c:pt idx="6391">
                  <c:v>82.910000000010001</c:v>
                </c:pt>
                <c:pt idx="6392">
                  <c:v>82.920000000010006</c:v>
                </c:pt>
                <c:pt idx="6393">
                  <c:v>82.930000000009997</c:v>
                </c:pt>
                <c:pt idx="6394">
                  <c:v>82.940000000010002</c:v>
                </c:pt>
                <c:pt idx="6395">
                  <c:v>82.950000000009993</c:v>
                </c:pt>
                <c:pt idx="6396">
                  <c:v>82.960000000009998</c:v>
                </c:pt>
                <c:pt idx="6397">
                  <c:v>82.970000000010003</c:v>
                </c:pt>
                <c:pt idx="6398">
                  <c:v>82.980000000009994</c:v>
                </c:pt>
                <c:pt idx="6399">
                  <c:v>82.990000000009999</c:v>
                </c:pt>
                <c:pt idx="6400">
                  <c:v>83.000000000010004</c:v>
                </c:pt>
                <c:pt idx="6401">
                  <c:v>83.010000000009995</c:v>
                </c:pt>
                <c:pt idx="6402">
                  <c:v>83.02000000001</c:v>
                </c:pt>
                <c:pt idx="6403">
                  <c:v>83.030000000010006</c:v>
                </c:pt>
                <c:pt idx="6404">
                  <c:v>83.040000000009996</c:v>
                </c:pt>
                <c:pt idx="6405">
                  <c:v>83.050000000010002</c:v>
                </c:pt>
                <c:pt idx="6406">
                  <c:v>83.060000000010007</c:v>
                </c:pt>
                <c:pt idx="6407">
                  <c:v>83.070000000009998</c:v>
                </c:pt>
                <c:pt idx="6408">
                  <c:v>83.080000000010003</c:v>
                </c:pt>
                <c:pt idx="6409">
                  <c:v>83.090000000009994</c:v>
                </c:pt>
                <c:pt idx="6410">
                  <c:v>83.100000000009999</c:v>
                </c:pt>
                <c:pt idx="6411">
                  <c:v>83.110000000010004</c:v>
                </c:pt>
                <c:pt idx="6412">
                  <c:v>83.120000000009995</c:v>
                </c:pt>
                <c:pt idx="6413">
                  <c:v>83.13000000001</c:v>
                </c:pt>
                <c:pt idx="6414">
                  <c:v>83.140000000010005</c:v>
                </c:pt>
                <c:pt idx="6415">
                  <c:v>83.150000000009996</c:v>
                </c:pt>
                <c:pt idx="6416">
                  <c:v>83.160000000010001</c:v>
                </c:pt>
                <c:pt idx="6417">
                  <c:v>83.170000000010006</c:v>
                </c:pt>
                <c:pt idx="6418">
                  <c:v>83.180000000009997</c:v>
                </c:pt>
                <c:pt idx="6419">
                  <c:v>83.190000000010002</c:v>
                </c:pt>
                <c:pt idx="6420">
                  <c:v>83.200000000009993</c:v>
                </c:pt>
                <c:pt idx="6421">
                  <c:v>83.210000000009998</c:v>
                </c:pt>
                <c:pt idx="6422">
                  <c:v>83.220000000010003</c:v>
                </c:pt>
                <c:pt idx="6423">
                  <c:v>83.230000000009994</c:v>
                </c:pt>
                <c:pt idx="6424">
                  <c:v>83.240000000009999</c:v>
                </c:pt>
                <c:pt idx="6425">
                  <c:v>83.250000000010004</c:v>
                </c:pt>
                <c:pt idx="6426">
                  <c:v>83.260000000010095</c:v>
                </c:pt>
                <c:pt idx="6427">
                  <c:v>83.27000000001</c:v>
                </c:pt>
                <c:pt idx="6428">
                  <c:v>83.280000000010006</c:v>
                </c:pt>
                <c:pt idx="6429">
                  <c:v>83.290000000010096</c:v>
                </c:pt>
                <c:pt idx="6430">
                  <c:v>83.300000000010002</c:v>
                </c:pt>
                <c:pt idx="6431">
                  <c:v>83.310000000010007</c:v>
                </c:pt>
                <c:pt idx="6432">
                  <c:v>83.320000000010097</c:v>
                </c:pt>
                <c:pt idx="6433">
                  <c:v>83.330000000010102</c:v>
                </c:pt>
                <c:pt idx="6434">
                  <c:v>83.340000000010093</c:v>
                </c:pt>
                <c:pt idx="6435">
                  <c:v>83.350000000010098</c:v>
                </c:pt>
                <c:pt idx="6436">
                  <c:v>83.360000000010103</c:v>
                </c:pt>
                <c:pt idx="6437">
                  <c:v>83.370000000010094</c:v>
                </c:pt>
                <c:pt idx="6438">
                  <c:v>83.380000000010099</c:v>
                </c:pt>
                <c:pt idx="6439">
                  <c:v>83.390000000010104</c:v>
                </c:pt>
                <c:pt idx="6440">
                  <c:v>83.400000000010095</c:v>
                </c:pt>
                <c:pt idx="6441">
                  <c:v>83.410000000010101</c:v>
                </c:pt>
                <c:pt idx="6442">
                  <c:v>83.420000000010106</c:v>
                </c:pt>
                <c:pt idx="6443">
                  <c:v>83.430000000010097</c:v>
                </c:pt>
                <c:pt idx="6444">
                  <c:v>83.440000000010102</c:v>
                </c:pt>
                <c:pt idx="6445">
                  <c:v>83.450000000010107</c:v>
                </c:pt>
                <c:pt idx="6446">
                  <c:v>83.460000000010098</c:v>
                </c:pt>
                <c:pt idx="6447">
                  <c:v>83.470000000010103</c:v>
                </c:pt>
                <c:pt idx="6448">
                  <c:v>83.480000000010094</c:v>
                </c:pt>
                <c:pt idx="6449">
                  <c:v>83.490000000010099</c:v>
                </c:pt>
                <c:pt idx="6450">
                  <c:v>83.500000000010104</c:v>
                </c:pt>
                <c:pt idx="6451">
                  <c:v>83.510000000010095</c:v>
                </c:pt>
                <c:pt idx="6452">
                  <c:v>83.5200000000101</c:v>
                </c:pt>
                <c:pt idx="6453">
                  <c:v>83.530000000010105</c:v>
                </c:pt>
                <c:pt idx="6454">
                  <c:v>83.540000000010096</c:v>
                </c:pt>
                <c:pt idx="6455">
                  <c:v>83.550000000010101</c:v>
                </c:pt>
                <c:pt idx="6456">
                  <c:v>83.560000000010106</c:v>
                </c:pt>
                <c:pt idx="6457">
                  <c:v>83.570000000010097</c:v>
                </c:pt>
                <c:pt idx="6458">
                  <c:v>83.580000000010102</c:v>
                </c:pt>
                <c:pt idx="6459">
                  <c:v>83.590000000010093</c:v>
                </c:pt>
                <c:pt idx="6460">
                  <c:v>83.600000000010098</c:v>
                </c:pt>
                <c:pt idx="6461">
                  <c:v>83.610000000010103</c:v>
                </c:pt>
                <c:pt idx="6462">
                  <c:v>83.620000000010094</c:v>
                </c:pt>
                <c:pt idx="6463">
                  <c:v>83.630000000010099</c:v>
                </c:pt>
                <c:pt idx="6464">
                  <c:v>83.640000000010104</c:v>
                </c:pt>
                <c:pt idx="6465">
                  <c:v>83.650000000010095</c:v>
                </c:pt>
                <c:pt idx="6466">
                  <c:v>83.660000000010101</c:v>
                </c:pt>
                <c:pt idx="6467">
                  <c:v>83.670000000010106</c:v>
                </c:pt>
                <c:pt idx="6468">
                  <c:v>83.680000000010097</c:v>
                </c:pt>
                <c:pt idx="6469">
                  <c:v>83.690000000010102</c:v>
                </c:pt>
                <c:pt idx="6470">
                  <c:v>83.700000000010107</c:v>
                </c:pt>
                <c:pt idx="6471">
                  <c:v>83.710000000010098</c:v>
                </c:pt>
                <c:pt idx="6472">
                  <c:v>83.720000000010103</c:v>
                </c:pt>
                <c:pt idx="6473">
                  <c:v>83.730000000010094</c:v>
                </c:pt>
                <c:pt idx="6474">
                  <c:v>83.740000000010099</c:v>
                </c:pt>
                <c:pt idx="6475">
                  <c:v>83.750000000010104</c:v>
                </c:pt>
                <c:pt idx="6476">
                  <c:v>83.760000000010095</c:v>
                </c:pt>
                <c:pt idx="6477">
                  <c:v>83.7700000000101</c:v>
                </c:pt>
                <c:pt idx="6478">
                  <c:v>83.780000000010105</c:v>
                </c:pt>
                <c:pt idx="6479">
                  <c:v>83.790000000010096</c:v>
                </c:pt>
                <c:pt idx="6480">
                  <c:v>83.800000000010101</c:v>
                </c:pt>
                <c:pt idx="6481">
                  <c:v>83.810000000010106</c:v>
                </c:pt>
                <c:pt idx="6482">
                  <c:v>83.820000000010097</c:v>
                </c:pt>
                <c:pt idx="6483">
                  <c:v>83.830000000010102</c:v>
                </c:pt>
                <c:pt idx="6484">
                  <c:v>83.840000000010093</c:v>
                </c:pt>
                <c:pt idx="6485">
                  <c:v>83.850000000010098</c:v>
                </c:pt>
                <c:pt idx="6486">
                  <c:v>83.860000000010103</c:v>
                </c:pt>
                <c:pt idx="6487">
                  <c:v>83.870000000010094</c:v>
                </c:pt>
                <c:pt idx="6488">
                  <c:v>83.880000000010099</c:v>
                </c:pt>
                <c:pt idx="6489">
                  <c:v>83.890000000010104</c:v>
                </c:pt>
                <c:pt idx="6490">
                  <c:v>83.900000000010195</c:v>
                </c:pt>
                <c:pt idx="6491">
                  <c:v>83.910000000010101</c:v>
                </c:pt>
                <c:pt idx="6492">
                  <c:v>83.920000000010106</c:v>
                </c:pt>
                <c:pt idx="6493">
                  <c:v>83.930000000010196</c:v>
                </c:pt>
                <c:pt idx="6494">
                  <c:v>83.940000000010102</c:v>
                </c:pt>
                <c:pt idx="6495">
                  <c:v>83.950000000010107</c:v>
                </c:pt>
                <c:pt idx="6496">
                  <c:v>83.960000000010197</c:v>
                </c:pt>
                <c:pt idx="6497">
                  <c:v>83.970000000010202</c:v>
                </c:pt>
                <c:pt idx="6498">
                  <c:v>83.980000000010193</c:v>
                </c:pt>
                <c:pt idx="6499">
                  <c:v>83.990000000010198</c:v>
                </c:pt>
                <c:pt idx="6500">
                  <c:v>84.000000000010203</c:v>
                </c:pt>
                <c:pt idx="6501">
                  <c:v>84.010000000010194</c:v>
                </c:pt>
                <c:pt idx="6502">
                  <c:v>84.020000000010199</c:v>
                </c:pt>
                <c:pt idx="6503">
                  <c:v>84.030000000010205</c:v>
                </c:pt>
                <c:pt idx="6504">
                  <c:v>84.040000000010195</c:v>
                </c:pt>
                <c:pt idx="6505">
                  <c:v>84.050000000010201</c:v>
                </c:pt>
                <c:pt idx="6506">
                  <c:v>84.060000000010206</c:v>
                </c:pt>
                <c:pt idx="6507">
                  <c:v>84.070000000010197</c:v>
                </c:pt>
                <c:pt idx="6508">
                  <c:v>84.080000000010202</c:v>
                </c:pt>
                <c:pt idx="6509">
                  <c:v>84.090000000010207</c:v>
                </c:pt>
                <c:pt idx="6510">
                  <c:v>84.100000000010198</c:v>
                </c:pt>
                <c:pt idx="6511">
                  <c:v>84.110000000010203</c:v>
                </c:pt>
                <c:pt idx="6512">
                  <c:v>84.120000000010194</c:v>
                </c:pt>
                <c:pt idx="6513">
                  <c:v>84.130000000010199</c:v>
                </c:pt>
                <c:pt idx="6514">
                  <c:v>84.140000000010204</c:v>
                </c:pt>
                <c:pt idx="6515">
                  <c:v>84.150000000010195</c:v>
                </c:pt>
                <c:pt idx="6516">
                  <c:v>84.1600000000102</c:v>
                </c:pt>
                <c:pt idx="6517">
                  <c:v>84.170000000010205</c:v>
                </c:pt>
                <c:pt idx="6518">
                  <c:v>84.180000000010196</c:v>
                </c:pt>
                <c:pt idx="6519">
                  <c:v>84.190000000010201</c:v>
                </c:pt>
                <c:pt idx="6520">
                  <c:v>84.200000000010206</c:v>
                </c:pt>
                <c:pt idx="6521">
                  <c:v>84.210000000010197</c:v>
                </c:pt>
                <c:pt idx="6522">
                  <c:v>84.220000000010202</c:v>
                </c:pt>
                <c:pt idx="6523">
                  <c:v>84.230000000010193</c:v>
                </c:pt>
                <c:pt idx="6524">
                  <c:v>84.240000000010198</c:v>
                </c:pt>
                <c:pt idx="6525">
                  <c:v>84.250000000010203</c:v>
                </c:pt>
                <c:pt idx="6526">
                  <c:v>84.260000000010194</c:v>
                </c:pt>
                <c:pt idx="6527">
                  <c:v>84.270000000010199</c:v>
                </c:pt>
                <c:pt idx="6528">
                  <c:v>84.280000000010205</c:v>
                </c:pt>
                <c:pt idx="6529">
                  <c:v>84.290000000010195</c:v>
                </c:pt>
                <c:pt idx="6530">
                  <c:v>84.300000000010201</c:v>
                </c:pt>
                <c:pt idx="6531">
                  <c:v>84.310000000010206</c:v>
                </c:pt>
                <c:pt idx="6532">
                  <c:v>84.320000000010197</c:v>
                </c:pt>
                <c:pt idx="6533">
                  <c:v>84.330000000010202</c:v>
                </c:pt>
                <c:pt idx="6534">
                  <c:v>84.340000000010207</c:v>
                </c:pt>
                <c:pt idx="6535">
                  <c:v>84.350000000010198</c:v>
                </c:pt>
                <c:pt idx="6536">
                  <c:v>84.360000000010203</c:v>
                </c:pt>
                <c:pt idx="6537">
                  <c:v>84.370000000010194</c:v>
                </c:pt>
                <c:pt idx="6538">
                  <c:v>84.380000000010199</c:v>
                </c:pt>
                <c:pt idx="6539">
                  <c:v>84.390000000010204</c:v>
                </c:pt>
                <c:pt idx="6540">
                  <c:v>84.400000000010195</c:v>
                </c:pt>
                <c:pt idx="6541">
                  <c:v>84.4100000000102</c:v>
                </c:pt>
                <c:pt idx="6542">
                  <c:v>84.420000000010205</c:v>
                </c:pt>
                <c:pt idx="6543">
                  <c:v>84.430000000010196</c:v>
                </c:pt>
                <c:pt idx="6544">
                  <c:v>84.440000000010201</c:v>
                </c:pt>
                <c:pt idx="6545">
                  <c:v>84.450000000010206</c:v>
                </c:pt>
                <c:pt idx="6546">
                  <c:v>84.460000000010197</c:v>
                </c:pt>
                <c:pt idx="6547">
                  <c:v>84.470000000010202</c:v>
                </c:pt>
                <c:pt idx="6548">
                  <c:v>84.480000000010193</c:v>
                </c:pt>
                <c:pt idx="6549">
                  <c:v>84.490000000010198</c:v>
                </c:pt>
                <c:pt idx="6550">
                  <c:v>84.500000000010203</c:v>
                </c:pt>
                <c:pt idx="6551">
                  <c:v>84.510000000010194</c:v>
                </c:pt>
                <c:pt idx="6552">
                  <c:v>84.520000000010199</c:v>
                </c:pt>
                <c:pt idx="6553">
                  <c:v>84.530000000010205</c:v>
                </c:pt>
                <c:pt idx="6554">
                  <c:v>84.540000000010295</c:v>
                </c:pt>
                <c:pt idx="6555">
                  <c:v>84.550000000010201</c:v>
                </c:pt>
                <c:pt idx="6556">
                  <c:v>84.560000000010206</c:v>
                </c:pt>
                <c:pt idx="6557">
                  <c:v>84.570000000010296</c:v>
                </c:pt>
                <c:pt idx="6558">
                  <c:v>84.580000000010202</c:v>
                </c:pt>
                <c:pt idx="6559">
                  <c:v>84.590000000010207</c:v>
                </c:pt>
                <c:pt idx="6560">
                  <c:v>84.600000000010297</c:v>
                </c:pt>
                <c:pt idx="6561">
                  <c:v>84.610000000010302</c:v>
                </c:pt>
                <c:pt idx="6562">
                  <c:v>84.620000000010293</c:v>
                </c:pt>
                <c:pt idx="6563">
                  <c:v>84.630000000010298</c:v>
                </c:pt>
                <c:pt idx="6564">
                  <c:v>84.640000000010303</c:v>
                </c:pt>
                <c:pt idx="6565">
                  <c:v>84.650000000010294</c:v>
                </c:pt>
                <c:pt idx="6566">
                  <c:v>84.660000000010299</c:v>
                </c:pt>
                <c:pt idx="6567">
                  <c:v>84.670000000010305</c:v>
                </c:pt>
                <c:pt idx="6568">
                  <c:v>84.680000000010295</c:v>
                </c:pt>
                <c:pt idx="6569">
                  <c:v>84.690000000010301</c:v>
                </c:pt>
                <c:pt idx="6570">
                  <c:v>84.700000000010306</c:v>
                </c:pt>
                <c:pt idx="6571">
                  <c:v>84.710000000010297</c:v>
                </c:pt>
                <c:pt idx="6572">
                  <c:v>84.720000000010302</c:v>
                </c:pt>
                <c:pt idx="6573">
                  <c:v>84.730000000010307</c:v>
                </c:pt>
                <c:pt idx="6574">
                  <c:v>84.740000000010298</c:v>
                </c:pt>
                <c:pt idx="6575">
                  <c:v>84.750000000010303</c:v>
                </c:pt>
                <c:pt idx="6576">
                  <c:v>84.760000000010294</c:v>
                </c:pt>
                <c:pt idx="6577">
                  <c:v>84.770000000010299</c:v>
                </c:pt>
                <c:pt idx="6578">
                  <c:v>84.780000000010304</c:v>
                </c:pt>
                <c:pt idx="6579">
                  <c:v>84.790000000010295</c:v>
                </c:pt>
                <c:pt idx="6580">
                  <c:v>84.8000000000103</c:v>
                </c:pt>
                <c:pt idx="6581">
                  <c:v>84.810000000010305</c:v>
                </c:pt>
                <c:pt idx="6582">
                  <c:v>84.820000000010296</c:v>
                </c:pt>
                <c:pt idx="6583">
                  <c:v>84.830000000010301</c:v>
                </c:pt>
                <c:pt idx="6584">
                  <c:v>84.840000000010306</c:v>
                </c:pt>
                <c:pt idx="6585">
                  <c:v>84.850000000010297</c:v>
                </c:pt>
                <c:pt idx="6586">
                  <c:v>84.860000000010302</c:v>
                </c:pt>
                <c:pt idx="6587">
                  <c:v>84.870000000010293</c:v>
                </c:pt>
                <c:pt idx="6588">
                  <c:v>84.880000000010298</c:v>
                </c:pt>
                <c:pt idx="6589">
                  <c:v>84.890000000010303</c:v>
                </c:pt>
                <c:pt idx="6590">
                  <c:v>84.900000000010294</c:v>
                </c:pt>
                <c:pt idx="6591">
                  <c:v>84.910000000010299</c:v>
                </c:pt>
                <c:pt idx="6592">
                  <c:v>84.920000000010305</c:v>
                </c:pt>
                <c:pt idx="6593">
                  <c:v>84.930000000010295</c:v>
                </c:pt>
                <c:pt idx="6594">
                  <c:v>84.940000000010301</c:v>
                </c:pt>
                <c:pt idx="6595">
                  <c:v>84.950000000010306</c:v>
                </c:pt>
                <c:pt idx="6596">
                  <c:v>84.960000000010297</c:v>
                </c:pt>
                <c:pt idx="6597">
                  <c:v>84.970000000010302</c:v>
                </c:pt>
                <c:pt idx="6598">
                  <c:v>84.980000000010307</c:v>
                </c:pt>
                <c:pt idx="6599">
                  <c:v>84.990000000010298</c:v>
                </c:pt>
                <c:pt idx="6600">
                  <c:v>85.000000000010303</c:v>
                </c:pt>
                <c:pt idx="6601">
                  <c:v>85.010000000010294</c:v>
                </c:pt>
                <c:pt idx="6602">
                  <c:v>85.020000000010299</c:v>
                </c:pt>
                <c:pt idx="6603">
                  <c:v>85.030000000010304</c:v>
                </c:pt>
                <c:pt idx="6604">
                  <c:v>85.040000000010295</c:v>
                </c:pt>
                <c:pt idx="6605">
                  <c:v>85.0500000000103</c:v>
                </c:pt>
                <c:pt idx="6606">
                  <c:v>85.060000000010305</c:v>
                </c:pt>
                <c:pt idx="6607">
                  <c:v>85.070000000010296</c:v>
                </c:pt>
                <c:pt idx="6608">
                  <c:v>85.080000000010301</c:v>
                </c:pt>
                <c:pt idx="6609">
                  <c:v>85.090000000010306</c:v>
                </c:pt>
                <c:pt idx="6610">
                  <c:v>85.100000000010297</c:v>
                </c:pt>
                <c:pt idx="6611">
                  <c:v>85.110000000010302</c:v>
                </c:pt>
                <c:pt idx="6612">
                  <c:v>85.120000000010293</c:v>
                </c:pt>
                <c:pt idx="6613">
                  <c:v>85.130000000010298</c:v>
                </c:pt>
                <c:pt idx="6614">
                  <c:v>85.140000000010303</c:v>
                </c:pt>
                <c:pt idx="6615">
                  <c:v>85.150000000010294</c:v>
                </c:pt>
                <c:pt idx="6616">
                  <c:v>85.160000000010299</c:v>
                </c:pt>
                <c:pt idx="6617">
                  <c:v>85.170000000010305</c:v>
                </c:pt>
                <c:pt idx="6618">
                  <c:v>85.180000000010395</c:v>
                </c:pt>
                <c:pt idx="6619">
                  <c:v>85.190000000010301</c:v>
                </c:pt>
                <c:pt idx="6620">
                  <c:v>85.200000000010306</c:v>
                </c:pt>
                <c:pt idx="6621">
                  <c:v>85.210000000010396</c:v>
                </c:pt>
                <c:pt idx="6622">
                  <c:v>85.220000000010302</c:v>
                </c:pt>
                <c:pt idx="6623">
                  <c:v>85.230000000010307</c:v>
                </c:pt>
                <c:pt idx="6624">
                  <c:v>85.240000000010397</c:v>
                </c:pt>
                <c:pt idx="6625">
                  <c:v>85.250000000010402</c:v>
                </c:pt>
                <c:pt idx="6626">
                  <c:v>85.260000000010393</c:v>
                </c:pt>
                <c:pt idx="6627">
                  <c:v>85.270000000010398</c:v>
                </c:pt>
                <c:pt idx="6628">
                  <c:v>85.280000000010403</c:v>
                </c:pt>
                <c:pt idx="6629">
                  <c:v>85.290000000010394</c:v>
                </c:pt>
                <c:pt idx="6630">
                  <c:v>85.3000000000104</c:v>
                </c:pt>
                <c:pt idx="6631">
                  <c:v>85.310000000010405</c:v>
                </c:pt>
                <c:pt idx="6632">
                  <c:v>85.320000000010396</c:v>
                </c:pt>
                <c:pt idx="6633">
                  <c:v>85.330000000010401</c:v>
                </c:pt>
                <c:pt idx="6634">
                  <c:v>85.340000000010406</c:v>
                </c:pt>
                <c:pt idx="6635">
                  <c:v>85.350000000010397</c:v>
                </c:pt>
                <c:pt idx="6636">
                  <c:v>85.360000000010402</c:v>
                </c:pt>
                <c:pt idx="6637">
                  <c:v>85.370000000010407</c:v>
                </c:pt>
                <c:pt idx="6638">
                  <c:v>85.380000000010398</c:v>
                </c:pt>
                <c:pt idx="6639">
                  <c:v>85.390000000010403</c:v>
                </c:pt>
                <c:pt idx="6640">
                  <c:v>85.400000000010394</c:v>
                </c:pt>
                <c:pt idx="6641">
                  <c:v>85.410000000010399</c:v>
                </c:pt>
                <c:pt idx="6642">
                  <c:v>85.420000000010404</c:v>
                </c:pt>
                <c:pt idx="6643">
                  <c:v>85.430000000010395</c:v>
                </c:pt>
                <c:pt idx="6644">
                  <c:v>85.4400000000104</c:v>
                </c:pt>
                <c:pt idx="6645">
                  <c:v>85.450000000010405</c:v>
                </c:pt>
                <c:pt idx="6646">
                  <c:v>85.460000000010396</c:v>
                </c:pt>
                <c:pt idx="6647">
                  <c:v>85.470000000010401</c:v>
                </c:pt>
                <c:pt idx="6648">
                  <c:v>85.480000000010406</c:v>
                </c:pt>
                <c:pt idx="6649">
                  <c:v>85.490000000010397</c:v>
                </c:pt>
                <c:pt idx="6650">
                  <c:v>85.500000000010402</c:v>
                </c:pt>
                <c:pt idx="6651">
                  <c:v>85.510000000010393</c:v>
                </c:pt>
                <c:pt idx="6652">
                  <c:v>85.520000000010398</c:v>
                </c:pt>
                <c:pt idx="6653">
                  <c:v>85.530000000010403</c:v>
                </c:pt>
                <c:pt idx="6654">
                  <c:v>85.540000000010394</c:v>
                </c:pt>
                <c:pt idx="6655">
                  <c:v>85.5500000000104</c:v>
                </c:pt>
                <c:pt idx="6656">
                  <c:v>85.560000000010405</c:v>
                </c:pt>
                <c:pt idx="6657">
                  <c:v>85.570000000010396</c:v>
                </c:pt>
                <c:pt idx="6658">
                  <c:v>85.580000000010401</c:v>
                </c:pt>
                <c:pt idx="6659">
                  <c:v>85.590000000010406</c:v>
                </c:pt>
                <c:pt idx="6660">
                  <c:v>85.600000000010397</c:v>
                </c:pt>
                <c:pt idx="6661">
                  <c:v>85.610000000010402</c:v>
                </c:pt>
                <c:pt idx="6662">
                  <c:v>85.620000000010407</c:v>
                </c:pt>
                <c:pt idx="6663">
                  <c:v>85.630000000010398</c:v>
                </c:pt>
                <c:pt idx="6664">
                  <c:v>85.640000000010403</c:v>
                </c:pt>
                <c:pt idx="6665">
                  <c:v>85.650000000010394</c:v>
                </c:pt>
                <c:pt idx="6666">
                  <c:v>85.660000000010399</c:v>
                </c:pt>
                <c:pt idx="6667">
                  <c:v>85.670000000010404</c:v>
                </c:pt>
                <c:pt idx="6668">
                  <c:v>85.680000000010395</c:v>
                </c:pt>
                <c:pt idx="6669">
                  <c:v>85.6900000000104</c:v>
                </c:pt>
                <c:pt idx="6670">
                  <c:v>85.700000000010405</c:v>
                </c:pt>
                <c:pt idx="6671">
                  <c:v>85.710000000010396</c:v>
                </c:pt>
                <c:pt idx="6672">
                  <c:v>85.720000000010401</c:v>
                </c:pt>
                <c:pt idx="6673">
                  <c:v>85.730000000010406</c:v>
                </c:pt>
                <c:pt idx="6674">
                  <c:v>85.740000000010397</c:v>
                </c:pt>
                <c:pt idx="6675">
                  <c:v>85.750000000010402</c:v>
                </c:pt>
                <c:pt idx="6676">
                  <c:v>85.760000000010393</c:v>
                </c:pt>
                <c:pt idx="6677">
                  <c:v>85.770000000010398</c:v>
                </c:pt>
                <c:pt idx="6678">
                  <c:v>85.780000000010403</c:v>
                </c:pt>
                <c:pt idx="6679">
                  <c:v>85.790000000010394</c:v>
                </c:pt>
                <c:pt idx="6680">
                  <c:v>85.8000000000104</c:v>
                </c:pt>
                <c:pt idx="6681">
                  <c:v>85.810000000010405</c:v>
                </c:pt>
                <c:pt idx="6682">
                  <c:v>85.820000000010495</c:v>
                </c:pt>
                <c:pt idx="6683">
                  <c:v>85.830000000010401</c:v>
                </c:pt>
                <c:pt idx="6684">
                  <c:v>85.840000000010406</c:v>
                </c:pt>
                <c:pt idx="6685">
                  <c:v>85.850000000010496</c:v>
                </c:pt>
                <c:pt idx="6686">
                  <c:v>85.860000000010402</c:v>
                </c:pt>
                <c:pt idx="6687">
                  <c:v>85.870000000010407</c:v>
                </c:pt>
                <c:pt idx="6688">
                  <c:v>85.880000000010497</c:v>
                </c:pt>
                <c:pt idx="6689">
                  <c:v>85.890000000010502</c:v>
                </c:pt>
                <c:pt idx="6690">
                  <c:v>85.900000000010493</c:v>
                </c:pt>
                <c:pt idx="6691">
                  <c:v>85.910000000010498</c:v>
                </c:pt>
                <c:pt idx="6692">
                  <c:v>85.920000000010504</c:v>
                </c:pt>
                <c:pt idx="6693">
                  <c:v>85.930000000010494</c:v>
                </c:pt>
                <c:pt idx="6694">
                  <c:v>85.9400000000105</c:v>
                </c:pt>
                <c:pt idx="6695">
                  <c:v>85.950000000010505</c:v>
                </c:pt>
                <c:pt idx="6696">
                  <c:v>85.960000000010496</c:v>
                </c:pt>
                <c:pt idx="6697">
                  <c:v>85.970000000010501</c:v>
                </c:pt>
                <c:pt idx="6698">
                  <c:v>85.980000000010506</c:v>
                </c:pt>
                <c:pt idx="6699">
                  <c:v>85.990000000010497</c:v>
                </c:pt>
                <c:pt idx="6700">
                  <c:v>86.000000000010502</c:v>
                </c:pt>
                <c:pt idx="6701">
                  <c:v>86.010000000010507</c:v>
                </c:pt>
                <c:pt idx="6702">
                  <c:v>86.020000000010498</c:v>
                </c:pt>
                <c:pt idx="6703">
                  <c:v>86.030000000010503</c:v>
                </c:pt>
                <c:pt idx="6704">
                  <c:v>86.040000000010494</c:v>
                </c:pt>
                <c:pt idx="6705">
                  <c:v>86.050000000010499</c:v>
                </c:pt>
                <c:pt idx="6706">
                  <c:v>86.060000000010504</c:v>
                </c:pt>
                <c:pt idx="6707">
                  <c:v>86.070000000010495</c:v>
                </c:pt>
                <c:pt idx="6708">
                  <c:v>86.0800000000105</c:v>
                </c:pt>
                <c:pt idx="6709">
                  <c:v>86.090000000010505</c:v>
                </c:pt>
                <c:pt idx="6710">
                  <c:v>86.100000000010496</c:v>
                </c:pt>
                <c:pt idx="6711">
                  <c:v>86.110000000010501</c:v>
                </c:pt>
                <c:pt idx="6712">
                  <c:v>86.120000000010506</c:v>
                </c:pt>
                <c:pt idx="6713">
                  <c:v>86.130000000010497</c:v>
                </c:pt>
                <c:pt idx="6714">
                  <c:v>86.140000000010502</c:v>
                </c:pt>
                <c:pt idx="6715">
                  <c:v>86.150000000010493</c:v>
                </c:pt>
                <c:pt idx="6716">
                  <c:v>86.160000000010498</c:v>
                </c:pt>
                <c:pt idx="6717">
                  <c:v>86.170000000010504</c:v>
                </c:pt>
                <c:pt idx="6718">
                  <c:v>86.180000000010494</c:v>
                </c:pt>
                <c:pt idx="6719">
                  <c:v>86.1900000000105</c:v>
                </c:pt>
                <c:pt idx="6720">
                  <c:v>86.200000000010505</c:v>
                </c:pt>
                <c:pt idx="6721">
                  <c:v>86.210000000010496</c:v>
                </c:pt>
                <c:pt idx="6722">
                  <c:v>86.220000000010501</c:v>
                </c:pt>
                <c:pt idx="6723">
                  <c:v>86.230000000010506</c:v>
                </c:pt>
                <c:pt idx="6724">
                  <c:v>86.240000000010497</c:v>
                </c:pt>
                <c:pt idx="6725">
                  <c:v>86.250000000010502</c:v>
                </c:pt>
                <c:pt idx="6726">
                  <c:v>86.260000000010507</c:v>
                </c:pt>
                <c:pt idx="6727">
                  <c:v>86.270000000010498</c:v>
                </c:pt>
                <c:pt idx="6728">
                  <c:v>86.280000000010503</c:v>
                </c:pt>
                <c:pt idx="6729">
                  <c:v>86.290000000010494</c:v>
                </c:pt>
                <c:pt idx="6730">
                  <c:v>86.300000000010499</c:v>
                </c:pt>
                <c:pt idx="6731">
                  <c:v>86.310000000010504</c:v>
                </c:pt>
                <c:pt idx="6732">
                  <c:v>86.320000000010495</c:v>
                </c:pt>
                <c:pt idx="6733">
                  <c:v>86.3300000000105</c:v>
                </c:pt>
                <c:pt idx="6734">
                  <c:v>86.340000000010505</c:v>
                </c:pt>
                <c:pt idx="6735">
                  <c:v>86.350000000010496</c:v>
                </c:pt>
                <c:pt idx="6736">
                  <c:v>86.360000000010501</c:v>
                </c:pt>
                <c:pt idx="6737">
                  <c:v>86.370000000010506</c:v>
                </c:pt>
                <c:pt idx="6738">
                  <c:v>86.380000000010497</c:v>
                </c:pt>
                <c:pt idx="6739">
                  <c:v>86.390000000010502</c:v>
                </c:pt>
                <c:pt idx="6740">
                  <c:v>86.400000000010493</c:v>
                </c:pt>
                <c:pt idx="6741">
                  <c:v>86.410000000010498</c:v>
                </c:pt>
                <c:pt idx="6742">
                  <c:v>86.420000000010504</c:v>
                </c:pt>
                <c:pt idx="6743">
                  <c:v>86.430000000010494</c:v>
                </c:pt>
                <c:pt idx="6744">
                  <c:v>86.4400000000105</c:v>
                </c:pt>
                <c:pt idx="6745">
                  <c:v>86.450000000010505</c:v>
                </c:pt>
                <c:pt idx="6746">
                  <c:v>86.460000000010595</c:v>
                </c:pt>
                <c:pt idx="6747">
                  <c:v>86.470000000010501</c:v>
                </c:pt>
                <c:pt idx="6748">
                  <c:v>86.480000000010506</c:v>
                </c:pt>
                <c:pt idx="6749">
                  <c:v>86.490000000010596</c:v>
                </c:pt>
                <c:pt idx="6750">
                  <c:v>86.500000000010502</c:v>
                </c:pt>
                <c:pt idx="6751">
                  <c:v>86.510000000010507</c:v>
                </c:pt>
                <c:pt idx="6752">
                  <c:v>86.520000000010597</c:v>
                </c:pt>
                <c:pt idx="6753">
                  <c:v>86.530000000010602</c:v>
                </c:pt>
                <c:pt idx="6754">
                  <c:v>86.540000000010593</c:v>
                </c:pt>
                <c:pt idx="6755">
                  <c:v>86.550000000010598</c:v>
                </c:pt>
                <c:pt idx="6756">
                  <c:v>86.560000000010604</c:v>
                </c:pt>
                <c:pt idx="6757">
                  <c:v>86.570000000010594</c:v>
                </c:pt>
                <c:pt idx="6758">
                  <c:v>86.5800000000106</c:v>
                </c:pt>
                <c:pt idx="6759">
                  <c:v>86.590000000010605</c:v>
                </c:pt>
                <c:pt idx="6760">
                  <c:v>86.600000000010596</c:v>
                </c:pt>
                <c:pt idx="6761">
                  <c:v>86.610000000010601</c:v>
                </c:pt>
                <c:pt idx="6762">
                  <c:v>86.620000000010606</c:v>
                </c:pt>
                <c:pt idx="6763">
                  <c:v>86.630000000010597</c:v>
                </c:pt>
                <c:pt idx="6764">
                  <c:v>86.640000000010602</c:v>
                </c:pt>
                <c:pt idx="6765">
                  <c:v>86.650000000010607</c:v>
                </c:pt>
                <c:pt idx="6766">
                  <c:v>86.660000000010598</c:v>
                </c:pt>
                <c:pt idx="6767">
                  <c:v>86.670000000010603</c:v>
                </c:pt>
                <c:pt idx="6768">
                  <c:v>86.680000000010594</c:v>
                </c:pt>
                <c:pt idx="6769">
                  <c:v>86.690000000010599</c:v>
                </c:pt>
                <c:pt idx="6770">
                  <c:v>86.700000000010604</c:v>
                </c:pt>
                <c:pt idx="6771">
                  <c:v>86.710000000010595</c:v>
                </c:pt>
                <c:pt idx="6772">
                  <c:v>86.7200000000106</c:v>
                </c:pt>
                <c:pt idx="6773">
                  <c:v>86.730000000010605</c:v>
                </c:pt>
                <c:pt idx="6774">
                  <c:v>86.740000000010596</c:v>
                </c:pt>
                <c:pt idx="6775">
                  <c:v>86.750000000010601</c:v>
                </c:pt>
                <c:pt idx="6776">
                  <c:v>86.760000000010606</c:v>
                </c:pt>
                <c:pt idx="6777">
                  <c:v>86.770000000010597</c:v>
                </c:pt>
                <c:pt idx="6778">
                  <c:v>86.780000000010602</c:v>
                </c:pt>
                <c:pt idx="6779">
                  <c:v>86.790000000010593</c:v>
                </c:pt>
                <c:pt idx="6780">
                  <c:v>86.800000000010598</c:v>
                </c:pt>
                <c:pt idx="6781">
                  <c:v>86.810000000010604</c:v>
                </c:pt>
                <c:pt idx="6782">
                  <c:v>86.820000000010594</c:v>
                </c:pt>
                <c:pt idx="6783">
                  <c:v>86.8300000000106</c:v>
                </c:pt>
                <c:pt idx="6784">
                  <c:v>86.840000000010605</c:v>
                </c:pt>
                <c:pt idx="6785">
                  <c:v>86.850000000010596</c:v>
                </c:pt>
                <c:pt idx="6786">
                  <c:v>86.860000000010601</c:v>
                </c:pt>
                <c:pt idx="6787">
                  <c:v>86.870000000010606</c:v>
                </c:pt>
                <c:pt idx="6788">
                  <c:v>86.880000000010597</c:v>
                </c:pt>
                <c:pt idx="6789">
                  <c:v>86.890000000010602</c:v>
                </c:pt>
                <c:pt idx="6790">
                  <c:v>86.900000000010607</c:v>
                </c:pt>
                <c:pt idx="6791">
                  <c:v>86.910000000010598</c:v>
                </c:pt>
                <c:pt idx="6792">
                  <c:v>86.920000000010603</c:v>
                </c:pt>
                <c:pt idx="6793">
                  <c:v>86.930000000010594</c:v>
                </c:pt>
                <c:pt idx="6794">
                  <c:v>86.940000000010599</c:v>
                </c:pt>
                <c:pt idx="6795">
                  <c:v>86.950000000010604</c:v>
                </c:pt>
                <c:pt idx="6796">
                  <c:v>86.960000000010595</c:v>
                </c:pt>
                <c:pt idx="6797">
                  <c:v>86.9700000000106</c:v>
                </c:pt>
                <c:pt idx="6798">
                  <c:v>86.980000000010605</c:v>
                </c:pt>
                <c:pt idx="6799">
                  <c:v>86.990000000010596</c:v>
                </c:pt>
                <c:pt idx="6800">
                  <c:v>87.000000000010601</c:v>
                </c:pt>
                <c:pt idx="6801">
                  <c:v>87.010000000010606</c:v>
                </c:pt>
                <c:pt idx="6802">
                  <c:v>87.020000000010597</c:v>
                </c:pt>
                <c:pt idx="6803">
                  <c:v>87.030000000010602</c:v>
                </c:pt>
                <c:pt idx="6804">
                  <c:v>87.040000000010593</c:v>
                </c:pt>
                <c:pt idx="6805">
                  <c:v>87.050000000010598</c:v>
                </c:pt>
                <c:pt idx="6806">
                  <c:v>87.060000000010604</c:v>
                </c:pt>
                <c:pt idx="6807">
                  <c:v>87.070000000010594</c:v>
                </c:pt>
                <c:pt idx="6808">
                  <c:v>87.0800000000106</c:v>
                </c:pt>
                <c:pt idx="6809">
                  <c:v>87.090000000010605</c:v>
                </c:pt>
                <c:pt idx="6810">
                  <c:v>87.100000000010695</c:v>
                </c:pt>
                <c:pt idx="6811">
                  <c:v>87.110000000010601</c:v>
                </c:pt>
                <c:pt idx="6812">
                  <c:v>87.120000000010606</c:v>
                </c:pt>
                <c:pt idx="6813">
                  <c:v>87.130000000010696</c:v>
                </c:pt>
                <c:pt idx="6814">
                  <c:v>87.140000000010602</c:v>
                </c:pt>
                <c:pt idx="6815">
                  <c:v>87.150000000010607</c:v>
                </c:pt>
                <c:pt idx="6816">
                  <c:v>87.160000000010697</c:v>
                </c:pt>
                <c:pt idx="6817">
                  <c:v>87.170000000010702</c:v>
                </c:pt>
                <c:pt idx="6818">
                  <c:v>87.180000000010693</c:v>
                </c:pt>
                <c:pt idx="6819">
                  <c:v>87.190000000010698</c:v>
                </c:pt>
                <c:pt idx="6820">
                  <c:v>87.200000000010704</c:v>
                </c:pt>
                <c:pt idx="6821">
                  <c:v>87.210000000010695</c:v>
                </c:pt>
                <c:pt idx="6822">
                  <c:v>87.2200000000107</c:v>
                </c:pt>
                <c:pt idx="6823">
                  <c:v>87.230000000010705</c:v>
                </c:pt>
                <c:pt idx="6824">
                  <c:v>87.240000000010696</c:v>
                </c:pt>
                <c:pt idx="6825">
                  <c:v>87.250000000010701</c:v>
                </c:pt>
                <c:pt idx="6826">
                  <c:v>87.260000000010706</c:v>
                </c:pt>
                <c:pt idx="6827">
                  <c:v>87.270000000010697</c:v>
                </c:pt>
                <c:pt idx="6828">
                  <c:v>87.280000000010702</c:v>
                </c:pt>
                <c:pt idx="6829">
                  <c:v>87.290000000010707</c:v>
                </c:pt>
                <c:pt idx="6830">
                  <c:v>87.300000000010698</c:v>
                </c:pt>
                <c:pt idx="6831">
                  <c:v>87.310000000010703</c:v>
                </c:pt>
                <c:pt idx="6832">
                  <c:v>87.320000000010694</c:v>
                </c:pt>
                <c:pt idx="6833">
                  <c:v>87.330000000010699</c:v>
                </c:pt>
                <c:pt idx="6834">
                  <c:v>87.340000000010704</c:v>
                </c:pt>
                <c:pt idx="6835">
                  <c:v>87.350000000010695</c:v>
                </c:pt>
                <c:pt idx="6836">
                  <c:v>87.3600000000107</c:v>
                </c:pt>
                <c:pt idx="6837">
                  <c:v>87.370000000010705</c:v>
                </c:pt>
                <c:pt idx="6838">
                  <c:v>87.380000000010696</c:v>
                </c:pt>
                <c:pt idx="6839">
                  <c:v>87.390000000010701</c:v>
                </c:pt>
                <c:pt idx="6840">
                  <c:v>87.400000000010706</c:v>
                </c:pt>
                <c:pt idx="6841">
                  <c:v>87.410000000010697</c:v>
                </c:pt>
                <c:pt idx="6842">
                  <c:v>87.420000000010702</c:v>
                </c:pt>
                <c:pt idx="6843">
                  <c:v>87.430000000010693</c:v>
                </c:pt>
                <c:pt idx="6844">
                  <c:v>87.440000000010698</c:v>
                </c:pt>
                <c:pt idx="6845">
                  <c:v>87.450000000010704</c:v>
                </c:pt>
                <c:pt idx="6846">
                  <c:v>87.460000000010695</c:v>
                </c:pt>
                <c:pt idx="6847">
                  <c:v>87.4700000000107</c:v>
                </c:pt>
                <c:pt idx="6848">
                  <c:v>87.480000000010705</c:v>
                </c:pt>
                <c:pt idx="6849">
                  <c:v>87.490000000010696</c:v>
                </c:pt>
                <c:pt idx="6850">
                  <c:v>87.500000000010701</c:v>
                </c:pt>
                <c:pt idx="6851">
                  <c:v>87.510000000010706</c:v>
                </c:pt>
                <c:pt idx="6852">
                  <c:v>87.520000000010697</c:v>
                </c:pt>
                <c:pt idx="6853">
                  <c:v>87.530000000010702</c:v>
                </c:pt>
                <c:pt idx="6854">
                  <c:v>87.540000000010707</c:v>
                </c:pt>
                <c:pt idx="6855">
                  <c:v>87.550000000010698</c:v>
                </c:pt>
                <c:pt idx="6856">
                  <c:v>87.560000000010703</c:v>
                </c:pt>
                <c:pt idx="6857">
                  <c:v>87.570000000010694</c:v>
                </c:pt>
                <c:pt idx="6858">
                  <c:v>87.580000000010699</c:v>
                </c:pt>
                <c:pt idx="6859">
                  <c:v>87.590000000010704</c:v>
                </c:pt>
                <c:pt idx="6860">
                  <c:v>87.600000000010695</c:v>
                </c:pt>
                <c:pt idx="6861">
                  <c:v>87.6100000000107</c:v>
                </c:pt>
                <c:pt idx="6862">
                  <c:v>87.620000000010705</c:v>
                </c:pt>
                <c:pt idx="6863">
                  <c:v>87.630000000010696</c:v>
                </c:pt>
                <c:pt idx="6864">
                  <c:v>87.640000000010701</c:v>
                </c:pt>
                <c:pt idx="6865">
                  <c:v>87.650000000010706</c:v>
                </c:pt>
                <c:pt idx="6866">
                  <c:v>87.660000000010697</c:v>
                </c:pt>
                <c:pt idx="6867">
                  <c:v>87.670000000010702</c:v>
                </c:pt>
                <c:pt idx="6868">
                  <c:v>87.680000000010693</c:v>
                </c:pt>
                <c:pt idx="6869">
                  <c:v>87.690000000010698</c:v>
                </c:pt>
                <c:pt idx="6870">
                  <c:v>87.700000000010704</c:v>
                </c:pt>
                <c:pt idx="6871">
                  <c:v>87.710000000010695</c:v>
                </c:pt>
                <c:pt idx="6872">
                  <c:v>87.7200000000107</c:v>
                </c:pt>
                <c:pt idx="6873">
                  <c:v>87.730000000010705</c:v>
                </c:pt>
                <c:pt idx="6874">
                  <c:v>87.740000000010795</c:v>
                </c:pt>
                <c:pt idx="6875">
                  <c:v>87.750000000010701</c:v>
                </c:pt>
                <c:pt idx="6876">
                  <c:v>87.760000000010706</c:v>
                </c:pt>
                <c:pt idx="6877">
                  <c:v>87.770000000010796</c:v>
                </c:pt>
                <c:pt idx="6878">
                  <c:v>87.780000000010702</c:v>
                </c:pt>
                <c:pt idx="6879">
                  <c:v>87.790000000010707</c:v>
                </c:pt>
                <c:pt idx="6880">
                  <c:v>87.800000000010797</c:v>
                </c:pt>
                <c:pt idx="6881">
                  <c:v>87.810000000010803</c:v>
                </c:pt>
                <c:pt idx="6882">
                  <c:v>87.820000000010793</c:v>
                </c:pt>
                <c:pt idx="6883">
                  <c:v>87.830000000010799</c:v>
                </c:pt>
                <c:pt idx="6884">
                  <c:v>87.840000000010804</c:v>
                </c:pt>
                <c:pt idx="6885">
                  <c:v>87.850000000010795</c:v>
                </c:pt>
                <c:pt idx="6886">
                  <c:v>87.8600000000108</c:v>
                </c:pt>
                <c:pt idx="6887">
                  <c:v>87.870000000010805</c:v>
                </c:pt>
                <c:pt idx="6888">
                  <c:v>87.880000000010796</c:v>
                </c:pt>
                <c:pt idx="6889">
                  <c:v>87.890000000010801</c:v>
                </c:pt>
                <c:pt idx="6890">
                  <c:v>87.900000000010806</c:v>
                </c:pt>
                <c:pt idx="6891">
                  <c:v>87.910000000010797</c:v>
                </c:pt>
                <c:pt idx="6892">
                  <c:v>87.920000000010802</c:v>
                </c:pt>
                <c:pt idx="6893">
                  <c:v>87.930000000010807</c:v>
                </c:pt>
                <c:pt idx="6894">
                  <c:v>87.940000000010798</c:v>
                </c:pt>
                <c:pt idx="6895">
                  <c:v>87.950000000010803</c:v>
                </c:pt>
                <c:pt idx="6896">
                  <c:v>87.960000000010794</c:v>
                </c:pt>
                <c:pt idx="6897">
                  <c:v>87.970000000010799</c:v>
                </c:pt>
                <c:pt idx="6898">
                  <c:v>87.980000000010804</c:v>
                </c:pt>
                <c:pt idx="6899">
                  <c:v>87.990000000010795</c:v>
                </c:pt>
                <c:pt idx="6900">
                  <c:v>88.0000000000108</c:v>
                </c:pt>
                <c:pt idx="6901">
                  <c:v>88.010000000010805</c:v>
                </c:pt>
                <c:pt idx="6902">
                  <c:v>88.020000000010796</c:v>
                </c:pt>
                <c:pt idx="6903">
                  <c:v>88.030000000010801</c:v>
                </c:pt>
                <c:pt idx="6904">
                  <c:v>88.040000000010807</c:v>
                </c:pt>
                <c:pt idx="6905">
                  <c:v>88.050000000010797</c:v>
                </c:pt>
                <c:pt idx="6906">
                  <c:v>88.060000000010803</c:v>
                </c:pt>
                <c:pt idx="6907">
                  <c:v>88.070000000010793</c:v>
                </c:pt>
                <c:pt idx="6908">
                  <c:v>88.080000000010799</c:v>
                </c:pt>
                <c:pt idx="6909">
                  <c:v>88.090000000010804</c:v>
                </c:pt>
                <c:pt idx="6910">
                  <c:v>88.100000000010795</c:v>
                </c:pt>
                <c:pt idx="6911">
                  <c:v>88.1100000000108</c:v>
                </c:pt>
                <c:pt idx="6912">
                  <c:v>88.120000000010805</c:v>
                </c:pt>
                <c:pt idx="6913">
                  <c:v>88.130000000010796</c:v>
                </c:pt>
                <c:pt idx="6914">
                  <c:v>88.140000000010801</c:v>
                </c:pt>
                <c:pt idx="6915">
                  <c:v>88.150000000010806</c:v>
                </c:pt>
                <c:pt idx="6916">
                  <c:v>88.160000000010797</c:v>
                </c:pt>
                <c:pt idx="6917">
                  <c:v>88.170000000010802</c:v>
                </c:pt>
                <c:pt idx="6918">
                  <c:v>88.180000000010807</c:v>
                </c:pt>
                <c:pt idx="6919">
                  <c:v>88.190000000010798</c:v>
                </c:pt>
                <c:pt idx="6920">
                  <c:v>88.200000000010803</c:v>
                </c:pt>
                <c:pt idx="6921">
                  <c:v>88.210000000010794</c:v>
                </c:pt>
                <c:pt idx="6922">
                  <c:v>88.220000000010799</c:v>
                </c:pt>
                <c:pt idx="6923">
                  <c:v>88.230000000010804</c:v>
                </c:pt>
                <c:pt idx="6924">
                  <c:v>88.240000000010795</c:v>
                </c:pt>
                <c:pt idx="6925">
                  <c:v>88.2500000000108</c:v>
                </c:pt>
                <c:pt idx="6926">
                  <c:v>88.260000000010805</c:v>
                </c:pt>
                <c:pt idx="6927">
                  <c:v>88.270000000010796</c:v>
                </c:pt>
                <c:pt idx="6928">
                  <c:v>88.280000000010801</c:v>
                </c:pt>
                <c:pt idx="6929">
                  <c:v>88.290000000010807</c:v>
                </c:pt>
                <c:pt idx="6930">
                  <c:v>88.300000000010797</c:v>
                </c:pt>
                <c:pt idx="6931">
                  <c:v>88.310000000010803</c:v>
                </c:pt>
                <c:pt idx="6932">
                  <c:v>88.320000000010793</c:v>
                </c:pt>
                <c:pt idx="6933">
                  <c:v>88.330000000010799</c:v>
                </c:pt>
                <c:pt idx="6934">
                  <c:v>88.340000000010804</c:v>
                </c:pt>
                <c:pt idx="6935">
                  <c:v>88.350000000010795</c:v>
                </c:pt>
                <c:pt idx="6936">
                  <c:v>88.3600000000108</c:v>
                </c:pt>
                <c:pt idx="6937">
                  <c:v>88.370000000010805</c:v>
                </c:pt>
                <c:pt idx="6938">
                  <c:v>88.380000000010895</c:v>
                </c:pt>
                <c:pt idx="6939">
                  <c:v>88.390000000010801</c:v>
                </c:pt>
                <c:pt idx="6940">
                  <c:v>88.400000000010806</c:v>
                </c:pt>
                <c:pt idx="6941">
                  <c:v>88.410000000010896</c:v>
                </c:pt>
                <c:pt idx="6942">
                  <c:v>88.420000000010802</c:v>
                </c:pt>
                <c:pt idx="6943">
                  <c:v>88.430000000010807</c:v>
                </c:pt>
                <c:pt idx="6944">
                  <c:v>88.440000000010897</c:v>
                </c:pt>
                <c:pt idx="6945">
                  <c:v>88.450000000010903</c:v>
                </c:pt>
                <c:pt idx="6946">
                  <c:v>88.460000000010893</c:v>
                </c:pt>
                <c:pt idx="6947">
                  <c:v>88.470000000010899</c:v>
                </c:pt>
                <c:pt idx="6948">
                  <c:v>88.480000000010904</c:v>
                </c:pt>
                <c:pt idx="6949">
                  <c:v>88.490000000010895</c:v>
                </c:pt>
                <c:pt idx="6950">
                  <c:v>88.5000000000109</c:v>
                </c:pt>
                <c:pt idx="6951">
                  <c:v>88.510000000010905</c:v>
                </c:pt>
                <c:pt idx="6952">
                  <c:v>88.520000000010896</c:v>
                </c:pt>
                <c:pt idx="6953">
                  <c:v>88.530000000010901</c:v>
                </c:pt>
                <c:pt idx="6954">
                  <c:v>88.540000000010906</c:v>
                </c:pt>
                <c:pt idx="6955">
                  <c:v>88.550000000010897</c:v>
                </c:pt>
                <c:pt idx="6956">
                  <c:v>88.560000000010902</c:v>
                </c:pt>
                <c:pt idx="6957">
                  <c:v>88.570000000010893</c:v>
                </c:pt>
                <c:pt idx="6958">
                  <c:v>88.580000000010898</c:v>
                </c:pt>
                <c:pt idx="6959">
                  <c:v>88.590000000010903</c:v>
                </c:pt>
                <c:pt idx="6960">
                  <c:v>88.600000000010894</c:v>
                </c:pt>
                <c:pt idx="6961">
                  <c:v>88.610000000010899</c:v>
                </c:pt>
                <c:pt idx="6962">
                  <c:v>88.620000000010904</c:v>
                </c:pt>
                <c:pt idx="6963">
                  <c:v>88.630000000010895</c:v>
                </c:pt>
                <c:pt idx="6964">
                  <c:v>88.6400000000109</c:v>
                </c:pt>
                <c:pt idx="6965">
                  <c:v>88.650000000010905</c:v>
                </c:pt>
                <c:pt idx="6966">
                  <c:v>88.660000000010896</c:v>
                </c:pt>
                <c:pt idx="6967">
                  <c:v>88.670000000010901</c:v>
                </c:pt>
                <c:pt idx="6968">
                  <c:v>88.680000000010907</c:v>
                </c:pt>
                <c:pt idx="6969">
                  <c:v>88.690000000010897</c:v>
                </c:pt>
                <c:pt idx="6970">
                  <c:v>88.700000000010903</c:v>
                </c:pt>
                <c:pt idx="6971">
                  <c:v>88.710000000010893</c:v>
                </c:pt>
                <c:pt idx="6972">
                  <c:v>88.720000000010899</c:v>
                </c:pt>
                <c:pt idx="6973">
                  <c:v>88.730000000010904</c:v>
                </c:pt>
                <c:pt idx="6974">
                  <c:v>88.740000000010895</c:v>
                </c:pt>
                <c:pt idx="6975">
                  <c:v>88.7500000000109</c:v>
                </c:pt>
                <c:pt idx="6976">
                  <c:v>88.760000000010905</c:v>
                </c:pt>
                <c:pt idx="6977">
                  <c:v>88.770000000010896</c:v>
                </c:pt>
                <c:pt idx="6978">
                  <c:v>88.780000000010901</c:v>
                </c:pt>
                <c:pt idx="6979">
                  <c:v>88.790000000010906</c:v>
                </c:pt>
                <c:pt idx="6980">
                  <c:v>88.800000000010897</c:v>
                </c:pt>
                <c:pt idx="6981">
                  <c:v>88.810000000010902</c:v>
                </c:pt>
                <c:pt idx="6982">
                  <c:v>88.820000000010893</c:v>
                </c:pt>
                <c:pt idx="6983">
                  <c:v>88.830000000010898</c:v>
                </c:pt>
                <c:pt idx="6984">
                  <c:v>88.840000000010903</c:v>
                </c:pt>
                <c:pt idx="6985">
                  <c:v>88.850000000010894</c:v>
                </c:pt>
                <c:pt idx="6986">
                  <c:v>88.860000000010899</c:v>
                </c:pt>
                <c:pt idx="6987">
                  <c:v>88.870000000010904</c:v>
                </c:pt>
                <c:pt idx="6988">
                  <c:v>88.880000000010895</c:v>
                </c:pt>
                <c:pt idx="6989">
                  <c:v>88.8900000000109</c:v>
                </c:pt>
                <c:pt idx="6990">
                  <c:v>88.900000000010905</c:v>
                </c:pt>
                <c:pt idx="6991">
                  <c:v>88.910000000010896</c:v>
                </c:pt>
                <c:pt idx="6992">
                  <c:v>88.920000000010901</c:v>
                </c:pt>
                <c:pt idx="6993">
                  <c:v>88.930000000010907</c:v>
                </c:pt>
                <c:pt idx="6994">
                  <c:v>88.940000000010897</c:v>
                </c:pt>
                <c:pt idx="6995">
                  <c:v>88.950000000010903</c:v>
                </c:pt>
                <c:pt idx="6996">
                  <c:v>88.960000000010893</c:v>
                </c:pt>
                <c:pt idx="6997">
                  <c:v>88.970000000010899</c:v>
                </c:pt>
                <c:pt idx="6998">
                  <c:v>88.980000000010904</c:v>
                </c:pt>
                <c:pt idx="6999">
                  <c:v>88.990000000010895</c:v>
                </c:pt>
                <c:pt idx="7000">
                  <c:v>89.0000000000109</c:v>
                </c:pt>
                <c:pt idx="7001">
                  <c:v>89.010000000010905</c:v>
                </c:pt>
                <c:pt idx="7002">
                  <c:v>89.020000000010995</c:v>
                </c:pt>
                <c:pt idx="7003">
                  <c:v>89.030000000010901</c:v>
                </c:pt>
                <c:pt idx="7004">
                  <c:v>89.040000000010906</c:v>
                </c:pt>
                <c:pt idx="7005">
                  <c:v>89.050000000010996</c:v>
                </c:pt>
                <c:pt idx="7006">
                  <c:v>89.060000000010902</c:v>
                </c:pt>
                <c:pt idx="7007">
                  <c:v>89.070000000010893</c:v>
                </c:pt>
                <c:pt idx="7008">
                  <c:v>89.080000000010997</c:v>
                </c:pt>
                <c:pt idx="7009">
                  <c:v>89.090000000011003</c:v>
                </c:pt>
                <c:pt idx="7010">
                  <c:v>89.100000000010994</c:v>
                </c:pt>
                <c:pt idx="7011">
                  <c:v>89.110000000010999</c:v>
                </c:pt>
                <c:pt idx="7012">
                  <c:v>89.120000000011004</c:v>
                </c:pt>
                <c:pt idx="7013">
                  <c:v>89.130000000010995</c:v>
                </c:pt>
                <c:pt idx="7014">
                  <c:v>89.140000000011</c:v>
                </c:pt>
                <c:pt idx="7015">
                  <c:v>89.150000000011005</c:v>
                </c:pt>
                <c:pt idx="7016">
                  <c:v>89.160000000010996</c:v>
                </c:pt>
                <c:pt idx="7017">
                  <c:v>89.170000000011001</c:v>
                </c:pt>
                <c:pt idx="7018">
                  <c:v>89.180000000011006</c:v>
                </c:pt>
                <c:pt idx="7019">
                  <c:v>89.190000000010997</c:v>
                </c:pt>
                <c:pt idx="7020">
                  <c:v>89.200000000011002</c:v>
                </c:pt>
                <c:pt idx="7021">
                  <c:v>89.210000000010993</c:v>
                </c:pt>
                <c:pt idx="7022">
                  <c:v>89.220000000010998</c:v>
                </c:pt>
                <c:pt idx="7023">
                  <c:v>89.230000000011003</c:v>
                </c:pt>
                <c:pt idx="7024">
                  <c:v>89.240000000010994</c:v>
                </c:pt>
                <c:pt idx="7025">
                  <c:v>89.250000000010999</c:v>
                </c:pt>
                <c:pt idx="7026">
                  <c:v>89.260000000011004</c:v>
                </c:pt>
                <c:pt idx="7027">
                  <c:v>89.270000000010995</c:v>
                </c:pt>
                <c:pt idx="7028">
                  <c:v>89.280000000011</c:v>
                </c:pt>
                <c:pt idx="7029">
                  <c:v>89.290000000011005</c:v>
                </c:pt>
                <c:pt idx="7030">
                  <c:v>89.300000000010996</c:v>
                </c:pt>
                <c:pt idx="7031">
                  <c:v>89.310000000011001</c:v>
                </c:pt>
                <c:pt idx="7032">
                  <c:v>89.320000000011007</c:v>
                </c:pt>
                <c:pt idx="7033">
                  <c:v>89.330000000010997</c:v>
                </c:pt>
                <c:pt idx="7034">
                  <c:v>89.340000000011003</c:v>
                </c:pt>
                <c:pt idx="7035">
                  <c:v>89.350000000010994</c:v>
                </c:pt>
                <c:pt idx="7036">
                  <c:v>89.360000000010999</c:v>
                </c:pt>
                <c:pt idx="7037">
                  <c:v>89.370000000011004</c:v>
                </c:pt>
                <c:pt idx="7038">
                  <c:v>89.380000000010995</c:v>
                </c:pt>
                <c:pt idx="7039">
                  <c:v>89.390000000011</c:v>
                </c:pt>
                <c:pt idx="7040">
                  <c:v>89.400000000011005</c:v>
                </c:pt>
                <c:pt idx="7041">
                  <c:v>89.410000000010996</c:v>
                </c:pt>
                <c:pt idx="7042">
                  <c:v>89.420000000011001</c:v>
                </c:pt>
                <c:pt idx="7043">
                  <c:v>89.430000000011006</c:v>
                </c:pt>
                <c:pt idx="7044">
                  <c:v>89.440000000010997</c:v>
                </c:pt>
                <c:pt idx="7045">
                  <c:v>89.450000000011002</c:v>
                </c:pt>
                <c:pt idx="7046">
                  <c:v>89.460000000010993</c:v>
                </c:pt>
                <c:pt idx="7047">
                  <c:v>89.470000000010998</c:v>
                </c:pt>
                <c:pt idx="7048">
                  <c:v>89.480000000011003</c:v>
                </c:pt>
                <c:pt idx="7049">
                  <c:v>89.490000000010994</c:v>
                </c:pt>
                <c:pt idx="7050">
                  <c:v>89.500000000010999</c:v>
                </c:pt>
                <c:pt idx="7051">
                  <c:v>89.510000000011004</c:v>
                </c:pt>
                <c:pt idx="7052">
                  <c:v>89.520000000010995</c:v>
                </c:pt>
                <c:pt idx="7053">
                  <c:v>89.530000000011</c:v>
                </c:pt>
                <c:pt idx="7054">
                  <c:v>89.540000000011005</c:v>
                </c:pt>
                <c:pt idx="7055">
                  <c:v>89.550000000010996</c:v>
                </c:pt>
                <c:pt idx="7056">
                  <c:v>89.560000000011001</c:v>
                </c:pt>
                <c:pt idx="7057">
                  <c:v>89.570000000011007</c:v>
                </c:pt>
                <c:pt idx="7058">
                  <c:v>89.580000000010997</c:v>
                </c:pt>
                <c:pt idx="7059">
                  <c:v>89.590000000011003</c:v>
                </c:pt>
                <c:pt idx="7060">
                  <c:v>89.600000000010994</c:v>
                </c:pt>
                <c:pt idx="7061">
                  <c:v>89.610000000010999</c:v>
                </c:pt>
                <c:pt idx="7062">
                  <c:v>89.620000000011004</c:v>
                </c:pt>
                <c:pt idx="7063">
                  <c:v>89.630000000010995</c:v>
                </c:pt>
                <c:pt idx="7064">
                  <c:v>89.640000000011</c:v>
                </c:pt>
                <c:pt idx="7065">
                  <c:v>89.650000000011005</c:v>
                </c:pt>
                <c:pt idx="7066">
                  <c:v>89.660000000011095</c:v>
                </c:pt>
                <c:pt idx="7067">
                  <c:v>89.670000000011001</c:v>
                </c:pt>
                <c:pt idx="7068">
                  <c:v>89.680000000011006</c:v>
                </c:pt>
                <c:pt idx="7069">
                  <c:v>89.690000000011096</c:v>
                </c:pt>
                <c:pt idx="7070">
                  <c:v>89.700000000011002</c:v>
                </c:pt>
                <c:pt idx="7071">
                  <c:v>89.710000000010993</c:v>
                </c:pt>
                <c:pt idx="7072">
                  <c:v>89.720000000011098</c:v>
                </c:pt>
                <c:pt idx="7073">
                  <c:v>89.730000000011103</c:v>
                </c:pt>
                <c:pt idx="7074">
                  <c:v>89.740000000011094</c:v>
                </c:pt>
                <c:pt idx="7075">
                  <c:v>89.750000000011099</c:v>
                </c:pt>
                <c:pt idx="7076">
                  <c:v>89.760000000011104</c:v>
                </c:pt>
                <c:pt idx="7077">
                  <c:v>89.770000000011095</c:v>
                </c:pt>
                <c:pt idx="7078">
                  <c:v>89.7800000000111</c:v>
                </c:pt>
                <c:pt idx="7079">
                  <c:v>89.790000000011105</c:v>
                </c:pt>
                <c:pt idx="7080">
                  <c:v>89.800000000011096</c:v>
                </c:pt>
                <c:pt idx="7081">
                  <c:v>89.810000000011101</c:v>
                </c:pt>
                <c:pt idx="7082">
                  <c:v>89.820000000011106</c:v>
                </c:pt>
                <c:pt idx="7083">
                  <c:v>89.830000000011097</c:v>
                </c:pt>
                <c:pt idx="7084">
                  <c:v>89.840000000011102</c:v>
                </c:pt>
                <c:pt idx="7085">
                  <c:v>89.850000000011093</c:v>
                </c:pt>
                <c:pt idx="7086">
                  <c:v>89.860000000011098</c:v>
                </c:pt>
                <c:pt idx="7087">
                  <c:v>89.870000000011103</c:v>
                </c:pt>
                <c:pt idx="7088">
                  <c:v>89.880000000011094</c:v>
                </c:pt>
                <c:pt idx="7089">
                  <c:v>89.890000000011099</c:v>
                </c:pt>
                <c:pt idx="7090">
                  <c:v>89.900000000011104</c:v>
                </c:pt>
                <c:pt idx="7091">
                  <c:v>89.910000000011095</c:v>
                </c:pt>
                <c:pt idx="7092">
                  <c:v>89.9200000000111</c:v>
                </c:pt>
                <c:pt idx="7093">
                  <c:v>89.930000000011105</c:v>
                </c:pt>
                <c:pt idx="7094">
                  <c:v>89.940000000011096</c:v>
                </c:pt>
                <c:pt idx="7095">
                  <c:v>89.950000000011102</c:v>
                </c:pt>
                <c:pt idx="7096">
                  <c:v>89.960000000011107</c:v>
                </c:pt>
                <c:pt idx="7097">
                  <c:v>89.970000000011098</c:v>
                </c:pt>
                <c:pt idx="7098">
                  <c:v>89.980000000011103</c:v>
                </c:pt>
                <c:pt idx="7099">
                  <c:v>89.990000000011094</c:v>
                </c:pt>
                <c:pt idx="7100">
                  <c:v>90.000000000011099</c:v>
                </c:pt>
                <c:pt idx="7101">
                  <c:v>90.010000000011104</c:v>
                </c:pt>
                <c:pt idx="7102">
                  <c:v>90.020000000011095</c:v>
                </c:pt>
                <c:pt idx="7103">
                  <c:v>90.0300000000111</c:v>
                </c:pt>
                <c:pt idx="7104">
                  <c:v>90.040000000011105</c:v>
                </c:pt>
                <c:pt idx="7105">
                  <c:v>90.050000000011096</c:v>
                </c:pt>
                <c:pt idx="7106">
                  <c:v>90.060000000011101</c:v>
                </c:pt>
                <c:pt idx="7107">
                  <c:v>90.070000000011106</c:v>
                </c:pt>
                <c:pt idx="7108">
                  <c:v>90.080000000011097</c:v>
                </c:pt>
                <c:pt idx="7109">
                  <c:v>90.090000000011102</c:v>
                </c:pt>
                <c:pt idx="7110">
                  <c:v>90.100000000011093</c:v>
                </c:pt>
                <c:pt idx="7111">
                  <c:v>90.110000000011098</c:v>
                </c:pt>
                <c:pt idx="7112">
                  <c:v>90.120000000011103</c:v>
                </c:pt>
                <c:pt idx="7113">
                  <c:v>90.130000000011094</c:v>
                </c:pt>
                <c:pt idx="7114">
                  <c:v>90.140000000011099</c:v>
                </c:pt>
                <c:pt idx="7115">
                  <c:v>90.150000000011104</c:v>
                </c:pt>
                <c:pt idx="7116">
                  <c:v>90.160000000011095</c:v>
                </c:pt>
                <c:pt idx="7117">
                  <c:v>90.1700000000111</c:v>
                </c:pt>
                <c:pt idx="7118">
                  <c:v>90.180000000011105</c:v>
                </c:pt>
                <c:pt idx="7119">
                  <c:v>90.190000000011096</c:v>
                </c:pt>
                <c:pt idx="7120">
                  <c:v>90.200000000011102</c:v>
                </c:pt>
                <c:pt idx="7121">
                  <c:v>90.210000000011107</c:v>
                </c:pt>
                <c:pt idx="7122">
                  <c:v>90.220000000011098</c:v>
                </c:pt>
                <c:pt idx="7123">
                  <c:v>90.230000000011103</c:v>
                </c:pt>
                <c:pt idx="7124">
                  <c:v>90.240000000011094</c:v>
                </c:pt>
                <c:pt idx="7125">
                  <c:v>90.250000000011099</c:v>
                </c:pt>
                <c:pt idx="7126">
                  <c:v>90.260000000011104</c:v>
                </c:pt>
                <c:pt idx="7127">
                  <c:v>90.270000000011095</c:v>
                </c:pt>
                <c:pt idx="7128">
                  <c:v>90.2800000000111</c:v>
                </c:pt>
                <c:pt idx="7129">
                  <c:v>90.290000000011105</c:v>
                </c:pt>
                <c:pt idx="7130">
                  <c:v>90.300000000011195</c:v>
                </c:pt>
                <c:pt idx="7131">
                  <c:v>90.310000000011101</c:v>
                </c:pt>
                <c:pt idx="7132">
                  <c:v>90.320000000011106</c:v>
                </c:pt>
                <c:pt idx="7133">
                  <c:v>90.330000000011196</c:v>
                </c:pt>
                <c:pt idx="7134">
                  <c:v>90.340000000011102</c:v>
                </c:pt>
                <c:pt idx="7135">
                  <c:v>90.350000000011093</c:v>
                </c:pt>
                <c:pt idx="7136">
                  <c:v>90.360000000011198</c:v>
                </c:pt>
                <c:pt idx="7137">
                  <c:v>90.370000000011203</c:v>
                </c:pt>
                <c:pt idx="7138">
                  <c:v>90.380000000011194</c:v>
                </c:pt>
                <c:pt idx="7139">
                  <c:v>90.390000000011199</c:v>
                </c:pt>
                <c:pt idx="7140">
                  <c:v>90.400000000011204</c:v>
                </c:pt>
                <c:pt idx="7141">
                  <c:v>90.410000000011195</c:v>
                </c:pt>
                <c:pt idx="7142">
                  <c:v>90.4200000000112</c:v>
                </c:pt>
                <c:pt idx="7143">
                  <c:v>90.430000000011205</c:v>
                </c:pt>
                <c:pt idx="7144">
                  <c:v>90.440000000011196</c:v>
                </c:pt>
                <c:pt idx="7145">
                  <c:v>90.450000000011201</c:v>
                </c:pt>
                <c:pt idx="7146">
                  <c:v>90.460000000011206</c:v>
                </c:pt>
                <c:pt idx="7147">
                  <c:v>90.470000000011197</c:v>
                </c:pt>
                <c:pt idx="7148">
                  <c:v>90.480000000011202</c:v>
                </c:pt>
                <c:pt idx="7149">
                  <c:v>90.490000000011193</c:v>
                </c:pt>
                <c:pt idx="7150">
                  <c:v>90.500000000011198</c:v>
                </c:pt>
                <c:pt idx="7151">
                  <c:v>90.510000000011203</c:v>
                </c:pt>
                <c:pt idx="7152">
                  <c:v>90.520000000011194</c:v>
                </c:pt>
                <c:pt idx="7153">
                  <c:v>90.530000000011199</c:v>
                </c:pt>
                <c:pt idx="7154">
                  <c:v>90.540000000011204</c:v>
                </c:pt>
                <c:pt idx="7155">
                  <c:v>90.550000000011195</c:v>
                </c:pt>
                <c:pt idx="7156">
                  <c:v>90.5600000000112</c:v>
                </c:pt>
                <c:pt idx="7157">
                  <c:v>90.570000000011206</c:v>
                </c:pt>
                <c:pt idx="7158">
                  <c:v>90.580000000011196</c:v>
                </c:pt>
                <c:pt idx="7159">
                  <c:v>90.590000000011202</c:v>
                </c:pt>
                <c:pt idx="7160">
                  <c:v>90.600000000011207</c:v>
                </c:pt>
                <c:pt idx="7161">
                  <c:v>90.610000000011198</c:v>
                </c:pt>
                <c:pt idx="7162">
                  <c:v>90.620000000011203</c:v>
                </c:pt>
                <c:pt idx="7163">
                  <c:v>90.630000000011194</c:v>
                </c:pt>
                <c:pt idx="7164">
                  <c:v>90.640000000011199</c:v>
                </c:pt>
                <c:pt idx="7165">
                  <c:v>90.650000000011204</c:v>
                </c:pt>
                <c:pt idx="7166">
                  <c:v>90.660000000011195</c:v>
                </c:pt>
                <c:pt idx="7167">
                  <c:v>90.6700000000112</c:v>
                </c:pt>
                <c:pt idx="7168">
                  <c:v>90.680000000011205</c:v>
                </c:pt>
                <c:pt idx="7169">
                  <c:v>90.690000000011196</c:v>
                </c:pt>
                <c:pt idx="7170">
                  <c:v>90.700000000011201</c:v>
                </c:pt>
                <c:pt idx="7171">
                  <c:v>90.710000000011206</c:v>
                </c:pt>
                <c:pt idx="7172">
                  <c:v>90.720000000011197</c:v>
                </c:pt>
                <c:pt idx="7173">
                  <c:v>90.730000000011202</c:v>
                </c:pt>
                <c:pt idx="7174">
                  <c:v>90.740000000011193</c:v>
                </c:pt>
                <c:pt idx="7175">
                  <c:v>90.750000000011198</c:v>
                </c:pt>
                <c:pt idx="7176">
                  <c:v>90.760000000011203</c:v>
                </c:pt>
                <c:pt idx="7177">
                  <c:v>90.770000000011194</c:v>
                </c:pt>
                <c:pt idx="7178">
                  <c:v>90.780000000011199</c:v>
                </c:pt>
                <c:pt idx="7179">
                  <c:v>90.790000000011204</c:v>
                </c:pt>
                <c:pt idx="7180">
                  <c:v>90.800000000011195</c:v>
                </c:pt>
                <c:pt idx="7181">
                  <c:v>90.8100000000112</c:v>
                </c:pt>
                <c:pt idx="7182">
                  <c:v>90.820000000011206</c:v>
                </c:pt>
                <c:pt idx="7183">
                  <c:v>90.830000000011196</c:v>
                </c:pt>
                <c:pt idx="7184">
                  <c:v>90.840000000011202</c:v>
                </c:pt>
                <c:pt idx="7185">
                  <c:v>90.850000000011207</c:v>
                </c:pt>
                <c:pt idx="7186">
                  <c:v>90.860000000011198</c:v>
                </c:pt>
                <c:pt idx="7187">
                  <c:v>90.870000000011203</c:v>
                </c:pt>
                <c:pt idx="7188">
                  <c:v>90.880000000011194</c:v>
                </c:pt>
                <c:pt idx="7189">
                  <c:v>90.890000000011199</c:v>
                </c:pt>
                <c:pt idx="7190">
                  <c:v>90.900000000011204</c:v>
                </c:pt>
                <c:pt idx="7191">
                  <c:v>90.910000000011195</c:v>
                </c:pt>
                <c:pt idx="7192">
                  <c:v>90.9200000000112</c:v>
                </c:pt>
                <c:pt idx="7193">
                  <c:v>90.930000000011205</c:v>
                </c:pt>
                <c:pt idx="7194">
                  <c:v>90.940000000011295</c:v>
                </c:pt>
                <c:pt idx="7195">
                  <c:v>90.950000000011201</c:v>
                </c:pt>
                <c:pt idx="7196">
                  <c:v>90.960000000011206</c:v>
                </c:pt>
                <c:pt idx="7197">
                  <c:v>90.970000000011296</c:v>
                </c:pt>
                <c:pt idx="7198">
                  <c:v>90.980000000011202</c:v>
                </c:pt>
                <c:pt idx="7199">
                  <c:v>90.990000000011193</c:v>
                </c:pt>
                <c:pt idx="7200">
                  <c:v>91.000000000011298</c:v>
                </c:pt>
                <c:pt idx="7201">
                  <c:v>91.010000000011303</c:v>
                </c:pt>
                <c:pt idx="7202">
                  <c:v>91.020000000011294</c:v>
                </c:pt>
                <c:pt idx="7203">
                  <c:v>91.030000000011299</c:v>
                </c:pt>
                <c:pt idx="7204">
                  <c:v>91.040000000011304</c:v>
                </c:pt>
                <c:pt idx="7205">
                  <c:v>91.050000000011295</c:v>
                </c:pt>
                <c:pt idx="7206">
                  <c:v>91.0600000000113</c:v>
                </c:pt>
                <c:pt idx="7207">
                  <c:v>91.070000000011305</c:v>
                </c:pt>
                <c:pt idx="7208">
                  <c:v>91.080000000011296</c:v>
                </c:pt>
                <c:pt idx="7209">
                  <c:v>91.090000000011301</c:v>
                </c:pt>
                <c:pt idx="7210">
                  <c:v>91.100000000011306</c:v>
                </c:pt>
                <c:pt idx="7211">
                  <c:v>91.110000000011297</c:v>
                </c:pt>
                <c:pt idx="7212">
                  <c:v>91.120000000011302</c:v>
                </c:pt>
                <c:pt idx="7213">
                  <c:v>91.130000000011293</c:v>
                </c:pt>
                <c:pt idx="7214">
                  <c:v>91.140000000011298</c:v>
                </c:pt>
                <c:pt idx="7215">
                  <c:v>91.150000000011303</c:v>
                </c:pt>
                <c:pt idx="7216">
                  <c:v>91.160000000011294</c:v>
                </c:pt>
                <c:pt idx="7217">
                  <c:v>91.170000000011299</c:v>
                </c:pt>
                <c:pt idx="7218">
                  <c:v>91.180000000011304</c:v>
                </c:pt>
                <c:pt idx="7219">
                  <c:v>91.190000000011295</c:v>
                </c:pt>
                <c:pt idx="7220">
                  <c:v>91.2000000000113</c:v>
                </c:pt>
                <c:pt idx="7221">
                  <c:v>91.210000000011306</c:v>
                </c:pt>
                <c:pt idx="7222">
                  <c:v>91.220000000011296</c:v>
                </c:pt>
                <c:pt idx="7223">
                  <c:v>91.230000000011302</c:v>
                </c:pt>
                <c:pt idx="7224">
                  <c:v>91.240000000011307</c:v>
                </c:pt>
                <c:pt idx="7225">
                  <c:v>91.250000000011298</c:v>
                </c:pt>
                <c:pt idx="7226">
                  <c:v>91.260000000011303</c:v>
                </c:pt>
                <c:pt idx="7227">
                  <c:v>91.270000000011294</c:v>
                </c:pt>
                <c:pt idx="7228">
                  <c:v>91.280000000011299</c:v>
                </c:pt>
                <c:pt idx="7229">
                  <c:v>91.290000000011304</c:v>
                </c:pt>
                <c:pt idx="7230">
                  <c:v>91.300000000011295</c:v>
                </c:pt>
                <c:pt idx="7231">
                  <c:v>91.3100000000113</c:v>
                </c:pt>
                <c:pt idx="7232">
                  <c:v>91.320000000011305</c:v>
                </c:pt>
                <c:pt idx="7233">
                  <c:v>91.330000000011296</c:v>
                </c:pt>
                <c:pt idx="7234">
                  <c:v>91.340000000011301</c:v>
                </c:pt>
                <c:pt idx="7235">
                  <c:v>91.350000000011306</c:v>
                </c:pt>
                <c:pt idx="7236">
                  <c:v>91.360000000011297</c:v>
                </c:pt>
                <c:pt idx="7237">
                  <c:v>91.370000000011302</c:v>
                </c:pt>
                <c:pt idx="7238">
                  <c:v>91.380000000011293</c:v>
                </c:pt>
                <c:pt idx="7239">
                  <c:v>91.390000000011298</c:v>
                </c:pt>
                <c:pt idx="7240">
                  <c:v>91.400000000011303</c:v>
                </c:pt>
                <c:pt idx="7241">
                  <c:v>91.410000000011294</c:v>
                </c:pt>
                <c:pt idx="7242">
                  <c:v>91.420000000011299</c:v>
                </c:pt>
                <c:pt idx="7243">
                  <c:v>91.430000000011304</c:v>
                </c:pt>
                <c:pt idx="7244">
                  <c:v>91.440000000011295</c:v>
                </c:pt>
                <c:pt idx="7245">
                  <c:v>91.4500000000113</c:v>
                </c:pt>
                <c:pt idx="7246">
                  <c:v>91.460000000011306</c:v>
                </c:pt>
                <c:pt idx="7247">
                  <c:v>91.470000000011296</c:v>
                </c:pt>
                <c:pt idx="7248">
                  <c:v>91.480000000011302</c:v>
                </c:pt>
                <c:pt idx="7249">
                  <c:v>91.490000000011307</c:v>
                </c:pt>
                <c:pt idx="7250">
                  <c:v>91.500000000011298</c:v>
                </c:pt>
                <c:pt idx="7251">
                  <c:v>91.510000000011303</c:v>
                </c:pt>
                <c:pt idx="7252">
                  <c:v>91.520000000011294</c:v>
                </c:pt>
                <c:pt idx="7253">
                  <c:v>91.530000000011299</c:v>
                </c:pt>
                <c:pt idx="7254">
                  <c:v>91.540000000011304</c:v>
                </c:pt>
                <c:pt idx="7255">
                  <c:v>91.550000000011295</c:v>
                </c:pt>
                <c:pt idx="7256">
                  <c:v>91.5600000000113</c:v>
                </c:pt>
                <c:pt idx="7257">
                  <c:v>91.570000000011305</c:v>
                </c:pt>
                <c:pt idx="7258">
                  <c:v>91.580000000011395</c:v>
                </c:pt>
                <c:pt idx="7259">
                  <c:v>91.590000000011301</c:v>
                </c:pt>
                <c:pt idx="7260">
                  <c:v>91.600000000011306</c:v>
                </c:pt>
                <c:pt idx="7261">
                  <c:v>91.610000000011397</c:v>
                </c:pt>
                <c:pt idx="7262">
                  <c:v>91.620000000011302</c:v>
                </c:pt>
                <c:pt idx="7263">
                  <c:v>91.630000000011293</c:v>
                </c:pt>
                <c:pt idx="7264">
                  <c:v>91.640000000011398</c:v>
                </c:pt>
                <c:pt idx="7265">
                  <c:v>91.650000000011403</c:v>
                </c:pt>
                <c:pt idx="7266">
                  <c:v>91.660000000011394</c:v>
                </c:pt>
                <c:pt idx="7267">
                  <c:v>91.670000000011399</c:v>
                </c:pt>
                <c:pt idx="7268">
                  <c:v>91.680000000011404</c:v>
                </c:pt>
                <c:pt idx="7269">
                  <c:v>91.690000000011395</c:v>
                </c:pt>
                <c:pt idx="7270">
                  <c:v>91.7000000000114</c:v>
                </c:pt>
                <c:pt idx="7271">
                  <c:v>91.710000000011405</c:v>
                </c:pt>
                <c:pt idx="7272">
                  <c:v>91.720000000011396</c:v>
                </c:pt>
                <c:pt idx="7273">
                  <c:v>91.730000000011401</c:v>
                </c:pt>
                <c:pt idx="7274">
                  <c:v>91.740000000011406</c:v>
                </c:pt>
                <c:pt idx="7275">
                  <c:v>91.750000000011397</c:v>
                </c:pt>
                <c:pt idx="7276">
                  <c:v>91.760000000011402</c:v>
                </c:pt>
                <c:pt idx="7277">
                  <c:v>91.770000000011393</c:v>
                </c:pt>
                <c:pt idx="7278">
                  <c:v>91.780000000011398</c:v>
                </c:pt>
                <c:pt idx="7279">
                  <c:v>91.790000000011403</c:v>
                </c:pt>
                <c:pt idx="7280">
                  <c:v>91.800000000011394</c:v>
                </c:pt>
                <c:pt idx="7281">
                  <c:v>91.810000000011399</c:v>
                </c:pt>
                <c:pt idx="7282">
                  <c:v>91.820000000011404</c:v>
                </c:pt>
                <c:pt idx="7283">
                  <c:v>91.830000000011395</c:v>
                </c:pt>
                <c:pt idx="7284">
                  <c:v>91.840000000011401</c:v>
                </c:pt>
                <c:pt idx="7285">
                  <c:v>91.850000000011406</c:v>
                </c:pt>
                <c:pt idx="7286">
                  <c:v>91.860000000011397</c:v>
                </c:pt>
                <c:pt idx="7287">
                  <c:v>91.870000000011402</c:v>
                </c:pt>
                <c:pt idx="7288">
                  <c:v>91.880000000011407</c:v>
                </c:pt>
                <c:pt idx="7289">
                  <c:v>91.890000000011398</c:v>
                </c:pt>
                <c:pt idx="7290">
                  <c:v>91.900000000011403</c:v>
                </c:pt>
                <c:pt idx="7291">
                  <c:v>91.910000000011394</c:v>
                </c:pt>
                <c:pt idx="7292">
                  <c:v>91.920000000011399</c:v>
                </c:pt>
                <c:pt idx="7293">
                  <c:v>91.930000000011404</c:v>
                </c:pt>
                <c:pt idx="7294">
                  <c:v>91.940000000011395</c:v>
                </c:pt>
                <c:pt idx="7295">
                  <c:v>91.9500000000114</c:v>
                </c:pt>
                <c:pt idx="7296">
                  <c:v>91.960000000011405</c:v>
                </c:pt>
                <c:pt idx="7297">
                  <c:v>91.970000000011396</c:v>
                </c:pt>
                <c:pt idx="7298">
                  <c:v>91.980000000011401</c:v>
                </c:pt>
                <c:pt idx="7299">
                  <c:v>91.990000000011406</c:v>
                </c:pt>
                <c:pt idx="7300">
                  <c:v>92.000000000011397</c:v>
                </c:pt>
                <c:pt idx="7301">
                  <c:v>92.010000000011402</c:v>
                </c:pt>
                <c:pt idx="7302">
                  <c:v>92.020000000011393</c:v>
                </c:pt>
                <c:pt idx="7303">
                  <c:v>92.030000000011398</c:v>
                </c:pt>
                <c:pt idx="7304">
                  <c:v>92.040000000011403</c:v>
                </c:pt>
                <c:pt idx="7305">
                  <c:v>92.050000000011394</c:v>
                </c:pt>
                <c:pt idx="7306">
                  <c:v>92.060000000011399</c:v>
                </c:pt>
                <c:pt idx="7307">
                  <c:v>92.070000000011404</c:v>
                </c:pt>
                <c:pt idx="7308">
                  <c:v>92.080000000011395</c:v>
                </c:pt>
                <c:pt idx="7309">
                  <c:v>92.090000000011401</c:v>
                </c:pt>
                <c:pt idx="7310">
                  <c:v>92.100000000011406</c:v>
                </c:pt>
                <c:pt idx="7311">
                  <c:v>92.110000000011397</c:v>
                </c:pt>
                <c:pt idx="7312">
                  <c:v>92.120000000011402</c:v>
                </c:pt>
                <c:pt idx="7313">
                  <c:v>92.130000000011407</c:v>
                </c:pt>
                <c:pt idx="7314">
                  <c:v>92.140000000011398</c:v>
                </c:pt>
                <c:pt idx="7315">
                  <c:v>92.150000000011403</c:v>
                </c:pt>
                <c:pt idx="7316">
                  <c:v>92.160000000011394</c:v>
                </c:pt>
                <c:pt idx="7317">
                  <c:v>92.170000000011399</c:v>
                </c:pt>
                <c:pt idx="7318">
                  <c:v>92.180000000011404</c:v>
                </c:pt>
                <c:pt idx="7319">
                  <c:v>92.190000000011395</c:v>
                </c:pt>
                <c:pt idx="7320">
                  <c:v>92.2000000000114</c:v>
                </c:pt>
                <c:pt idx="7321">
                  <c:v>92.210000000011405</c:v>
                </c:pt>
                <c:pt idx="7322">
                  <c:v>92.220000000011495</c:v>
                </c:pt>
                <c:pt idx="7323">
                  <c:v>92.230000000011401</c:v>
                </c:pt>
                <c:pt idx="7324">
                  <c:v>92.240000000011406</c:v>
                </c:pt>
                <c:pt idx="7325">
                  <c:v>92.250000000011497</c:v>
                </c:pt>
                <c:pt idx="7326">
                  <c:v>92.260000000011402</c:v>
                </c:pt>
                <c:pt idx="7327">
                  <c:v>92.270000000011393</c:v>
                </c:pt>
                <c:pt idx="7328">
                  <c:v>92.280000000011498</c:v>
                </c:pt>
                <c:pt idx="7329">
                  <c:v>92.290000000011503</c:v>
                </c:pt>
                <c:pt idx="7330">
                  <c:v>92.300000000011494</c:v>
                </c:pt>
                <c:pt idx="7331">
                  <c:v>92.310000000011499</c:v>
                </c:pt>
                <c:pt idx="7332">
                  <c:v>92.320000000011504</c:v>
                </c:pt>
                <c:pt idx="7333">
                  <c:v>92.330000000011495</c:v>
                </c:pt>
                <c:pt idx="7334">
                  <c:v>92.3400000000115</c:v>
                </c:pt>
                <c:pt idx="7335">
                  <c:v>92.350000000011505</c:v>
                </c:pt>
                <c:pt idx="7336">
                  <c:v>92.360000000011496</c:v>
                </c:pt>
                <c:pt idx="7337">
                  <c:v>92.370000000011501</c:v>
                </c:pt>
                <c:pt idx="7338">
                  <c:v>92.380000000011506</c:v>
                </c:pt>
                <c:pt idx="7339">
                  <c:v>92.390000000011497</c:v>
                </c:pt>
                <c:pt idx="7340">
                  <c:v>92.400000000011502</c:v>
                </c:pt>
                <c:pt idx="7341">
                  <c:v>92.410000000011493</c:v>
                </c:pt>
                <c:pt idx="7342">
                  <c:v>92.420000000011498</c:v>
                </c:pt>
                <c:pt idx="7343">
                  <c:v>92.430000000011503</c:v>
                </c:pt>
                <c:pt idx="7344">
                  <c:v>92.440000000011494</c:v>
                </c:pt>
                <c:pt idx="7345">
                  <c:v>92.450000000011499</c:v>
                </c:pt>
                <c:pt idx="7346">
                  <c:v>92.460000000011505</c:v>
                </c:pt>
                <c:pt idx="7347">
                  <c:v>92.470000000011495</c:v>
                </c:pt>
                <c:pt idx="7348">
                  <c:v>92.480000000011501</c:v>
                </c:pt>
                <c:pt idx="7349">
                  <c:v>92.490000000011506</c:v>
                </c:pt>
                <c:pt idx="7350">
                  <c:v>92.500000000011497</c:v>
                </c:pt>
                <c:pt idx="7351">
                  <c:v>92.510000000011502</c:v>
                </c:pt>
                <c:pt idx="7352">
                  <c:v>92.520000000011507</c:v>
                </c:pt>
                <c:pt idx="7353">
                  <c:v>92.530000000011498</c:v>
                </c:pt>
                <c:pt idx="7354">
                  <c:v>92.540000000011503</c:v>
                </c:pt>
                <c:pt idx="7355">
                  <c:v>92.550000000011494</c:v>
                </c:pt>
                <c:pt idx="7356">
                  <c:v>92.560000000011499</c:v>
                </c:pt>
                <c:pt idx="7357">
                  <c:v>92.570000000011504</c:v>
                </c:pt>
                <c:pt idx="7358">
                  <c:v>92.580000000011495</c:v>
                </c:pt>
                <c:pt idx="7359">
                  <c:v>92.5900000000115</c:v>
                </c:pt>
                <c:pt idx="7360">
                  <c:v>92.600000000011505</c:v>
                </c:pt>
                <c:pt idx="7361">
                  <c:v>92.610000000011496</c:v>
                </c:pt>
                <c:pt idx="7362">
                  <c:v>92.620000000011501</c:v>
                </c:pt>
                <c:pt idx="7363">
                  <c:v>92.630000000011506</c:v>
                </c:pt>
                <c:pt idx="7364">
                  <c:v>92.640000000011497</c:v>
                </c:pt>
                <c:pt idx="7365">
                  <c:v>92.650000000011502</c:v>
                </c:pt>
                <c:pt idx="7366">
                  <c:v>92.660000000011493</c:v>
                </c:pt>
                <c:pt idx="7367">
                  <c:v>92.670000000011498</c:v>
                </c:pt>
                <c:pt idx="7368">
                  <c:v>92.680000000011503</c:v>
                </c:pt>
                <c:pt idx="7369">
                  <c:v>92.690000000011494</c:v>
                </c:pt>
                <c:pt idx="7370">
                  <c:v>92.700000000011499</c:v>
                </c:pt>
                <c:pt idx="7371">
                  <c:v>92.710000000011505</c:v>
                </c:pt>
                <c:pt idx="7372">
                  <c:v>92.720000000011495</c:v>
                </c:pt>
                <c:pt idx="7373">
                  <c:v>92.730000000011501</c:v>
                </c:pt>
                <c:pt idx="7374">
                  <c:v>92.740000000011506</c:v>
                </c:pt>
                <c:pt idx="7375">
                  <c:v>92.750000000011497</c:v>
                </c:pt>
                <c:pt idx="7376">
                  <c:v>92.760000000011502</c:v>
                </c:pt>
                <c:pt idx="7377">
                  <c:v>92.770000000011507</c:v>
                </c:pt>
                <c:pt idx="7378">
                  <c:v>92.780000000011498</c:v>
                </c:pt>
                <c:pt idx="7379">
                  <c:v>92.790000000011503</c:v>
                </c:pt>
                <c:pt idx="7380">
                  <c:v>92.800000000011494</c:v>
                </c:pt>
                <c:pt idx="7381">
                  <c:v>92.810000000011499</c:v>
                </c:pt>
                <c:pt idx="7382">
                  <c:v>92.820000000011504</c:v>
                </c:pt>
                <c:pt idx="7383">
                  <c:v>92.830000000011495</c:v>
                </c:pt>
                <c:pt idx="7384">
                  <c:v>92.8400000000115</c:v>
                </c:pt>
                <c:pt idx="7385">
                  <c:v>92.850000000011505</c:v>
                </c:pt>
                <c:pt idx="7386">
                  <c:v>92.860000000011595</c:v>
                </c:pt>
                <c:pt idx="7387">
                  <c:v>92.870000000011501</c:v>
                </c:pt>
                <c:pt idx="7388">
                  <c:v>92.880000000011506</c:v>
                </c:pt>
                <c:pt idx="7389">
                  <c:v>92.890000000011597</c:v>
                </c:pt>
                <c:pt idx="7390">
                  <c:v>92.900000000011502</c:v>
                </c:pt>
                <c:pt idx="7391">
                  <c:v>92.910000000011607</c:v>
                </c:pt>
                <c:pt idx="7392">
                  <c:v>92.920000000011598</c:v>
                </c:pt>
                <c:pt idx="7393">
                  <c:v>92.930000000011603</c:v>
                </c:pt>
                <c:pt idx="7394">
                  <c:v>92.940000000011594</c:v>
                </c:pt>
                <c:pt idx="7395">
                  <c:v>92.950000000011599</c:v>
                </c:pt>
                <c:pt idx="7396">
                  <c:v>92.960000000011604</c:v>
                </c:pt>
                <c:pt idx="7397">
                  <c:v>92.970000000011595</c:v>
                </c:pt>
                <c:pt idx="7398">
                  <c:v>92.9800000000116</c:v>
                </c:pt>
                <c:pt idx="7399">
                  <c:v>92.990000000011605</c:v>
                </c:pt>
                <c:pt idx="7400">
                  <c:v>93.000000000011596</c:v>
                </c:pt>
              </c:numCache>
            </c:numRef>
          </c:xVal>
          <c:yVal>
            <c:numRef>
              <c:f>'003 - XRD'!$D$5:$D$7405</c:f>
              <c:numCache>
                <c:formatCode>General</c:formatCode>
                <c:ptCount val="7401"/>
                <c:pt idx="0">
                  <c:v>1.6785816666697682</c:v>
                </c:pt>
                <c:pt idx="1">
                  <c:v>1.6870813718779536</c:v>
                </c:pt>
                <c:pt idx="2">
                  <c:v>1.6835459191652442</c:v>
                </c:pt>
                <c:pt idx="3">
                  <c:v>1.6923948287726849</c:v>
                </c:pt>
                <c:pt idx="4">
                  <c:v>1.698838726090564</c:v>
                </c:pt>
                <c:pt idx="5">
                  <c:v>1.6961710245468902</c:v>
                </c:pt>
                <c:pt idx="6">
                  <c:v>1.6885188775937621</c:v>
                </c:pt>
                <c:pt idx="7">
                  <c:v>1.6734747941604085</c:v>
                </c:pt>
                <c:pt idx="8">
                  <c:v>1.6802734579943805</c:v>
                </c:pt>
                <c:pt idx="9">
                  <c:v>1.6863869532943681</c:v>
                </c:pt>
                <c:pt idx="10">
                  <c:v>1.6825290185458535</c:v>
                </c:pt>
                <c:pt idx="11">
                  <c:v>1.6805655902065002</c:v>
                </c:pt>
                <c:pt idx="12">
                  <c:v>1.6808404919391673</c:v>
                </c:pt>
                <c:pt idx="13">
                  <c:v>1.6809462326749409</c:v>
                </c:pt>
                <c:pt idx="14">
                  <c:v>1.6875896408133988</c:v>
                </c:pt>
                <c:pt idx="15">
                  <c:v>1.6895927294861857</c:v>
                </c:pt>
                <c:pt idx="16">
                  <c:v>1.7098273590530007</c:v>
                </c:pt>
                <c:pt idx="17">
                  <c:v>1.7016900380503079</c:v>
                </c:pt>
                <c:pt idx="18">
                  <c:v>1.6877086822738463</c:v>
                </c:pt>
                <c:pt idx="19">
                  <c:v>1.6919589278534168</c:v>
                </c:pt>
                <c:pt idx="20">
                  <c:v>1.689677309981537</c:v>
                </c:pt>
                <c:pt idx="21">
                  <c:v>1.6999523592336194</c:v>
                </c:pt>
                <c:pt idx="22">
                  <c:v>1.6875305735218955</c:v>
                </c:pt>
                <c:pt idx="23">
                  <c:v>1.6826783493698394</c:v>
                </c:pt>
                <c:pt idx="24">
                  <c:v>1.6921025756464623</c:v>
                </c:pt>
                <c:pt idx="25">
                  <c:v>1.6927594499212757</c:v>
                </c:pt>
                <c:pt idx="26">
                  <c:v>1.6913557401275194</c:v>
                </c:pt>
                <c:pt idx="27">
                  <c:v>1.681356620396552</c:v>
                </c:pt>
                <c:pt idx="28">
                  <c:v>1.6799590773025299</c:v>
                </c:pt>
                <c:pt idx="29">
                  <c:v>1.6943857654214918</c:v>
                </c:pt>
                <c:pt idx="30">
                  <c:v>1.6959178876319703</c:v>
                </c:pt>
                <c:pt idx="31">
                  <c:v>1.6843835623394192</c:v>
                </c:pt>
                <c:pt idx="32">
                  <c:v>1.6910810802292493</c:v>
                </c:pt>
                <c:pt idx="33">
                  <c:v>1.6924508127205122</c:v>
                </c:pt>
                <c:pt idx="34">
                  <c:v>1.6841934224763535</c:v>
                </c:pt>
                <c:pt idx="35">
                  <c:v>1.6919324473243631</c:v>
                </c:pt>
                <c:pt idx="36">
                  <c:v>1.7074131571739846</c:v>
                </c:pt>
                <c:pt idx="37">
                  <c:v>1.6938345109702064</c:v>
                </c:pt>
                <c:pt idx="38">
                  <c:v>1.6912651138527279</c:v>
                </c:pt>
                <c:pt idx="39">
                  <c:v>1.6850876541688709</c:v>
                </c:pt>
                <c:pt idx="40">
                  <c:v>1.6854484060166386</c:v>
                </c:pt>
                <c:pt idx="41">
                  <c:v>1.6808253170242291</c:v>
                </c:pt>
                <c:pt idx="42">
                  <c:v>1.6975296932559583</c:v>
                </c:pt>
                <c:pt idx="43">
                  <c:v>1.710626188298654</c:v>
                </c:pt>
                <c:pt idx="44">
                  <c:v>1.6853769448655203</c:v>
                </c:pt>
                <c:pt idx="45">
                  <c:v>1.6800795697507858</c:v>
                </c:pt>
                <c:pt idx="46">
                  <c:v>1.6851037359550587</c:v>
                </c:pt>
                <c:pt idx="47">
                  <c:v>1.6801570766813443</c:v>
                </c:pt>
                <c:pt idx="48">
                  <c:v>1.6845003063947646</c:v>
                </c:pt>
                <c:pt idx="49">
                  <c:v>1.6864394306898725</c:v>
                </c:pt>
                <c:pt idx="50">
                  <c:v>1.7076425341618371</c:v>
                </c:pt>
                <c:pt idx="51">
                  <c:v>1.7032257877296888</c:v>
                </c:pt>
                <c:pt idx="52">
                  <c:v>1.6907300620936851</c:v>
                </c:pt>
                <c:pt idx="53">
                  <c:v>1.6981863256969938</c:v>
                </c:pt>
                <c:pt idx="54">
                  <c:v>1.6963598343350124</c:v>
                </c:pt>
                <c:pt idx="55">
                  <c:v>1.6904096960763506</c:v>
                </c:pt>
                <c:pt idx="56">
                  <c:v>1.699080496934317</c:v>
                </c:pt>
                <c:pt idx="57">
                  <c:v>1.697780714146836</c:v>
                </c:pt>
                <c:pt idx="58">
                  <c:v>1.6875422418783199</c:v>
                </c:pt>
                <c:pt idx="59">
                  <c:v>1.6914089430138326</c:v>
                </c:pt>
                <c:pt idx="60">
                  <c:v>1.6885724432223843</c:v>
                </c:pt>
                <c:pt idx="61">
                  <c:v>1.6945100667104236</c:v>
                </c:pt>
                <c:pt idx="62">
                  <c:v>1.6849742957455547</c:v>
                </c:pt>
                <c:pt idx="63">
                  <c:v>1.6850724792539327</c:v>
                </c:pt>
                <c:pt idx="64">
                  <c:v>1.6985880074886583</c:v>
                </c:pt>
                <c:pt idx="65">
                  <c:v>1.6897514312738755</c:v>
                </c:pt>
                <c:pt idx="66">
                  <c:v>1.6895170362857446</c:v>
                </c:pt>
                <c:pt idx="67">
                  <c:v>1.6896303947090607</c:v>
                </c:pt>
                <c:pt idx="68">
                  <c:v>1.6981741132165815</c:v>
                </c:pt>
                <c:pt idx="69">
                  <c:v>1.7015625929544578</c:v>
                </c:pt>
                <c:pt idx="70">
                  <c:v>1.7035791637187392</c:v>
                </c:pt>
                <c:pt idx="71">
                  <c:v>1.706975442518408</c:v>
                </c:pt>
                <c:pt idx="72">
                  <c:v>1.6959302210283429</c:v>
                </c:pt>
                <c:pt idx="73">
                  <c:v>1.684201040163896</c:v>
                </c:pt>
                <c:pt idx="74">
                  <c:v>1.6977553218601864</c:v>
                </c:pt>
                <c:pt idx="75">
                  <c:v>1.683970393556294</c:v>
                </c:pt>
                <c:pt idx="76">
                  <c:v>1.6899659961014806</c:v>
                </c:pt>
                <c:pt idx="77">
                  <c:v>1.6865072039082269</c:v>
                </c:pt>
                <c:pt idx="78">
                  <c:v>1.6914790136372895</c:v>
                </c:pt>
                <c:pt idx="79">
                  <c:v>1.687684438683557</c:v>
                </c:pt>
                <c:pt idx="80">
                  <c:v>1.6823461940819773</c:v>
                </c:pt>
                <c:pt idx="81">
                  <c:v>1.6857824355009561</c:v>
                </c:pt>
                <c:pt idx="82">
                  <c:v>1.6868151760721377</c:v>
                </c:pt>
                <c:pt idx="83">
                  <c:v>1.6921513651092031</c:v>
                </c:pt>
                <c:pt idx="84">
                  <c:v>1.6968037761467554</c:v>
                </c:pt>
                <c:pt idx="85">
                  <c:v>1.6897664248145638</c:v>
                </c:pt>
                <c:pt idx="86">
                  <c:v>1.6949430656559319</c:v>
                </c:pt>
                <c:pt idx="87">
                  <c:v>1.6980602711312816</c:v>
                </c:pt>
                <c:pt idx="88">
                  <c:v>1.7035892601757283</c:v>
                </c:pt>
                <c:pt idx="89">
                  <c:v>1.6871104520942712</c:v>
                </c:pt>
                <c:pt idx="90">
                  <c:v>1.6993546731718416</c:v>
                </c:pt>
                <c:pt idx="91">
                  <c:v>1.6942343790268006</c:v>
                </c:pt>
                <c:pt idx="92">
                  <c:v>1.7027038553235461</c:v>
                </c:pt>
                <c:pt idx="93">
                  <c:v>1.6970762595657891</c:v>
                </c:pt>
                <c:pt idx="94">
                  <c:v>1.7064142125248554</c:v>
                </c:pt>
                <c:pt idx="95">
                  <c:v>1.6823945603422621</c:v>
                </c:pt>
                <c:pt idx="96">
                  <c:v>1.6858943429364637</c:v>
                </c:pt>
                <c:pt idx="97">
                  <c:v>1.7012642940438423</c:v>
                </c:pt>
                <c:pt idx="98">
                  <c:v>1.6820729247113686</c:v>
                </c:pt>
                <c:pt idx="99">
                  <c:v>1.6783632325475313</c:v>
                </c:pt>
                <c:pt idx="100">
                  <c:v>1.6973578116583168</c:v>
                </c:pt>
                <c:pt idx="101">
                  <c:v>1.687466065021467</c:v>
                </c:pt>
                <c:pt idx="102">
                  <c:v>1.6880689504528203</c:v>
                </c:pt>
                <c:pt idx="103">
                  <c:v>1.7029496768411336</c:v>
                </c:pt>
                <c:pt idx="104">
                  <c:v>1.7092365047265714</c:v>
                </c:pt>
                <c:pt idx="105">
                  <c:v>1.6788985261285891</c:v>
                </c:pt>
                <c:pt idx="106">
                  <c:v>1.6917292485772113</c:v>
                </c:pt>
                <c:pt idx="107">
                  <c:v>1.6994055182032446</c:v>
                </c:pt>
                <c:pt idx="108">
                  <c:v>1.7000355492013093</c:v>
                </c:pt>
                <c:pt idx="109">
                  <c:v>1.7061732880891096</c:v>
                </c:pt>
                <c:pt idx="110">
                  <c:v>1.7021695290627412</c:v>
                </c:pt>
                <c:pt idx="111">
                  <c:v>1.6864764308758948</c:v>
                </c:pt>
                <c:pt idx="112">
                  <c:v>1.7093090541169984</c:v>
                </c:pt>
                <c:pt idx="113">
                  <c:v>1.7170131343435002</c:v>
                </c:pt>
                <c:pt idx="114">
                  <c:v>1.7118242205659064</c:v>
                </c:pt>
                <c:pt idx="115">
                  <c:v>1.6851438799510949</c:v>
                </c:pt>
                <c:pt idx="116">
                  <c:v>1.6880469438074863</c:v>
                </c:pt>
                <c:pt idx="117">
                  <c:v>1.6894071239607953</c:v>
                </c:pt>
                <c:pt idx="118">
                  <c:v>1.7107203815921062</c:v>
                </c:pt>
                <c:pt idx="119">
                  <c:v>1.7053832856856486</c:v>
                </c:pt>
                <c:pt idx="120">
                  <c:v>1.6830261027812865</c:v>
                </c:pt>
                <c:pt idx="121">
                  <c:v>1.6756349522588267</c:v>
                </c:pt>
                <c:pt idx="122">
                  <c:v>1.6924963979192829</c:v>
                </c:pt>
                <c:pt idx="123">
                  <c:v>1.6985285774461787</c:v>
                </c:pt>
                <c:pt idx="124">
                  <c:v>1.6937316117529984</c:v>
                </c:pt>
                <c:pt idx="125">
                  <c:v>1.6956464319958129</c:v>
                </c:pt>
                <c:pt idx="126">
                  <c:v>1.6955024214561247</c:v>
                </c:pt>
                <c:pt idx="127">
                  <c:v>1.7077452520078906</c:v>
                </c:pt>
                <c:pt idx="128">
                  <c:v>1.7039998292678751</c:v>
                </c:pt>
                <c:pt idx="129">
                  <c:v>1.6877056593841262</c:v>
                </c:pt>
                <c:pt idx="130">
                  <c:v>1.6966959798439911</c:v>
                </c:pt>
                <c:pt idx="131">
                  <c:v>1.7110223684305328</c:v>
                </c:pt>
                <c:pt idx="132">
                  <c:v>1.7057492973600437</c:v>
                </c:pt>
                <c:pt idx="133">
                  <c:v>1.6917108089381561</c:v>
                </c:pt>
                <c:pt idx="134">
                  <c:v>1.6912629978280667</c:v>
                </c:pt>
                <c:pt idx="135">
                  <c:v>1.6921960434429149</c:v>
                </c:pt>
                <c:pt idx="136">
                  <c:v>1.6962296081795052</c:v>
                </c:pt>
                <c:pt idx="137">
                  <c:v>1.703363812945131</c:v>
                </c:pt>
                <c:pt idx="138">
                  <c:v>1.7003569430009011</c:v>
                </c:pt>
                <c:pt idx="139">
                  <c:v>1.6956356100455385</c:v>
                </c:pt>
                <c:pt idx="140">
                  <c:v>1.691091358058012</c:v>
                </c:pt>
                <c:pt idx="141">
                  <c:v>1.6903356956981148</c:v>
                </c:pt>
                <c:pt idx="142">
                  <c:v>1.7064381538206008</c:v>
                </c:pt>
                <c:pt idx="143">
                  <c:v>1.7056929506668119</c:v>
                </c:pt>
                <c:pt idx="144">
                  <c:v>1.7058127780769767</c:v>
                </c:pt>
                <c:pt idx="145">
                  <c:v>1.711612920468609</c:v>
                </c:pt>
                <c:pt idx="146">
                  <c:v>1.6940305756979903</c:v>
                </c:pt>
                <c:pt idx="147">
                  <c:v>1.6829883770982643</c:v>
                </c:pt>
                <c:pt idx="148">
                  <c:v>1.694479475051103</c:v>
                </c:pt>
                <c:pt idx="149">
                  <c:v>1.6819002571621522</c:v>
                </c:pt>
                <c:pt idx="150">
                  <c:v>1.6937459402568338</c:v>
                </c:pt>
                <c:pt idx="151">
                  <c:v>1.7093803338938669</c:v>
                </c:pt>
                <c:pt idx="152">
                  <c:v>1.7042119757768941</c:v>
                </c:pt>
                <c:pt idx="153">
                  <c:v>1.6969853914541244</c:v>
                </c:pt>
                <c:pt idx="154">
                  <c:v>1.6999104015028226</c:v>
                </c:pt>
                <c:pt idx="155">
                  <c:v>1.7019810820212617</c:v>
                </c:pt>
                <c:pt idx="156">
                  <c:v>1.6951148263376132</c:v>
                </c:pt>
                <c:pt idx="157">
                  <c:v>1.6923813466799522</c:v>
                </c:pt>
                <c:pt idx="158">
                  <c:v>1.6874178196752851</c:v>
                </c:pt>
                <c:pt idx="159">
                  <c:v>1.6881347285668076</c:v>
                </c:pt>
                <c:pt idx="160">
                  <c:v>1.7019269118097429</c:v>
                </c:pt>
                <c:pt idx="161">
                  <c:v>1.7155526546571518</c:v>
                </c:pt>
                <c:pt idx="162">
                  <c:v>1.7009811700475459</c:v>
                </c:pt>
                <c:pt idx="163">
                  <c:v>1.6914022926576866</c:v>
                </c:pt>
                <c:pt idx="164">
                  <c:v>1.6861283751760947</c:v>
                </c:pt>
                <c:pt idx="165">
                  <c:v>1.6844714075588876</c:v>
                </c:pt>
                <c:pt idx="166">
                  <c:v>1.6945139964695359</c:v>
                </c:pt>
                <c:pt idx="167">
                  <c:v>1.6897730147229446</c:v>
                </c:pt>
                <c:pt idx="168">
                  <c:v>1.6996549671906629</c:v>
                </c:pt>
                <c:pt idx="169">
                  <c:v>1.6969890793813165</c:v>
                </c:pt>
                <c:pt idx="170">
                  <c:v>1.6948447007739231</c:v>
                </c:pt>
                <c:pt idx="171">
                  <c:v>1.7105909413887932</c:v>
                </c:pt>
                <c:pt idx="172">
                  <c:v>1.7050188459144033</c:v>
                </c:pt>
                <c:pt idx="173">
                  <c:v>1.6829435173964935</c:v>
                </c:pt>
                <c:pt idx="174">
                  <c:v>1.7028343837686444</c:v>
                </c:pt>
                <c:pt idx="175">
                  <c:v>1.7160243466090308</c:v>
                </c:pt>
                <c:pt idx="176">
                  <c:v>1.6898392764995347</c:v>
                </c:pt>
                <c:pt idx="177">
                  <c:v>1.7002894720678039</c:v>
                </c:pt>
                <c:pt idx="178">
                  <c:v>1.6950963262433638</c:v>
                </c:pt>
                <c:pt idx="179">
                  <c:v>1.6948963317570866</c:v>
                </c:pt>
                <c:pt idx="180">
                  <c:v>1.6952180278456506</c:v>
                </c:pt>
                <c:pt idx="181">
                  <c:v>1.681616286754134</c:v>
                </c:pt>
                <c:pt idx="182">
                  <c:v>1.6922681696308859</c:v>
                </c:pt>
                <c:pt idx="183">
                  <c:v>1.7008623099632059</c:v>
                </c:pt>
                <c:pt idx="184">
                  <c:v>1.7080867782594569</c:v>
                </c:pt>
                <c:pt idx="185">
                  <c:v>1.7063749149399219</c:v>
                </c:pt>
                <c:pt idx="186">
                  <c:v>1.7081084221624818</c:v>
                </c:pt>
                <c:pt idx="187">
                  <c:v>1.6940268273125088</c:v>
                </c:pt>
                <c:pt idx="188">
                  <c:v>1.6892377211356959</c:v>
                </c:pt>
                <c:pt idx="189">
                  <c:v>1.6916773757584127</c:v>
                </c:pt>
                <c:pt idx="190">
                  <c:v>1.6997981313211057</c:v>
                </c:pt>
                <c:pt idx="191">
                  <c:v>1.6933076814785075</c:v>
                </c:pt>
                <c:pt idx="192">
                  <c:v>1.7014407704362109</c:v>
                </c:pt>
                <c:pt idx="193">
                  <c:v>1.6992618099520951</c:v>
                </c:pt>
                <c:pt idx="194">
                  <c:v>1.7003565197961545</c:v>
                </c:pt>
                <c:pt idx="195">
                  <c:v>1.7002536810351934</c:v>
                </c:pt>
                <c:pt idx="196">
                  <c:v>1.6786609268764883</c:v>
                </c:pt>
                <c:pt idx="197">
                  <c:v>1.6938758036650792</c:v>
                </c:pt>
                <c:pt idx="198">
                  <c:v>1.6932758202068665</c:v>
                </c:pt>
                <c:pt idx="199">
                  <c:v>1.7124584836124888</c:v>
                </c:pt>
                <c:pt idx="200">
                  <c:v>1.7041324737363963</c:v>
                </c:pt>
                <c:pt idx="201">
                  <c:v>1.6818833289710526</c:v>
                </c:pt>
                <c:pt idx="202">
                  <c:v>1.7052122504972524</c:v>
                </c:pt>
                <c:pt idx="203">
                  <c:v>1.6871030762349346</c:v>
                </c:pt>
                <c:pt idx="204">
                  <c:v>1.6746752447406752</c:v>
                </c:pt>
                <c:pt idx="205">
                  <c:v>1.693896057036109</c:v>
                </c:pt>
                <c:pt idx="206">
                  <c:v>1.7114036759358262</c:v>
                </c:pt>
                <c:pt idx="207">
                  <c:v>1.7091412836539575</c:v>
                </c:pt>
                <c:pt idx="208">
                  <c:v>1.6902043208443904</c:v>
                </c:pt>
                <c:pt idx="209">
                  <c:v>1.7015404049323974</c:v>
                </c:pt>
                <c:pt idx="210">
                  <c:v>1.7099595198576809</c:v>
                </c:pt>
                <c:pt idx="211">
                  <c:v>1.7044556812710585</c:v>
                </c:pt>
                <c:pt idx="212">
                  <c:v>1.7156393511771644</c:v>
                </c:pt>
                <c:pt idx="213">
                  <c:v>1.7049894634109708</c:v>
                </c:pt>
                <c:pt idx="214">
                  <c:v>1.708275708969111</c:v>
                </c:pt>
                <c:pt idx="215">
                  <c:v>1.7074412096049498</c:v>
                </c:pt>
                <c:pt idx="216">
                  <c:v>1.7097088012613471</c:v>
                </c:pt>
                <c:pt idx="217">
                  <c:v>1.7171421513443574</c:v>
                </c:pt>
                <c:pt idx="218">
                  <c:v>1.7063533314908528</c:v>
                </c:pt>
                <c:pt idx="219">
                  <c:v>1.7055454335729436</c:v>
                </c:pt>
                <c:pt idx="220">
                  <c:v>1.7057760197191605</c:v>
                </c:pt>
                <c:pt idx="221">
                  <c:v>1.6970709392771579</c:v>
                </c:pt>
                <c:pt idx="222">
                  <c:v>1.7043656595692582</c:v>
                </c:pt>
                <c:pt idx="223">
                  <c:v>1.6973937236068877</c:v>
                </c:pt>
                <c:pt idx="224">
                  <c:v>1.7010906591694201</c:v>
                </c:pt>
                <c:pt idx="225">
                  <c:v>1.6875974398751914</c:v>
                </c:pt>
                <c:pt idx="226">
                  <c:v>1.6866646965425054</c:v>
                </c:pt>
                <c:pt idx="227">
                  <c:v>1.6974327189040874</c:v>
                </c:pt>
                <c:pt idx="228">
                  <c:v>1.7138825676895206</c:v>
                </c:pt>
                <c:pt idx="229">
                  <c:v>1.7160658206787727</c:v>
                </c:pt>
                <c:pt idx="230">
                  <c:v>1.6960719341709771</c:v>
                </c:pt>
                <c:pt idx="231">
                  <c:v>1.701364351744961</c:v>
                </c:pt>
                <c:pt idx="232">
                  <c:v>1.708383384355296</c:v>
                </c:pt>
                <c:pt idx="233">
                  <c:v>1.7068109367732931</c:v>
                </c:pt>
                <c:pt idx="234">
                  <c:v>1.6923477321259588</c:v>
                </c:pt>
                <c:pt idx="235">
                  <c:v>1.6926808547452175</c:v>
                </c:pt>
                <c:pt idx="236">
                  <c:v>1.6942247057747437</c:v>
                </c:pt>
                <c:pt idx="237">
                  <c:v>1.6978391768641099</c:v>
                </c:pt>
                <c:pt idx="238">
                  <c:v>1.7021485501978071</c:v>
                </c:pt>
                <c:pt idx="239">
                  <c:v>1.6909876728867528</c:v>
                </c:pt>
                <c:pt idx="240">
                  <c:v>1.7145715450703718</c:v>
                </c:pt>
                <c:pt idx="241">
                  <c:v>1.7109912931098477</c:v>
                </c:pt>
                <c:pt idx="242">
                  <c:v>1.7124049784378228</c:v>
                </c:pt>
                <c:pt idx="243">
                  <c:v>1.7086665688061675</c:v>
                </c:pt>
                <c:pt idx="244">
                  <c:v>1.706826655810981</c:v>
                </c:pt>
                <c:pt idx="245">
                  <c:v>1.7285533240474322</c:v>
                </c:pt>
                <c:pt idx="246">
                  <c:v>1.7141733093739788</c:v>
                </c:pt>
                <c:pt idx="247">
                  <c:v>1.6846668677043939</c:v>
                </c:pt>
                <c:pt idx="248">
                  <c:v>1.7024586988415733</c:v>
                </c:pt>
                <c:pt idx="249">
                  <c:v>1.7142383015370102</c:v>
                </c:pt>
                <c:pt idx="250">
                  <c:v>1.705904311224256</c:v>
                </c:pt>
                <c:pt idx="251">
                  <c:v>1.7103027389376433</c:v>
                </c:pt>
                <c:pt idx="252">
                  <c:v>1.7050776109206491</c:v>
                </c:pt>
                <c:pt idx="253">
                  <c:v>1.7007189040014616</c:v>
                </c:pt>
                <c:pt idx="254">
                  <c:v>1.6982585123407783</c:v>
                </c:pt>
                <c:pt idx="255">
                  <c:v>1.7064668712884188</c:v>
                </c:pt>
                <c:pt idx="256">
                  <c:v>1.7055675006790436</c:v>
                </c:pt>
                <c:pt idx="257">
                  <c:v>1.7029548762144238</c:v>
                </c:pt>
                <c:pt idx="258">
                  <c:v>1.6879671394780165</c:v>
                </c:pt>
                <c:pt idx="259">
                  <c:v>1.6913865736199987</c:v>
                </c:pt>
                <c:pt idx="260">
                  <c:v>1.6963601970822739</c:v>
                </c:pt>
                <c:pt idx="261">
                  <c:v>1.7032320148858553</c:v>
                </c:pt>
                <c:pt idx="262">
                  <c:v>1.6843148822498151</c:v>
                </c:pt>
                <c:pt idx="263">
                  <c:v>1.6865563561194676</c:v>
                </c:pt>
                <c:pt idx="264">
                  <c:v>1.6972307293097282</c:v>
                </c:pt>
                <c:pt idx="265">
                  <c:v>1.6950138013112888</c:v>
                </c:pt>
                <c:pt idx="266">
                  <c:v>1.6914275035669908</c:v>
                </c:pt>
                <c:pt idx="267">
                  <c:v>1.6895672162823379</c:v>
                </c:pt>
                <c:pt idx="268">
                  <c:v>1.6947639291192478</c:v>
                </c:pt>
                <c:pt idx="269">
                  <c:v>1.6908526705666025</c:v>
                </c:pt>
                <c:pt idx="270">
                  <c:v>1.6855718004343208</c:v>
                </c:pt>
                <c:pt idx="271">
                  <c:v>1.702309307554964</c:v>
                </c:pt>
                <c:pt idx="272">
                  <c:v>1.7142378178744073</c:v>
                </c:pt>
                <c:pt idx="273">
                  <c:v>1.6983135894192132</c:v>
                </c:pt>
                <c:pt idx="274">
                  <c:v>1.6930576279128355</c:v>
                </c:pt>
                <c:pt idx="275">
                  <c:v>1.6984698728982226</c:v>
                </c:pt>
                <c:pt idx="276">
                  <c:v>1.6995890077032305</c:v>
                </c:pt>
                <c:pt idx="277">
                  <c:v>1.7019179640515902</c:v>
                </c:pt>
                <c:pt idx="278">
                  <c:v>1.6834448336812491</c:v>
                </c:pt>
                <c:pt idx="279">
                  <c:v>1.6892253272822717</c:v>
                </c:pt>
                <c:pt idx="280">
                  <c:v>1.6955277532851036</c:v>
                </c:pt>
                <c:pt idx="281">
                  <c:v>1.6940976234261551</c:v>
                </c:pt>
                <c:pt idx="282">
                  <c:v>1.7090105133769387</c:v>
                </c:pt>
                <c:pt idx="283">
                  <c:v>1.6802492748642381</c:v>
                </c:pt>
                <c:pt idx="284">
                  <c:v>1.6987854022882907</c:v>
                </c:pt>
                <c:pt idx="285">
                  <c:v>1.6937677050739619</c:v>
                </c:pt>
                <c:pt idx="286">
                  <c:v>1.6861763786878796</c:v>
                </c:pt>
                <c:pt idx="287">
                  <c:v>1.6846097955172579</c:v>
                </c:pt>
                <c:pt idx="288">
                  <c:v>1.6894118396727209</c:v>
                </c:pt>
                <c:pt idx="289">
                  <c:v>1.7016144657683037</c:v>
                </c:pt>
                <c:pt idx="290">
                  <c:v>1.7071160674155426</c:v>
                </c:pt>
                <c:pt idx="291">
                  <c:v>1.6942227711243323</c:v>
                </c:pt>
                <c:pt idx="292">
                  <c:v>1.7081623505457948</c:v>
                </c:pt>
                <c:pt idx="293">
                  <c:v>1.709038021685154</c:v>
                </c:pt>
                <c:pt idx="294">
                  <c:v>1.6970217266070087</c:v>
                </c:pt>
                <c:pt idx="295">
                  <c:v>1.6858710062112332</c:v>
                </c:pt>
                <c:pt idx="296">
                  <c:v>1.69845753950185</c:v>
                </c:pt>
                <c:pt idx="297">
                  <c:v>1.70245138344486</c:v>
                </c:pt>
                <c:pt idx="298">
                  <c:v>1.7040431775285003</c:v>
                </c:pt>
                <c:pt idx="299">
                  <c:v>1.6951504964548827</c:v>
                </c:pt>
                <c:pt idx="300">
                  <c:v>1.692110314248108</c:v>
                </c:pt>
                <c:pt idx="301">
                  <c:v>1.7119474940756763</c:v>
                </c:pt>
                <c:pt idx="302">
                  <c:v>1.714593370341456</c:v>
                </c:pt>
                <c:pt idx="303">
                  <c:v>1.6900735505673719</c:v>
                </c:pt>
                <c:pt idx="304">
                  <c:v>1.6843038184639054</c:v>
                </c:pt>
                <c:pt idx="305">
                  <c:v>1.6850744139043439</c:v>
                </c:pt>
                <c:pt idx="306">
                  <c:v>1.7056268098061822</c:v>
                </c:pt>
                <c:pt idx="307">
                  <c:v>1.6962620740315666</c:v>
                </c:pt>
                <c:pt idx="308">
                  <c:v>1.6815716084204222</c:v>
                </c:pt>
                <c:pt idx="309">
                  <c:v>1.6818477797666478</c:v>
                </c:pt>
                <c:pt idx="310">
                  <c:v>1.6774861708743196</c:v>
                </c:pt>
                <c:pt idx="311">
                  <c:v>1.6837918616018872</c:v>
                </c:pt>
                <c:pt idx="312">
                  <c:v>1.6921664795701852</c:v>
                </c:pt>
                <c:pt idx="313">
                  <c:v>1.6924638716107892</c:v>
                </c:pt>
                <c:pt idx="314">
                  <c:v>1.6919065713782062</c:v>
                </c:pt>
                <c:pt idx="315">
                  <c:v>1.7004689108934603</c:v>
                </c:pt>
                <c:pt idx="316">
                  <c:v>1.7124757745520884</c:v>
                </c:pt>
                <c:pt idx="317">
                  <c:v>1.6973167607947452</c:v>
                </c:pt>
                <c:pt idx="318">
                  <c:v>1.6854302082119803</c:v>
                </c:pt>
                <c:pt idx="319">
                  <c:v>1.685586612600759</c:v>
                </c:pt>
                <c:pt idx="320">
                  <c:v>1.7022571324521463</c:v>
                </c:pt>
                <c:pt idx="321">
                  <c:v>1.6969207015813033</c:v>
                </c:pt>
                <c:pt idx="322">
                  <c:v>1.6831627979298331</c:v>
                </c:pt>
                <c:pt idx="323">
                  <c:v>1.6934856693163551</c:v>
                </c:pt>
                <c:pt idx="324">
                  <c:v>1.7002021105101957</c:v>
                </c:pt>
                <c:pt idx="325">
                  <c:v>1.6919622530314897</c:v>
                </c:pt>
                <c:pt idx="326">
                  <c:v>1.7000643875840349</c:v>
                </c:pt>
                <c:pt idx="327">
                  <c:v>1.7037002607430818</c:v>
                </c:pt>
                <c:pt idx="328">
                  <c:v>1.6959910416003414</c:v>
                </c:pt>
                <c:pt idx="329">
                  <c:v>1.6891466111921107</c:v>
                </c:pt>
                <c:pt idx="330">
                  <c:v>1.6871221809108425</c:v>
                </c:pt>
                <c:pt idx="331">
                  <c:v>1.7028153395535024</c:v>
                </c:pt>
                <c:pt idx="332">
                  <c:v>1.7102587256407842</c:v>
                </c:pt>
                <c:pt idx="333">
                  <c:v>1.6941472593006177</c:v>
                </c:pt>
                <c:pt idx="334">
                  <c:v>1.6924859387162701</c:v>
                </c:pt>
                <c:pt idx="335">
                  <c:v>1.7001156558199366</c:v>
                </c:pt>
                <c:pt idx="336">
                  <c:v>1.6927887115056524</c:v>
                </c:pt>
                <c:pt idx="337">
                  <c:v>1.709886184516298</c:v>
                </c:pt>
                <c:pt idx="338">
                  <c:v>1.7060079963948962</c:v>
                </c:pt>
                <c:pt idx="339">
                  <c:v>1.6844217716850443</c:v>
                </c:pt>
                <c:pt idx="340">
                  <c:v>1.6874316645165177</c:v>
                </c:pt>
                <c:pt idx="341">
                  <c:v>1.6799560544128098</c:v>
                </c:pt>
                <c:pt idx="342">
                  <c:v>1.6958727860939453</c:v>
                </c:pt>
                <c:pt idx="343">
                  <c:v>1.6939092973000167</c:v>
                </c:pt>
                <c:pt idx="344">
                  <c:v>1.695561730582644</c:v>
                </c:pt>
                <c:pt idx="345">
                  <c:v>1.7037534636293949</c:v>
                </c:pt>
                <c:pt idx="346">
                  <c:v>1.6959565201825275</c:v>
                </c:pt>
                <c:pt idx="347">
                  <c:v>1.7015776469528168</c:v>
                </c:pt>
                <c:pt idx="348">
                  <c:v>1.6848472738552558</c:v>
                </c:pt>
                <c:pt idx="349">
                  <c:v>1.6825666233085816</c:v>
                </c:pt>
                <c:pt idx="350">
                  <c:v>1.6974873123205385</c:v>
                </c:pt>
                <c:pt idx="351">
                  <c:v>1.6847253304253822</c:v>
                </c:pt>
                <c:pt idx="352">
                  <c:v>1.6774707541249845</c:v>
                </c:pt>
                <c:pt idx="353">
                  <c:v>1.6798506764255361</c:v>
                </c:pt>
                <c:pt idx="354">
                  <c:v>1.6810311759187919</c:v>
                </c:pt>
                <c:pt idx="355">
                  <c:v>1.6868590684548939</c:v>
                </c:pt>
                <c:pt idx="356">
                  <c:v>1.6978503011039754</c:v>
                </c:pt>
                <c:pt idx="357">
                  <c:v>1.6914768976126282</c:v>
                </c:pt>
                <c:pt idx="358">
                  <c:v>1.6863114414743678</c:v>
                </c:pt>
                <c:pt idx="359">
                  <c:v>1.6887168165124296</c:v>
                </c:pt>
                <c:pt idx="360">
                  <c:v>1.688718751162841</c:v>
                </c:pt>
                <c:pt idx="361">
                  <c:v>1.6852854721734352</c:v>
                </c:pt>
                <c:pt idx="362">
                  <c:v>1.6809964731316809</c:v>
                </c:pt>
                <c:pt idx="363">
                  <c:v>1.6909849522853857</c:v>
                </c:pt>
                <c:pt idx="364">
                  <c:v>1.6906593264395666</c:v>
                </c:pt>
                <c:pt idx="365">
                  <c:v>1.7037513476053527</c:v>
                </c:pt>
                <c:pt idx="366">
                  <c:v>1.6829694538027973</c:v>
                </c:pt>
                <c:pt idx="367">
                  <c:v>1.6960694554002922</c:v>
                </c:pt>
                <c:pt idx="368">
                  <c:v>1.6869894759834125</c:v>
                </c:pt>
                <c:pt idx="369">
                  <c:v>1.6849641388308949</c:v>
                </c:pt>
                <c:pt idx="370">
                  <c:v>1.7008274257981302</c:v>
                </c:pt>
                <c:pt idx="371">
                  <c:v>1.6950265579125936</c:v>
                </c:pt>
                <c:pt idx="372">
                  <c:v>1.6811470131152693</c:v>
                </c:pt>
                <c:pt idx="373">
                  <c:v>1.6818887097136399</c:v>
                </c:pt>
                <c:pt idx="374">
                  <c:v>1.6862456029002337</c:v>
                </c:pt>
                <c:pt idx="375">
                  <c:v>1.6856191389154438</c:v>
                </c:pt>
                <c:pt idx="376">
                  <c:v>1.6846525392005582</c:v>
                </c:pt>
                <c:pt idx="377">
                  <c:v>1.6833457433078123</c:v>
                </c:pt>
                <c:pt idx="378">
                  <c:v>1.6901252420119204</c:v>
                </c:pt>
                <c:pt idx="379">
                  <c:v>1.6945008166632989</c:v>
                </c:pt>
                <c:pt idx="380">
                  <c:v>1.6968165327480602</c:v>
                </c:pt>
                <c:pt idx="381">
                  <c:v>1.6917412192219885</c:v>
                </c:pt>
                <c:pt idx="382">
                  <c:v>1.6839180370810836</c:v>
                </c:pt>
                <c:pt idx="383">
                  <c:v>1.6797097492338577</c:v>
                </c:pt>
                <c:pt idx="384">
                  <c:v>1.6744733156070819</c:v>
                </c:pt>
                <c:pt idx="385">
                  <c:v>1.6821380982424592</c:v>
                </c:pt>
                <c:pt idx="386">
                  <c:v>1.6961692712694905</c:v>
                </c:pt>
                <c:pt idx="387">
                  <c:v>1.6823449849223746</c:v>
                </c:pt>
                <c:pt idx="388">
                  <c:v>1.6848612396167824</c:v>
                </c:pt>
                <c:pt idx="389">
                  <c:v>1.6832537264991685</c:v>
                </c:pt>
                <c:pt idx="390">
                  <c:v>1.6732232291467812</c:v>
                </c:pt>
                <c:pt idx="391">
                  <c:v>1.6828005950942566</c:v>
                </c:pt>
                <c:pt idx="392">
                  <c:v>1.6763881963057097</c:v>
                </c:pt>
                <c:pt idx="393">
                  <c:v>1.687004106775601</c:v>
                </c:pt>
                <c:pt idx="394">
                  <c:v>1.6840378040323396</c:v>
                </c:pt>
                <c:pt idx="395">
                  <c:v>1.6771196150753176</c:v>
                </c:pt>
                <c:pt idx="396">
                  <c:v>1.6884335111412641</c:v>
                </c:pt>
                <c:pt idx="397">
                  <c:v>1.688228619571907</c:v>
                </c:pt>
                <c:pt idx="398">
                  <c:v>1.6768490663122668</c:v>
                </c:pt>
                <c:pt idx="399">
                  <c:v>1.6885165801948507</c:v>
                </c:pt>
                <c:pt idx="400">
                  <c:v>1.6878055961686655</c:v>
                </c:pt>
                <c:pt idx="401">
                  <c:v>1.6797030988715207</c:v>
                </c:pt>
                <c:pt idx="402">
                  <c:v>1.6812340119236349</c:v>
                </c:pt>
                <c:pt idx="403">
                  <c:v>1.6800166331522688</c:v>
                </c:pt>
                <c:pt idx="404">
                  <c:v>1.6820697204473987</c:v>
                </c:pt>
                <c:pt idx="405">
                  <c:v>1.673979737917781</c:v>
                </c:pt>
                <c:pt idx="406">
                  <c:v>1.6803382687831621</c:v>
                </c:pt>
                <c:pt idx="407">
                  <c:v>1.6865278200258995</c:v>
                </c:pt>
                <c:pt idx="408">
                  <c:v>1.6916886209185722</c:v>
                </c:pt>
                <c:pt idx="409">
                  <c:v>1.6820630700850618</c:v>
                </c:pt>
                <c:pt idx="410">
                  <c:v>1.6844783602095772</c:v>
                </c:pt>
                <c:pt idx="411">
                  <c:v>1.6819095072055623</c:v>
                </c:pt>
                <c:pt idx="412">
                  <c:v>1.6869101553165455</c:v>
                </c:pt>
                <c:pt idx="413">
                  <c:v>1.6781562854074688</c:v>
                </c:pt>
                <c:pt idx="414">
                  <c:v>1.6905573945444687</c:v>
                </c:pt>
                <c:pt idx="415">
                  <c:v>1.6910955296471877</c:v>
                </c:pt>
                <c:pt idx="416">
                  <c:v>1.687681294879734</c:v>
                </c:pt>
                <c:pt idx="417">
                  <c:v>1.6839258361428759</c:v>
                </c:pt>
                <c:pt idx="418">
                  <c:v>1.6858482740688994</c:v>
                </c:pt>
                <c:pt idx="419">
                  <c:v>1.6891490899652719</c:v>
                </c:pt>
                <c:pt idx="420">
                  <c:v>1.6909050270418129</c:v>
                </c:pt>
                <c:pt idx="421">
                  <c:v>1.6885364103615677</c:v>
                </c:pt>
                <c:pt idx="422">
                  <c:v>1.6928772822221205</c:v>
                </c:pt>
                <c:pt idx="423">
                  <c:v>1.6865587139785256</c:v>
                </c:pt>
                <c:pt idx="424">
                  <c:v>1.6768034811073054</c:v>
                </c:pt>
                <c:pt idx="425">
                  <c:v>1.6744454445441759</c:v>
                </c:pt>
                <c:pt idx="426">
                  <c:v>1.6867075006859527</c:v>
                </c:pt>
                <c:pt idx="427">
                  <c:v>1.6819471119744815</c:v>
                </c:pt>
                <c:pt idx="428">
                  <c:v>1.6768453783795032</c:v>
                </c:pt>
                <c:pt idx="429">
                  <c:v>1.6636636378015079</c:v>
                </c:pt>
                <c:pt idx="430">
                  <c:v>1.6809228959559013</c:v>
                </c:pt>
                <c:pt idx="431">
                  <c:v>1.6840832078630512</c:v>
                </c:pt>
                <c:pt idx="432">
                  <c:v>1.6831187241728272</c:v>
                </c:pt>
                <c:pt idx="433">
                  <c:v>1.6866278777307329</c:v>
                </c:pt>
                <c:pt idx="434">
                  <c:v>1.687731898078783</c:v>
                </c:pt>
                <c:pt idx="435">
                  <c:v>1.68849433171512</c:v>
                </c:pt>
                <c:pt idx="436">
                  <c:v>1.6861636825461026</c:v>
                </c:pt>
                <c:pt idx="437">
                  <c:v>1.6869308923483211</c:v>
                </c:pt>
                <c:pt idx="438">
                  <c:v>1.6870125104140994</c:v>
                </c:pt>
                <c:pt idx="439">
                  <c:v>1.6721351696646249</c:v>
                </c:pt>
                <c:pt idx="440">
                  <c:v>1.6863228075424392</c:v>
                </c:pt>
                <c:pt idx="441">
                  <c:v>1.6919142495197048</c:v>
                </c:pt>
                <c:pt idx="442">
                  <c:v>1.6727444031699625</c:v>
                </c:pt>
                <c:pt idx="443">
                  <c:v>1.6826395354475085</c:v>
                </c:pt>
                <c:pt idx="444">
                  <c:v>1.6915049500435932</c:v>
                </c:pt>
                <c:pt idx="445">
                  <c:v>1.6723416935960407</c:v>
                </c:pt>
                <c:pt idx="446">
                  <c:v>1.6774281313619779</c:v>
                </c:pt>
                <c:pt idx="447">
                  <c:v>1.6890515714875558</c:v>
                </c:pt>
                <c:pt idx="448">
                  <c:v>1.6894990198553363</c:v>
                </c:pt>
                <c:pt idx="449">
                  <c:v>1.6772228770441209</c:v>
                </c:pt>
                <c:pt idx="450">
                  <c:v>1.6845533279130185</c:v>
                </c:pt>
                <c:pt idx="451">
                  <c:v>1.6829432755620966</c:v>
                </c:pt>
                <c:pt idx="452">
                  <c:v>1.6801315030235404</c:v>
                </c:pt>
                <c:pt idx="453">
                  <c:v>1.6781815567831107</c:v>
                </c:pt>
                <c:pt idx="454">
                  <c:v>1.6776092630036488</c:v>
                </c:pt>
                <c:pt idx="455">
                  <c:v>1.6852933921493307</c:v>
                </c:pt>
                <c:pt idx="456">
                  <c:v>1.6785340863604392</c:v>
                </c:pt>
                <c:pt idx="457">
                  <c:v>1.6648978238498708</c:v>
                </c:pt>
                <c:pt idx="458">
                  <c:v>1.6693202533160549</c:v>
                </c:pt>
                <c:pt idx="459">
                  <c:v>1.6859541961789228</c:v>
                </c:pt>
                <c:pt idx="460">
                  <c:v>1.6774826038618498</c:v>
                </c:pt>
                <c:pt idx="461">
                  <c:v>1.6764074218957206</c:v>
                </c:pt>
                <c:pt idx="462">
                  <c:v>1.6825566477681719</c:v>
                </c:pt>
                <c:pt idx="463">
                  <c:v>1.6794213049483109</c:v>
                </c:pt>
                <c:pt idx="464">
                  <c:v>1.6848861482377335</c:v>
                </c:pt>
                <c:pt idx="465">
                  <c:v>1.675219365168878</c:v>
                </c:pt>
                <c:pt idx="466">
                  <c:v>1.6889420823712533</c:v>
                </c:pt>
                <c:pt idx="467">
                  <c:v>1.6928641628716967</c:v>
                </c:pt>
                <c:pt idx="468">
                  <c:v>1.6813106724492817</c:v>
                </c:pt>
                <c:pt idx="469">
                  <c:v>1.6769815294053001</c:v>
                </c:pt>
                <c:pt idx="470">
                  <c:v>1.6729978423738543</c:v>
                </c:pt>
                <c:pt idx="471">
                  <c:v>1.6827732077001443</c:v>
                </c:pt>
                <c:pt idx="472">
                  <c:v>1.6868751502348907</c:v>
                </c:pt>
                <c:pt idx="473">
                  <c:v>1.6742976251619546</c:v>
                </c:pt>
                <c:pt idx="474">
                  <c:v>1.6813260287322789</c:v>
                </c:pt>
                <c:pt idx="475">
                  <c:v>1.6885278253488194</c:v>
                </c:pt>
                <c:pt idx="476">
                  <c:v>1.6757826507269451</c:v>
                </c:pt>
                <c:pt idx="477">
                  <c:v>1.6838471805128619</c:v>
                </c:pt>
                <c:pt idx="478">
                  <c:v>1.684862327856091</c:v>
                </c:pt>
                <c:pt idx="479">
                  <c:v>1.6845031479164254</c:v>
                </c:pt>
                <c:pt idx="480">
                  <c:v>1.6932595570526197</c:v>
                </c:pt>
                <c:pt idx="481">
                  <c:v>1.6779417205860545</c:v>
                </c:pt>
                <c:pt idx="482">
                  <c:v>1.6645167581789742</c:v>
                </c:pt>
                <c:pt idx="483">
                  <c:v>1.674652875346841</c:v>
                </c:pt>
                <c:pt idx="484">
                  <c:v>1.6736122147997641</c:v>
                </c:pt>
                <c:pt idx="485">
                  <c:v>1.678591702670325</c:v>
                </c:pt>
                <c:pt idx="486">
                  <c:v>1.6803050169776685</c:v>
                </c:pt>
                <c:pt idx="487">
                  <c:v>1.6863186359532636</c:v>
                </c:pt>
                <c:pt idx="488">
                  <c:v>1.6825312554846177</c:v>
                </c:pt>
                <c:pt idx="489">
                  <c:v>1.6845919000009524</c:v>
                </c:pt>
                <c:pt idx="490">
                  <c:v>1.6897490734210083</c:v>
                </c:pt>
                <c:pt idx="491">
                  <c:v>1.6825256329076335</c:v>
                </c:pt>
                <c:pt idx="492">
                  <c:v>1.6818380460606348</c:v>
                </c:pt>
                <c:pt idx="493">
                  <c:v>1.6753044897869791</c:v>
                </c:pt>
                <c:pt idx="494">
                  <c:v>1.6811537239315624</c:v>
                </c:pt>
                <c:pt idx="495">
                  <c:v>1.669291233559884</c:v>
                </c:pt>
                <c:pt idx="496">
                  <c:v>1.6818492307544564</c:v>
                </c:pt>
                <c:pt idx="497">
                  <c:v>1.6907968075328781</c:v>
                </c:pt>
                <c:pt idx="498">
                  <c:v>1.6890832513911378</c:v>
                </c:pt>
                <c:pt idx="499">
                  <c:v>1.6937334254831158</c:v>
                </c:pt>
                <c:pt idx="500">
                  <c:v>1.6930534563236597</c:v>
                </c:pt>
                <c:pt idx="501">
                  <c:v>1.6990811015122611</c:v>
                </c:pt>
                <c:pt idx="502">
                  <c:v>1.6884285536011328</c:v>
                </c:pt>
                <c:pt idx="503">
                  <c:v>1.6801844036215006</c:v>
                </c:pt>
                <c:pt idx="504">
                  <c:v>1.6932651796296039</c:v>
                </c:pt>
                <c:pt idx="505">
                  <c:v>1.6944808051229512</c:v>
                </c:pt>
                <c:pt idx="506">
                  <c:v>1.6807358999028492</c:v>
                </c:pt>
                <c:pt idx="507">
                  <c:v>1.6802333139983443</c:v>
                </c:pt>
                <c:pt idx="508">
                  <c:v>1.6706170736745818</c:v>
                </c:pt>
                <c:pt idx="509">
                  <c:v>1.6749309208833314</c:v>
                </c:pt>
                <c:pt idx="510">
                  <c:v>1.6630804011626212</c:v>
                </c:pt>
                <c:pt idx="511">
                  <c:v>1.6768537820180014</c:v>
                </c:pt>
                <c:pt idx="512">
                  <c:v>1.6822013371293292</c:v>
                </c:pt>
                <c:pt idx="513">
                  <c:v>1.6595184679270492</c:v>
                </c:pt>
                <c:pt idx="514">
                  <c:v>1.6543769530845343</c:v>
                </c:pt>
                <c:pt idx="515">
                  <c:v>1.6865532727757915</c:v>
                </c:pt>
                <c:pt idx="516">
                  <c:v>1.6860560071599175</c:v>
                </c:pt>
                <c:pt idx="517">
                  <c:v>1.6843553889881602</c:v>
                </c:pt>
                <c:pt idx="518">
                  <c:v>1.6749165923794958</c:v>
                </c:pt>
                <c:pt idx="519">
                  <c:v>1.6714971582375135</c:v>
                </c:pt>
                <c:pt idx="520">
                  <c:v>1.682695458935189</c:v>
                </c:pt>
                <c:pt idx="521">
                  <c:v>1.6861555207420011</c:v>
                </c:pt>
                <c:pt idx="522">
                  <c:v>1.679641855095209</c:v>
                </c:pt>
                <c:pt idx="523">
                  <c:v>1.6827586373619119</c:v>
                </c:pt>
                <c:pt idx="524">
                  <c:v>1.683812175431207</c:v>
                </c:pt>
                <c:pt idx="525">
                  <c:v>1.6898531213407673</c:v>
                </c:pt>
                <c:pt idx="526">
                  <c:v>1.6878117024082526</c:v>
                </c:pt>
                <c:pt idx="527">
                  <c:v>1.67906381782466</c:v>
                </c:pt>
                <c:pt idx="528">
                  <c:v>1.6835577084419624</c:v>
                </c:pt>
                <c:pt idx="529">
                  <c:v>1.6865040601044039</c:v>
                </c:pt>
                <c:pt idx="530">
                  <c:v>1.6806801577894188</c:v>
                </c:pt>
                <c:pt idx="531">
                  <c:v>1.6930851362272417</c:v>
                </c:pt>
                <c:pt idx="532">
                  <c:v>1.6884652514988021</c:v>
                </c:pt>
                <c:pt idx="533">
                  <c:v>1.672495558763893</c:v>
                </c:pt>
                <c:pt idx="534">
                  <c:v>1.6561820423723157</c:v>
                </c:pt>
                <c:pt idx="535">
                  <c:v>1.6692752122400341</c:v>
                </c:pt>
                <c:pt idx="536">
                  <c:v>1.6777252211142291</c:v>
                </c:pt>
                <c:pt idx="537">
                  <c:v>1.681360066488728</c:v>
                </c:pt>
                <c:pt idx="538">
                  <c:v>1.6813836450421646</c:v>
                </c:pt>
                <c:pt idx="539">
                  <c:v>1.6753882843313748</c:v>
                </c:pt>
                <c:pt idx="540">
                  <c:v>1.6877934441434475</c:v>
                </c:pt>
                <c:pt idx="541">
                  <c:v>1.6807660078983289</c:v>
                </c:pt>
                <c:pt idx="542">
                  <c:v>1.6902475481902937</c:v>
                </c:pt>
                <c:pt idx="543">
                  <c:v>1.693366023279202</c:v>
                </c:pt>
                <c:pt idx="544">
                  <c:v>1.6935609393081494</c:v>
                </c:pt>
                <c:pt idx="545">
                  <c:v>1.6865328984863248</c:v>
                </c:pt>
                <c:pt idx="546">
                  <c:v>1.6862114442296814</c:v>
                </c:pt>
                <c:pt idx="547">
                  <c:v>1.6790110986009497</c:v>
                </c:pt>
                <c:pt idx="548">
                  <c:v>1.6879755431165149</c:v>
                </c:pt>
                <c:pt idx="549">
                  <c:v>1.6816343636446893</c:v>
                </c:pt>
                <c:pt idx="550">
                  <c:v>1.6795921587612188</c:v>
                </c:pt>
                <c:pt idx="551">
                  <c:v>1.6957784114287195</c:v>
                </c:pt>
                <c:pt idx="552">
                  <c:v>1.6801499426564046</c:v>
                </c:pt>
                <c:pt idx="553">
                  <c:v>1.6884248656745597</c:v>
                </c:pt>
                <c:pt idx="554">
                  <c:v>1.7065016345418678</c:v>
                </c:pt>
                <c:pt idx="555">
                  <c:v>1.6949992914332033</c:v>
                </c:pt>
                <c:pt idx="556">
                  <c:v>1.6845282983717735</c:v>
                </c:pt>
                <c:pt idx="557">
                  <c:v>1.675776544487358</c:v>
                </c:pt>
                <c:pt idx="558">
                  <c:v>1.6904121143893647</c:v>
                </c:pt>
                <c:pt idx="559">
                  <c:v>1.6969645335045314</c:v>
                </c:pt>
                <c:pt idx="560">
                  <c:v>1.6830521601078841</c:v>
                </c:pt>
                <c:pt idx="561">
                  <c:v>1.6808331765399775</c:v>
                </c:pt>
                <c:pt idx="562">
                  <c:v>1.6851483538286236</c:v>
                </c:pt>
                <c:pt idx="563">
                  <c:v>1.6837879318409177</c:v>
                </c:pt>
                <c:pt idx="564">
                  <c:v>1.6829428523596406</c:v>
                </c:pt>
                <c:pt idx="565">
                  <c:v>1.6810652741353882</c:v>
                </c:pt>
                <c:pt idx="566">
                  <c:v>1.6931164533761329</c:v>
                </c:pt>
                <c:pt idx="567">
                  <c:v>1.6821231651619177</c:v>
                </c:pt>
                <c:pt idx="568">
                  <c:v>1.6819631937544783</c:v>
                </c:pt>
                <c:pt idx="569">
                  <c:v>1.6969356951219914</c:v>
                </c:pt>
                <c:pt idx="570">
                  <c:v>1.6926469379090623</c:v>
                </c:pt>
                <c:pt idx="571">
                  <c:v>1.6971277696329923</c:v>
                </c:pt>
                <c:pt idx="572">
                  <c:v>1.69455710289886</c:v>
                </c:pt>
                <c:pt idx="573">
                  <c:v>1.6875143708216047</c:v>
                </c:pt>
                <c:pt idx="574">
                  <c:v>1.6933683811382603</c:v>
                </c:pt>
                <c:pt idx="575">
                  <c:v>1.694750386566368</c:v>
                </c:pt>
                <c:pt idx="576">
                  <c:v>1.6837497224952926</c:v>
                </c:pt>
                <c:pt idx="577">
                  <c:v>1.6837540754587184</c:v>
                </c:pt>
                <c:pt idx="578">
                  <c:v>1.6832415744739502</c:v>
                </c:pt>
                <c:pt idx="579">
                  <c:v>1.6841038844346798</c:v>
                </c:pt>
                <c:pt idx="580">
                  <c:v>1.6873727181391174</c:v>
                </c:pt>
                <c:pt idx="581">
                  <c:v>1.6796345396960195</c:v>
                </c:pt>
                <c:pt idx="582">
                  <c:v>1.6820414261820367</c:v>
                </c:pt>
                <c:pt idx="583">
                  <c:v>1.6906381661991443</c:v>
                </c:pt>
                <c:pt idx="584">
                  <c:v>1.6923550475251485</c:v>
                </c:pt>
                <c:pt idx="585">
                  <c:v>1.6825488487125702</c:v>
                </c:pt>
                <c:pt idx="586">
                  <c:v>1.6864989816439786</c:v>
                </c:pt>
                <c:pt idx="587">
                  <c:v>1.6868366990610597</c:v>
                </c:pt>
                <c:pt idx="588">
                  <c:v>1.6830459329480032</c:v>
                </c:pt>
                <c:pt idx="589">
                  <c:v>1.680113788881485</c:v>
                </c:pt>
                <c:pt idx="590">
                  <c:v>1.6804477579056554</c:v>
                </c:pt>
                <c:pt idx="591">
                  <c:v>1.6916145600801895</c:v>
                </c:pt>
                <c:pt idx="592">
                  <c:v>1.6928058815311491</c:v>
                </c:pt>
                <c:pt idx="593">
                  <c:v>1.6869450999380535</c:v>
                </c:pt>
                <c:pt idx="594">
                  <c:v>1.709629903796936</c:v>
                </c:pt>
                <c:pt idx="595">
                  <c:v>1.7065179581500707</c:v>
                </c:pt>
                <c:pt idx="596">
                  <c:v>1.7039205690586787</c:v>
                </c:pt>
                <c:pt idx="597">
                  <c:v>1.6918634649464059</c:v>
                </c:pt>
                <c:pt idx="598">
                  <c:v>1.6954541156535106</c:v>
                </c:pt>
                <c:pt idx="599">
                  <c:v>1.7141766345520517</c:v>
                </c:pt>
                <c:pt idx="600">
                  <c:v>1.68698185829587</c:v>
                </c:pt>
                <c:pt idx="601">
                  <c:v>1.6967589164406509</c:v>
                </c:pt>
                <c:pt idx="602">
                  <c:v>1.6970762595657891</c:v>
                </c:pt>
                <c:pt idx="603">
                  <c:v>1.6967040811928984</c:v>
                </c:pt>
                <c:pt idx="604">
                  <c:v>1.7026932752039541</c:v>
                </c:pt>
                <c:pt idx="605">
                  <c:v>1.6950952984598686</c:v>
                </c:pt>
                <c:pt idx="606">
                  <c:v>1.69403045478203</c:v>
                </c:pt>
                <c:pt idx="607">
                  <c:v>1.7041420260731122</c:v>
                </c:pt>
                <c:pt idx="608">
                  <c:v>1.6980868121167676</c:v>
                </c:pt>
                <c:pt idx="609">
                  <c:v>1.6930617390480551</c:v>
                </c:pt>
                <c:pt idx="610">
                  <c:v>1.6921621870607155</c:v>
                </c:pt>
                <c:pt idx="611">
                  <c:v>1.692464778475848</c:v>
                </c:pt>
                <c:pt idx="612">
                  <c:v>1.6963768834420723</c:v>
                </c:pt>
                <c:pt idx="613">
                  <c:v>1.6798229262829238</c:v>
                </c:pt>
                <c:pt idx="614">
                  <c:v>1.6907821767406896</c:v>
                </c:pt>
                <c:pt idx="615">
                  <c:v>1.696752447453183</c:v>
                </c:pt>
                <c:pt idx="616">
                  <c:v>1.6954983103240004</c:v>
                </c:pt>
                <c:pt idx="617">
                  <c:v>1.6987133365604663</c:v>
                </c:pt>
                <c:pt idx="618">
                  <c:v>1.706225765483995</c:v>
                </c:pt>
                <c:pt idx="619">
                  <c:v>1.6998067767901626</c:v>
                </c:pt>
                <c:pt idx="620">
                  <c:v>1.7119585578553949</c:v>
                </c:pt>
                <c:pt idx="621">
                  <c:v>1.7029560853709309</c:v>
                </c:pt>
                <c:pt idx="622">
                  <c:v>1.7108046597991047</c:v>
                </c:pt>
                <c:pt idx="623">
                  <c:v>1.7083330229844529</c:v>
                </c:pt>
                <c:pt idx="624">
                  <c:v>1.7077509954989778</c:v>
                </c:pt>
                <c:pt idx="625">
                  <c:v>1.7008041495349038</c:v>
                </c:pt>
                <c:pt idx="626">
                  <c:v>1.7036573961450592</c:v>
                </c:pt>
                <c:pt idx="627">
                  <c:v>1.6944706482082914</c:v>
                </c:pt>
                <c:pt idx="628">
                  <c:v>1.6871735096007006</c:v>
                </c:pt>
                <c:pt idx="629">
                  <c:v>1.6982748359533149</c:v>
                </c:pt>
                <c:pt idx="630">
                  <c:v>1.6987119460309474</c:v>
                </c:pt>
                <c:pt idx="631">
                  <c:v>1.6998346478476207</c:v>
                </c:pt>
                <c:pt idx="632">
                  <c:v>1.6987196241743034</c:v>
                </c:pt>
                <c:pt idx="633">
                  <c:v>1.7053409652078995</c:v>
                </c:pt>
                <c:pt idx="634">
                  <c:v>1.7055971250137776</c:v>
                </c:pt>
                <c:pt idx="635">
                  <c:v>1.7055069823960172</c:v>
                </c:pt>
                <c:pt idx="636">
                  <c:v>1.7033509958861557</c:v>
                </c:pt>
                <c:pt idx="637">
                  <c:v>1.7042880921791719</c:v>
                </c:pt>
                <c:pt idx="638">
                  <c:v>1.7052228306168444</c:v>
                </c:pt>
                <c:pt idx="639">
                  <c:v>1.6894741716883412</c:v>
                </c:pt>
                <c:pt idx="640">
                  <c:v>1.7029578386477116</c:v>
                </c:pt>
                <c:pt idx="641">
                  <c:v>1.7049170953941746</c:v>
                </c:pt>
                <c:pt idx="642">
                  <c:v>1.7042943797930088</c:v>
                </c:pt>
                <c:pt idx="643">
                  <c:v>1.7021214650920478</c:v>
                </c:pt>
                <c:pt idx="644">
                  <c:v>1.7138755545848749</c:v>
                </c:pt>
                <c:pt idx="645">
                  <c:v>1.7079142920844903</c:v>
                </c:pt>
                <c:pt idx="646">
                  <c:v>1.7029822636091552</c:v>
                </c:pt>
                <c:pt idx="647">
                  <c:v>1.6982196984165903</c:v>
                </c:pt>
                <c:pt idx="648">
                  <c:v>1.7011930142675928</c:v>
                </c:pt>
                <c:pt idx="649">
                  <c:v>1.6984888566550747</c:v>
                </c:pt>
                <c:pt idx="650">
                  <c:v>1.7030046330048465</c:v>
                </c:pt>
                <c:pt idx="651">
                  <c:v>1.7047663135774274</c:v>
                </c:pt>
                <c:pt idx="652">
                  <c:v>1.7008503393134757</c:v>
                </c:pt>
                <c:pt idx="653">
                  <c:v>1.6998550221347966</c:v>
                </c:pt>
                <c:pt idx="654">
                  <c:v>1.7072835355964215</c:v>
                </c:pt>
                <c:pt idx="655">
                  <c:v>1.7085183866754463</c:v>
                </c:pt>
                <c:pt idx="656">
                  <c:v>1.7075149681487884</c:v>
                </c:pt>
                <c:pt idx="657">
                  <c:v>1.7125277078248429</c:v>
                </c:pt>
                <c:pt idx="658">
                  <c:v>1.711002901012316</c:v>
                </c:pt>
                <c:pt idx="659">
                  <c:v>1.7034565552489174</c:v>
                </c:pt>
                <c:pt idx="660">
                  <c:v>1.7022702518000938</c:v>
                </c:pt>
                <c:pt idx="661">
                  <c:v>1.7182781538843421</c:v>
                </c:pt>
                <c:pt idx="662">
                  <c:v>1.7191501370971287</c:v>
                </c:pt>
                <c:pt idx="663">
                  <c:v>1.7021347053553362</c:v>
                </c:pt>
                <c:pt idx="664">
                  <c:v>1.69990586716589</c:v>
                </c:pt>
                <c:pt idx="665">
                  <c:v>1.7133236350948793</c:v>
                </c:pt>
                <c:pt idx="666">
                  <c:v>1.7011152655044948</c:v>
                </c:pt>
                <c:pt idx="667">
                  <c:v>1.7157313679919992</c:v>
                </c:pt>
                <c:pt idx="668">
                  <c:v>1.7126320580329548</c:v>
                </c:pt>
                <c:pt idx="669">
                  <c:v>1.7036831511783512</c:v>
                </c:pt>
                <c:pt idx="670">
                  <c:v>1.7086610671432862</c:v>
                </c:pt>
                <c:pt idx="671">
                  <c:v>1.7177636577890159</c:v>
                </c:pt>
                <c:pt idx="672">
                  <c:v>1.7115583270546344</c:v>
                </c:pt>
                <c:pt idx="673">
                  <c:v>1.7048344495467582</c:v>
                </c:pt>
                <c:pt idx="674">
                  <c:v>1.7130692285657818</c:v>
                </c:pt>
                <c:pt idx="675">
                  <c:v>1.7075439879049594</c:v>
                </c:pt>
                <c:pt idx="676">
                  <c:v>1.7135379580880876</c:v>
                </c:pt>
                <c:pt idx="677">
                  <c:v>1.716089943348768</c:v>
                </c:pt>
                <c:pt idx="678">
                  <c:v>1.698862969678377</c:v>
                </c:pt>
                <c:pt idx="679">
                  <c:v>1.7046771987431624</c:v>
                </c:pt>
                <c:pt idx="680">
                  <c:v>1.7128963796423153</c:v>
                </c:pt>
                <c:pt idx="681">
                  <c:v>1.7245524065427249</c:v>
                </c:pt>
                <c:pt idx="682">
                  <c:v>1.7233081240336583</c:v>
                </c:pt>
                <c:pt idx="683">
                  <c:v>1.7165583705827208</c:v>
                </c:pt>
                <c:pt idx="684">
                  <c:v>1.716684727436167</c:v>
                </c:pt>
                <c:pt idx="685">
                  <c:v>1.724891030818674</c:v>
                </c:pt>
                <c:pt idx="686">
                  <c:v>1.7098790504975492</c:v>
                </c:pt>
                <c:pt idx="687">
                  <c:v>1.7019152434496039</c:v>
                </c:pt>
                <c:pt idx="688">
                  <c:v>1.7137253168834485</c:v>
                </c:pt>
                <c:pt idx="689">
                  <c:v>1.7257047931510596</c:v>
                </c:pt>
                <c:pt idx="690">
                  <c:v>1.7148099302734285</c:v>
                </c:pt>
                <c:pt idx="691">
                  <c:v>1.7044284147916682</c:v>
                </c:pt>
                <c:pt idx="692">
                  <c:v>1.7212154368714327</c:v>
                </c:pt>
                <c:pt idx="693">
                  <c:v>1.7271659378742608</c:v>
                </c:pt>
                <c:pt idx="694">
                  <c:v>1.7081783718656449</c:v>
                </c:pt>
                <c:pt idx="695">
                  <c:v>1.7093087518286454</c:v>
                </c:pt>
                <c:pt idx="696">
                  <c:v>1.7171434814180628</c:v>
                </c:pt>
                <c:pt idx="697">
                  <c:v>1.7170650071561078</c:v>
                </c:pt>
                <c:pt idx="698">
                  <c:v>1.7130288427353486</c:v>
                </c:pt>
                <c:pt idx="699">
                  <c:v>1.7182764610621368</c:v>
                </c:pt>
                <c:pt idx="700">
                  <c:v>1.7243814922696699</c:v>
                </c:pt>
                <c:pt idx="701">
                  <c:v>1.7105356829379657</c:v>
                </c:pt>
                <c:pt idx="702">
                  <c:v>1.7207630309635207</c:v>
                </c:pt>
                <c:pt idx="703">
                  <c:v>1.7199819158599228</c:v>
                </c:pt>
                <c:pt idx="704">
                  <c:v>1.7276248732242157</c:v>
                </c:pt>
                <c:pt idx="705">
                  <c:v>1.7254630827637392</c:v>
                </c:pt>
                <c:pt idx="706">
                  <c:v>1.726222312136106</c:v>
                </c:pt>
                <c:pt idx="707">
                  <c:v>1.718724695380873</c:v>
                </c:pt>
                <c:pt idx="708">
                  <c:v>1.7175874232273296</c:v>
                </c:pt>
                <c:pt idx="709">
                  <c:v>1.7131803500503335</c:v>
                </c:pt>
                <c:pt idx="710">
                  <c:v>1.7170253468226744</c:v>
                </c:pt>
                <c:pt idx="711">
                  <c:v>1.7304981918336275</c:v>
                </c:pt>
                <c:pt idx="712">
                  <c:v>1.7236763424186015</c:v>
                </c:pt>
                <c:pt idx="713">
                  <c:v>1.7189156816488507</c:v>
                </c:pt>
                <c:pt idx="714">
                  <c:v>1.7165602145429117</c:v>
                </c:pt>
                <c:pt idx="715">
                  <c:v>1.7258962026214932</c:v>
                </c:pt>
                <c:pt idx="716">
                  <c:v>1.7213003498852104</c:v>
                </c:pt>
                <c:pt idx="717">
                  <c:v>1.7261604335468241</c:v>
                </c:pt>
                <c:pt idx="718">
                  <c:v>1.7339415975014285</c:v>
                </c:pt>
                <c:pt idx="719">
                  <c:v>1.7234916739945343</c:v>
                </c:pt>
                <c:pt idx="720">
                  <c:v>1.7250772409207702</c:v>
                </c:pt>
                <c:pt idx="721">
                  <c:v>1.7244248707597498</c:v>
                </c:pt>
                <c:pt idx="722">
                  <c:v>1.7179231757577349</c:v>
                </c:pt>
                <c:pt idx="723">
                  <c:v>1.7239728880542937</c:v>
                </c:pt>
                <c:pt idx="724">
                  <c:v>1.7303642172926388</c:v>
                </c:pt>
                <c:pt idx="725">
                  <c:v>1.721619899721516</c:v>
                </c:pt>
                <c:pt idx="726">
                  <c:v>1.7250830448720043</c:v>
                </c:pt>
                <c:pt idx="727">
                  <c:v>1.7299197011305489</c:v>
                </c:pt>
                <c:pt idx="728">
                  <c:v>1.7361297173467825</c:v>
                </c:pt>
                <c:pt idx="729">
                  <c:v>1.7321912830018718</c:v>
                </c:pt>
                <c:pt idx="730">
                  <c:v>1.723951334841489</c:v>
                </c:pt>
                <c:pt idx="731">
                  <c:v>1.721899970598638</c:v>
                </c:pt>
                <c:pt idx="732">
                  <c:v>1.7227697471027335</c:v>
                </c:pt>
                <c:pt idx="733">
                  <c:v>1.7250130347086945</c:v>
                </c:pt>
                <c:pt idx="734">
                  <c:v>1.7236426976407255</c:v>
                </c:pt>
                <c:pt idx="735">
                  <c:v>1.7243337003560175</c:v>
                </c:pt>
                <c:pt idx="736">
                  <c:v>1.7251943779608796</c:v>
                </c:pt>
                <c:pt idx="737">
                  <c:v>1.7331035613610619</c:v>
                </c:pt>
                <c:pt idx="738">
                  <c:v>1.7406665330216353</c:v>
                </c:pt>
                <c:pt idx="739">
                  <c:v>1.736877278356534</c:v>
                </c:pt>
                <c:pt idx="740">
                  <c:v>1.7387607512222412</c:v>
                </c:pt>
                <c:pt idx="741">
                  <c:v>1.7373746044325549</c:v>
                </c:pt>
                <c:pt idx="742">
                  <c:v>1.7365021375509746</c:v>
                </c:pt>
                <c:pt idx="743">
                  <c:v>1.731156245031779</c:v>
                </c:pt>
                <c:pt idx="744">
                  <c:v>1.731311077524837</c:v>
                </c:pt>
                <c:pt idx="745">
                  <c:v>1.7165024470950405</c:v>
                </c:pt>
                <c:pt idx="746">
                  <c:v>1.7137294582487415</c:v>
                </c:pt>
                <c:pt idx="747">
                  <c:v>1.7235079371487811</c:v>
                </c:pt>
                <c:pt idx="748">
                  <c:v>1.727437272594458</c:v>
                </c:pt>
                <c:pt idx="749">
                  <c:v>1.7265493285095868</c:v>
                </c:pt>
                <c:pt idx="750">
                  <c:v>1.7347735274083991</c:v>
                </c:pt>
                <c:pt idx="751">
                  <c:v>1.7343970867592076</c:v>
                </c:pt>
                <c:pt idx="752">
                  <c:v>1.7190571831933525</c:v>
                </c:pt>
                <c:pt idx="753">
                  <c:v>1.7236634951326479</c:v>
                </c:pt>
                <c:pt idx="754">
                  <c:v>1.732910761350585</c:v>
                </c:pt>
                <c:pt idx="755">
                  <c:v>1.7340734257938732</c:v>
                </c:pt>
                <c:pt idx="756">
                  <c:v>1.7347179666692187</c:v>
                </c:pt>
                <c:pt idx="757">
                  <c:v>1.7449906278352649</c:v>
                </c:pt>
                <c:pt idx="758">
                  <c:v>1.73393694224965</c:v>
                </c:pt>
                <c:pt idx="759">
                  <c:v>1.727524362086853</c:v>
                </c:pt>
                <c:pt idx="760">
                  <c:v>1.7376186424426692</c:v>
                </c:pt>
                <c:pt idx="761">
                  <c:v>1.736532789669204</c:v>
                </c:pt>
                <c:pt idx="762">
                  <c:v>1.7380243446824284</c:v>
                </c:pt>
                <c:pt idx="763">
                  <c:v>1.7391699297842498</c:v>
                </c:pt>
                <c:pt idx="764">
                  <c:v>1.7349822580546965</c:v>
                </c:pt>
                <c:pt idx="765">
                  <c:v>1.7301046718491599</c:v>
                </c:pt>
                <c:pt idx="766">
                  <c:v>1.7448294170443404</c:v>
                </c:pt>
                <c:pt idx="767">
                  <c:v>1.7526733362232119</c:v>
                </c:pt>
                <c:pt idx="768">
                  <c:v>1.7391909993344516</c:v>
                </c:pt>
                <c:pt idx="769">
                  <c:v>1.7368845635256502</c:v>
                </c:pt>
                <c:pt idx="770">
                  <c:v>1.7553842953360526</c:v>
                </c:pt>
                <c:pt idx="771">
                  <c:v>1.7547934107857408</c:v>
                </c:pt>
                <c:pt idx="772">
                  <c:v>1.7564360801291861</c:v>
                </c:pt>
                <c:pt idx="773">
                  <c:v>1.7585925805311049</c:v>
                </c:pt>
                <c:pt idx="774">
                  <c:v>1.7497409805461794</c:v>
                </c:pt>
                <c:pt idx="775">
                  <c:v>1.7537850649428341</c:v>
                </c:pt>
                <c:pt idx="776">
                  <c:v>1.7686611058239128</c:v>
                </c:pt>
                <c:pt idx="777">
                  <c:v>1.7623829536346338</c:v>
                </c:pt>
                <c:pt idx="778">
                  <c:v>1.7631535188883349</c:v>
                </c:pt>
                <c:pt idx="779">
                  <c:v>1.7635780537457226</c:v>
                </c:pt>
                <c:pt idx="780">
                  <c:v>1.7672680366198008</c:v>
                </c:pt>
                <c:pt idx="781">
                  <c:v>1.7664848055039233</c:v>
                </c:pt>
                <c:pt idx="782">
                  <c:v>1.7639798866413228</c:v>
                </c:pt>
                <c:pt idx="783">
                  <c:v>1.7561418923463612</c:v>
                </c:pt>
                <c:pt idx="784">
                  <c:v>1.765842773656576</c:v>
                </c:pt>
                <c:pt idx="785">
                  <c:v>1.7609242574792838</c:v>
                </c:pt>
                <c:pt idx="786">
                  <c:v>1.7611628845167373</c:v>
                </c:pt>
                <c:pt idx="787">
                  <c:v>1.763635065447948</c:v>
                </c:pt>
                <c:pt idx="788">
                  <c:v>1.7721242510301189</c:v>
                </c:pt>
                <c:pt idx="789">
                  <c:v>1.7721849809137542</c:v>
                </c:pt>
                <c:pt idx="790">
                  <c:v>1.7639891971696435</c:v>
                </c:pt>
                <c:pt idx="791">
                  <c:v>1.7664535487966064</c:v>
                </c:pt>
                <c:pt idx="792">
                  <c:v>1.7536107045714122</c:v>
                </c:pt>
                <c:pt idx="793">
                  <c:v>1.7565870433152304</c:v>
                </c:pt>
                <c:pt idx="794">
                  <c:v>1.7616251148208828</c:v>
                </c:pt>
                <c:pt idx="795">
                  <c:v>1.776807435074621</c:v>
                </c:pt>
                <c:pt idx="796">
                  <c:v>1.7871726269543695</c:v>
                </c:pt>
                <c:pt idx="797">
                  <c:v>1.7822307135978905</c:v>
                </c:pt>
                <c:pt idx="798">
                  <c:v>1.7733315635213278</c:v>
                </c:pt>
                <c:pt idx="799">
                  <c:v>1.7800796846411613</c:v>
                </c:pt>
                <c:pt idx="800">
                  <c:v>1.7783994709703712</c:v>
                </c:pt>
                <c:pt idx="801">
                  <c:v>1.7756854889554288</c:v>
                </c:pt>
                <c:pt idx="802">
                  <c:v>1.7865552013839026</c:v>
                </c:pt>
                <c:pt idx="803">
                  <c:v>1.7924359038215534</c:v>
                </c:pt>
                <c:pt idx="804">
                  <c:v>1.790060183389778</c:v>
                </c:pt>
                <c:pt idx="805">
                  <c:v>1.7818356519168213</c:v>
                </c:pt>
                <c:pt idx="806">
                  <c:v>1.7861630114669498</c:v>
                </c:pt>
                <c:pt idx="807">
                  <c:v>1.7870491418402761</c:v>
                </c:pt>
                <c:pt idx="808">
                  <c:v>1.7898250628798837</c:v>
                </c:pt>
                <c:pt idx="809">
                  <c:v>1.8022293158083251</c:v>
                </c:pt>
                <c:pt idx="810">
                  <c:v>1.8056894380690933</c:v>
                </c:pt>
                <c:pt idx="811">
                  <c:v>1.8206695571123863</c:v>
                </c:pt>
                <c:pt idx="812">
                  <c:v>1.8146676669966988</c:v>
                </c:pt>
                <c:pt idx="813">
                  <c:v>1.8048806635007217</c:v>
                </c:pt>
                <c:pt idx="814">
                  <c:v>1.8184795933316051</c:v>
                </c:pt>
                <c:pt idx="815">
                  <c:v>1.811440398021269</c:v>
                </c:pt>
                <c:pt idx="816">
                  <c:v>1.8011319760898308</c:v>
                </c:pt>
                <c:pt idx="817">
                  <c:v>1.7989043167756193</c:v>
                </c:pt>
                <c:pt idx="818">
                  <c:v>1.8185148704591576</c:v>
                </c:pt>
                <c:pt idx="819">
                  <c:v>1.8235063290054503</c:v>
                </c:pt>
                <c:pt idx="820">
                  <c:v>1.8104392164333754</c:v>
                </c:pt>
                <c:pt idx="821">
                  <c:v>1.8106119142250472</c:v>
                </c:pt>
                <c:pt idx="822">
                  <c:v>1.8147381305553927</c:v>
                </c:pt>
                <c:pt idx="823">
                  <c:v>1.8145633469938967</c:v>
                </c:pt>
                <c:pt idx="824">
                  <c:v>1.8216094949734953</c:v>
                </c:pt>
                <c:pt idx="825">
                  <c:v>1.8264182801753246</c:v>
                </c:pt>
                <c:pt idx="826">
                  <c:v>1.8281298713994349</c:v>
                </c:pt>
                <c:pt idx="827">
                  <c:v>1.8403298675900619</c:v>
                </c:pt>
                <c:pt idx="828">
                  <c:v>1.8385985670761926</c:v>
                </c:pt>
                <c:pt idx="829">
                  <c:v>1.8411647297274865</c:v>
                </c:pt>
                <c:pt idx="830">
                  <c:v>1.8537034106480184</c:v>
                </c:pt>
                <c:pt idx="831">
                  <c:v>1.8578139079592488</c:v>
                </c:pt>
                <c:pt idx="832">
                  <c:v>1.8442098089901013</c:v>
                </c:pt>
                <c:pt idx="833">
                  <c:v>1.8606986228420419</c:v>
                </c:pt>
                <c:pt idx="834">
                  <c:v>1.864116001400937</c:v>
                </c:pt>
                <c:pt idx="835">
                  <c:v>1.8584173677062801</c:v>
                </c:pt>
                <c:pt idx="836">
                  <c:v>1.8575322047200682</c:v>
                </c:pt>
                <c:pt idx="837">
                  <c:v>1.8573331775435196</c:v>
                </c:pt>
                <c:pt idx="838">
                  <c:v>1.8622915051550857</c:v>
                </c:pt>
                <c:pt idx="839">
                  <c:v>1.8684519761815053</c:v>
                </c:pt>
                <c:pt idx="840">
                  <c:v>1.8885402676087444</c:v>
                </c:pt>
                <c:pt idx="841">
                  <c:v>1.9036397001645733</c:v>
                </c:pt>
                <c:pt idx="842">
                  <c:v>1.9017126372354174</c:v>
                </c:pt>
                <c:pt idx="843">
                  <c:v>1.8999558234805549</c:v>
                </c:pt>
                <c:pt idx="844">
                  <c:v>1.9088594776709107</c:v>
                </c:pt>
                <c:pt idx="845">
                  <c:v>1.9172455826028103</c:v>
                </c:pt>
                <c:pt idx="846">
                  <c:v>1.9251141081266618</c:v>
                </c:pt>
                <c:pt idx="847">
                  <c:v>1.9073576146236135</c:v>
                </c:pt>
                <c:pt idx="848">
                  <c:v>1.9128153238571419</c:v>
                </c:pt>
                <c:pt idx="849">
                  <c:v>1.9334046594675209</c:v>
                </c:pt>
                <c:pt idx="850">
                  <c:v>1.9343878850851532</c:v>
                </c:pt>
                <c:pt idx="851">
                  <c:v>1.9247074385431242</c:v>
                </c:pt>
                <c:pt idx="852">
                  <c:v>1.9391010562729405</c:v>
                </c:pt>
                <c:pt idx="853">
                  <c:v>1.9374998912416925</c:v>
                </c:pt>
                <c:pt idx="854">
                  <c:v>1.9646160118307148</c:v>
                </c:pt>
                <c:pt idx="855">
                  <c:v>1.9667950630069084</c:v>
                </c:pt>
                <c:pt idx="856">
                  <c:v>1.9746474463029977</c:v>
                </c:pt>
                <c:pt idx="857">
                  <c:v>1.9819823710370423</c:v>
                </c:pt>
                <c:pt idx="858">
                  <c:v>1.9915512728796818</c:v>
                </c:pt>
                <c:pt idx="859">
                  <c:v>2.0050739351387286</c:v>
                </c:pt>
                <c:pt idx="860">
                  <c:v>2.0003663563597605</c:v>
                </c:pt>
                <c:pt idx="861">
                  <c:v>2.0142297589070353</c:v>
                </c:pt>
                <c:pt idx="862">
                  <c:v>2.0134743383443898</c:v>
                </c:pt>
                <c:pt idx="863">
                  <c:v>2.0144370083168783</c:v>
                </c:pt>
                <c:pt idx="864">
                  <c:v>2.0284678488211494</c:v>
                </c:pt>
                <c:pt idx="865">
                  <c:v>2.0256441358493169</c:v>
                </c:pt>
                <c:pt idx="866">
                  <c:v>2.0468945777838319</c:v>
                </c:pt>
                <c:pt idx="867">
                  <c:v>2.0469912800929007</c:v>
                </c:pt>
                <c:pt idx="868">
                  <c:v>2.0548250726057584</c:v>
                </c:pt>
                <c:pt idx="869">
                  <c:v>2.0616256106176127</c:v>
                </c:pt>
                <c:pt idx="870">
                  <c:v>2.069284377691242</c:v>
                </c:pt>
                <c:pt idx="871">
                  <c:v>2.0633561856221005</c:v>
                </c:pt>
                <c:pt idx="872">
                  <c:v>2.0725596804147211</c:v>
                </c:pt>
                <c:pt idx="873">
                  <c:v>2.0798700895063877</c:v>
                </c:pt>
                <c:pt idx="874">
                  <c:v>2.096121394777875</c:v>
                </c:pt>
                <c:pt idx="875">
                  <c:v>2.0998174839039221</c:v>
                </c:pt>
                <c:pt idx="876">
                  <c:v>2.102824202732454</c:v>
                </c:pt>
                <c:pt idx="877">
                  <c:v>2.1175233440459476</c:v>
                </c:pt>
                <c:pt idx="878">
                  <c:v>2.1337687546697897</c:v>
                </c:pt>
                <c:pt idx="879">
                  <c:v>2.1469173039519651</c:v>
                </c:pt>
                <c:pt idx="880">
                  <c:v>2.1578287624836969</c:v>
                </c:pt>
                <c:pt idx="881">
                  <c:v>2.1795728123623501</c:v>
                </c:pt>
                <c:pt idx="882">
                  <c:v>2.1844625203073136</c:v>
                </c:pt>
                <c:pt idx="883">
                  <c:v>2.1704341283585116</c:v>
                </c:pt>
                <c:pt idx="884">
                  <c:v>2.1914860570215358</c:v>
                </c:pt>
                <c:pt idx="885">
                  <c:v>2.2135683382099463</c:v>
                </c:pt>
                <c:pt idx="886">
                  <c:v>2.2205159701379769</c:v>
                </c:pt>
                <c:pt idx="887">
                  <c:v>2.2394999691155504</c:v>
                </c:pt>
                <c:pt idx="888">
                  <c:v>2.2488523110200265</c:v>
                </c:pt>
                <c:pt idx="889">
                  <c:v>2.2482290513487335</c:v>
                </c:pt>
                <c:pt idx="890">
                  <c:v>2.2709922085121317</c:v>
                </c:pt>
                <c:pt idx="891">
                  <c:v>2.2734616084313553</c:v>
                </c:pt>
                <c:pt idx="892">
                  <c:v>2.2774773380839282</c:v>
                </c:pt>
                <c:pt idx="893">
                  <c:v>2.2837273773573319</c:v>
                </c:pt>
                <c:pt idx="894">
                  <c:v>2.304593277342037</c:v>
                </c:pt>
                <c:pt idx="895">
                  <c:v>2.3154837268084774</c:v>
                </c:pt>
                <c:pt idx="896">
                  <c:v>2.3311879188249609</c:v>
                </c:pt>
                <c:pt idx="897">
                  <c:v>2.3369164490284007</c:v>
                </c:pt>
                <c:pt idx="898">
                  <c:v>2.3355930274248253</c:v>
                </c:pt>
                <c:pt idx="899">
                  <c:v>2.3509492844203588</c:v>
                </c:pt>
                <c:pt idx="900">
                  <c:v>2.3711191943219743</c:v>
                </c:pt>
                <c:pt idx="901">
                  <c:v>2.3950712244365802</c:v>
                </c:pt>
                <c:pt idx="902">
                  <c:v>2.3928825299721952</c:v>
                </c:pt>
                <c:pt idx="903">
                  <c:v>2.3994629712572992</c:v>
                </c:pt>
                <c:pt idx="904">
                  <c:v>2.4249587923486446</c:v>
                </c:pt>
                <c:pt idx="905">
                  <c:v>2.421046475425217</c:v>
                </c:pt>
                <c:pt idx="906">
                  <c:v>2.4369093093326137</c:v>
                </c:pt>
                <c:pt idx="907">
                  <c:v>2.4422808355549712</c:v>
                </c:pt>
                <c:pt idx="908">
                  <c:v>2.4447274730894057</c:v>
                </c:pt>
                <c:pt idx="909">
                  <c:v>2.4647137719756738</c:v>
                </c:pt>
                <c:pt idx="910">
                  <c:v>2.4829790485730516</c:v>
                </c:pt>
                <c:pt idx="911">
                  <c:v>2.4880014313763348</c:v>
                </c:pt>
                <c:pt idx="912">
                  <c:v>2.5009331182338861</c:v>
                </c:pt>
                <c:pt idx="913">
                  <c:v>2.5147233367015813</c:v>
                </c:pt>
                <c:pt idx="914">
                  <c:v>2.5121752813875973</c:v>
                </c:pt>
                <c:pt idx="915">
                  <c:v>2.5223517536605531</c:v>
                </c:pt>
                <c:pt idx="916">
                  <c:v>2.5571185402454577</c:v>
                </c:pt>
                <c:pt idx="917">
                  <c:v>2.5707318288969225</c:v>
                </c:pt>
                <c:pt idx="918">
                  <c:v>2.5711023141411591</c:v>
                </c:pt>
                <c:pt idx="919">
                  <c:v>2.5749108855136624</c:v>
                </c:pt>
                <c:pt idx="920">
                  <c:v>2.5663365749419373</c:v>
                </c:pt>
                <c:pt idx="921">
                  <c:v>2.5665313400681531</c:v>
                </c:pt>
                <c:pt idx="922">
                  <c:v>2.5748075931352501</c:v>
                </c:pt>
                <c:pt idx="923">
                  <c:v>2.5882415034769233</c:v>
                </c:pt>
                <c:pt idx="924">
                  <c:v>2.6052857432659371</c:v>
                </c:pt>
                <c:pt idx="925">
                  <c:v>2.6070235125078765</c:v>
                </c:pt>
                <c:pt idx="926">
                  <c:v>2.609103956936091</c:v>
                </c:pt>
                <c:pt idx="927">
                  <c:v>2.6111832529558212</c:v>
                </c:pt>
                <c:pt idx="928">
                  <c:v>2.6299424089674828</c:v>
                </c:pt>
                <c:pt idx="929">
                  <c:v>2.635286729980983</c:v>
                </c:pt>
                <c:pt idx="930">
                  <c:v>2.6440693172773964</c:v>
                </c:pt>
                <c:pt idx="931">
                  <c:v>2.6700476216086981</c:v>
                </c:pt>
                <c:pt idx="932">
                  <c:v>2.6755605289876794</c:v>
                </c:pt>
                <c:pt idx="933">
                  <c:v>2.6428951051998695</c:v>
                </c:pt>
                <c:pt idx="934">
                  <c:v>2.651329183642543</c:v>
                </c:pt>
                <c:pt idx="935">
                  <c:v>2.6576985059693463</c:v>
                </c:pt>
                <c:pt idx="936">
                  <c:v>2.6609711185072582</c:v>
                </c:pt>
                <c:pt idx="937">
                  <c:v>2.6613192045238039</c:v>
                </c:pt>
                <c:pt idx="938">
                  <c:v>2.67353213872775</c:v>
                </c:pt>
                <c:pt idx="939">
                  <c:v>2.6735340127075244</c:v>
                </c:pt>
                <c:pt idx="940">
                  <c:v>2.6860885937923591</c:v>
                </c:pt>
                <c:pt idx="941">
                  <c:v>2.6666558773225262</c:v>
                </c:pt>
                <c:pt idx="942">
                  <c:v>2.6707816397374535</c:v>
                </c:pt>
                <c:pt idx="943">
                  <c:v>2.6620088470343708</c:v>
                </c:pt>
                <c:pt idx="944">
                  <c:v>2.6835013922976345</c:v>
                </c:pt>
                <c:pt idx="945">
                  <c:v>2.6919231669827797</c:v>
                </c:pt>
                <c:pt idx="946">
                  <c:v>2.7</c:v>
                </c:pt>
                <c:pt idx="947">
                  <c:v>2.6882993853694268</c:v>
                </c:pt>
                <c:pt idx="948">
                  <c:v>2.6700628567485296</c:v>
                </c:pt>
                <c:pt idx="949">
                  <c:v>2.6690221058331582</c:v>
                </c:pt>
                <c:pt idx="950">
                  <c:v>2.6698720215937741</c:v>
                </c:pt>
                <c:pt idx="951">
                  <c:v>2.6610905833249334</c:v>
                </c:pt>
                <c:pt idx="952">
                  <c:v>2.641302132623776</c:v>
                </c:pt>
                <c:pt idx="953">
                  <c:v>2.6381936632558243</c:v>
                </c:pt>
                <c:pt idx="954">
                  <c:v>2.6423066996951174</c:v>
                </c:pt>
                <c:pt idx="955">
                  <c:v>2.6481386126638369</c:v>
                </c:pt>
                <c:pt idx="956">
                  <c:v>2.6302376551929045</c:v>
                </c:pt>
                <c:pt idx="957">
                  <c:v>2.6350356482646968</c:v>
                </c:pt>
                <c:pt idx="958">
                  <c:v>2.6197122803261568</c:v>
                </c:pt>
                <c:pt idx="959">
                  <c:v>2.6169415885382707</c:v>
                </c:pt>
                <c:pt idx="960">
                  <c:v>2.5861389012653895</c:v>
                </c:pt>
                <c:pt idx="961">
                  <c:v>2.5955760653015054</c:v>
                </c:pt>
                <c:pt idx="962">
                  <c:v>2.6036364838160031</c:v>
                </c:pt>
                <c:pt idx="963">
                  <c:v>2.592607314219455</c:v>
                </c:pt>
                <c:pt idx="964">
                  <c:v>2.5918953925842949</c:v>
                </c:pt>
                <c:pt idx="965">
                  <c:v>2.5715779663626712</c:v>
                </c:pt>
                <c:pt idx="966">
                  <c:v>2.5629535666083911</c:v>
                </c:pt>
                <c:pt idx="967">
                  <c:v>2.5563917462561108</c:v>
                </c:pt>
                <c:pt idx="968">
                  <c:v>2.53899497725503</c:v>
                </c:pt>
                <c:pt idx="969">
                  <c:v>2.5274442376702466</c:v>
                </c:pt>
                <c:pt idx="970">
                  <c:v>2.5183000818559567</c:v>
                </c:pt>
                <c:pt idx="971">
                  <c:v>2.5077792418097733</c:v>
                </c:pt>
                <c:pt idx="972">
                  <c:v>2.5120468082185181</c:v>
                </c:pt>
                <c:pt idx="973">
                  <c:v>2.4891423612759045</c:v>
                </c:pt>
                <c:pt idx="974">
                  <c:v>2.4789626239321421</c:v>
                </c:pt>
                <c:pt idx="975">
                  <c:v>2.4723933974285428</c:v>
                </c:pt>
                <c:pt idx="976">
                  <c:v>2.4637596872078511</c:v>
                </c:pt>
                <c:pt idx="977">
                  <c:v>2.4549530378130253</c:v>
                </c:pt>
                <c:pt idx="978">
                  <c:v>2.4406424887715334</c:v>
                </c:pt>
                <c:pt idx="979">
                  <c:v>2.4363052749479785</c:v>
                </c:pt>
                <c:pt idx="980">
                  <c:v>2.4311073528004083</c:v>
                </c:pt>
                <c:pt idx="981">
                  <c:v>2.4044124118587358</c:v>
                </c:pt>
                <c:pt idx="982">
                  <c:v>2.3973210111368841</c:v>
                </c:pt>
                <c:pt idx="983">
                  <c:v>2.3799107596344724</c:v>
                </c:pt>
                <c:pt idx="984">
                  <c:v>2.3884667811046123</c:v>
                </c:pt>
                <c:pt idx="985">
                  <c:v>2.3555775123828675</c:v>
                </c:pt>
                <c:pt idx="986">
                  <c:v>2.3404002709114806</c:v>
                </c:pt>
                <c:pt idx="987">
                  <c:v>2.3474060932236305</c:v>
                </c:pt>
                <c:pt idx="988">
                  <c:v>2.3380740348750644</c:v>
                </c:pt>
                <c:pt idx="989">
                  <c:v>2.3289131630621318</c:v>
                </c:pt>
                <c:pt idx="990">
                  <c:v>2.3219869938671756</c:v>
                </c:pt>
                <c:pt idx="991">
                  <c:v>2.3109328244394223</c:v>
                </c:pt>
                <c:pt idx="992">
                  <c:v>2.2849164921243639</c:v>
                </c:pt>
                <c:pt idx="993">
                  <c:v>2.2717970230832694</c:v>
                </c:pt>
                <c:pt idx="994">
                  <c:v>2.2643517325793643</c:v>
                </c:pt>
                <c:pt idx="995">
                  <c:v>2.2529503842849046</c:v>
                </c:pt>
                <c:pt idx="996">
                  <c:v>2.2542738967706173</c:v>
                </c:pt>
                <c:pt idx="997">
                  <c:v>2.2316929594696262</c:v>
                </c:pt>
                <c:pt idx="998">
                  <c:v>2.2170218705870974</c:v>
                </c:pt>
                <c:pt idx="999">
                  <c:v>2.221266554012685</c:v>
                </c:pt>
                <c:pt idx="1000">
                  <c:v>2.217771849922245</c:v>
                </c:pt>
                <c:pt idx="1001">
                  <c:v>2.1970795243580059</c:v>
                </c:pt>
                <c:pt idx="1002">
                  <c:v>2.1928953894232306</c:v>
                </c:pt>
                <c:pt idx="1003">
                  <c:v>2.1694500563235857</c:v>
                </c:pt>
                <c:pt idx="1004">
                  <c:v>2.1730030720775102</c:v>
                </c:pt>
                <c:pt idx="1005">
                  <c:v>2.1545433330880135</c:v>
                </c:pt>
                <c:pt idx="1006">
                  <c:v>2.1367707275687038</c:v>
                </c:pt>
                <c:pt idx="1007">
                  <c:v>2.1220928976212359</c:v>
                </c:pt>
                <c:pt idx="1008">
                  <c:v>2.1277065578791134</c:v>
                </c:pt>
                <c:pt idx="1009">
                  <c:v>2.1259249261811384</c:v>
                </c:pt>
                <c:pt idx="1010">
                  <c:v>2.1205311813190981</c:v>
                </c:pt>
                <c:pt idx="1011">
                  <c:v>2.1037868122200316</c:v>
                </c:pt>
                <c:pt idx="1012">
                  <c:v>2.0958121832242882</c:v>
                </c:pt>
                <c:pt idx="1013">
                  <c:v>2.0787224790267889</c:v>
                </c:pt>
                <c:pt idx="1014">
                  <c:v>2.0688547946035021</c:v>
                </c:pt>
                <c:pt idx="1015">
                  <c:v>2.0687886537657789</c:v>
                </c:pt>
                <c:pt idx="1016">
                  <c:v>2.0611552185403204</c:v>
                </c:pt>
                <c:pt idx="1017">
                  <c:v>2.0428590179954966</c:v>
                </c:pt>
                <c:pt idx="1018">
                  <c:v>2.0379756882679181</c:v>
                </c:pt>
                <c:pt idx="1019">
                  <c:v>2.0277607038842866</c:v>
                </c:pt>
                <c:pt idx="1020">
                  <c:v>2.0433404133737882</c:v>
                </c:pt>
                <c:pt idx="1021">
                  <c:v>2.0081886316046527</c:v>
                </c:pt>
                <c:pt idx="1022">
                  <c:v>2.0124170518945661</c:v>
                </c:pt>
                <c:pt idx="1023">
                  <c:v>2.0080464347994154</c:v>
                </c:pt>
                <c:pt idx="1024">
                  <c:v>2.004363072020455</c:v>
                </c:pt>
                <c:pt idx="1025">
                  <c:v>1.9939723064767119</c:v>
                </c:pt>
                <c:pt idx="1026">
                  <c:v>1.9926952256008721</c:v>
                </c:pt>
                <c:pt idx="1027">
                  <c:v>1.9778320319995562</c:v>
                </c:pt>
                <c:pt idx="1028">
                  <c:v>1.96554769718512</c:v>
                </c:pt>
                <c:pt idx="1029">
                  <c:v>1.9618612510377202</c:v>
                </c:pt>
                <c:pt idx="1030">
                  <c:v>1.95645450767745</c:v>
                </c:pt>
                <c:pt idx="1031">
                  <c:v>1.9512191320599093</c:v>
                </c:pt>
                <c:pt idx="1032">
                  <c:v>1.9618043601814978</c:v>
                </c:pt>
                <c:pt idx="1033">
                  <c:v>1.9495170629065344</c:v>
                </c:pt>
                <c:pt idx="1034">
                  <c:v>1.9312103124808588</c:v>
                </c:pt>
                <c:pt idx="1035">
                  <c:v>1.9192659017488587</c:v>
                </c:pt>
                <c:pt idx="1036">
                  <c:v>1.9088685765949078</c:v>
                </c:pt>
                <c:pt idx="1037">
                  <c:v>1.9056933920611725</c:v>
                </c:pt>
                <c:pt idx="1038">
                  <c:v>1.9205744207248379</c:v>
                </c:pt>
                <c:pt idx="1039">
                  <c:v>1.9027807758668271</c:v>
                </c:pt>
                <c:pt idx="1040">
                  <c:v>1.8908336142786228</c:v>
                </c:pt>
                <c:pt idx="1041">
                  <c:v>1.9005539025469078</c:v>
                </c:pt>
                <c:pt idx="1042">
                  <c:v>1.8997836395939414</c:v>
                </c:pt>
                <c:pt idx="1043">
                  <c:v>1.9036559633002474</c:v>
                </c:pt>
                <c:pt idx="1044">
                  <c:v>1.8856877162735635</c:v>
                </c:pt>
                <c:pt idx="1045">
                  <c:v>1.8825082996533602</c:v>
                </c:pt>
                <c:pt idx="1046">
                  <c:v>1.8810480315899079</c:v>
                </c:pt>
                <c:pt idx="1047">
                  <c:v>1.8618744972950201</c:v>
                </c:pt>
                <c:pt idx="1048">
                  <c:v>1.8695276115987365</c:v>
                </c:pt>
                <c:pt idx="1049">
                  <c:v>1.8677219781634418</c:v>
                </c:pt>
                <c:pt idx="1050">
                  <c:v>1.8580052569571537</c:v>
                </c:pt>
                <c:pt idx="1051">
                  <c:v>1.8582622631611336</c:v>
                </c:pt>
                <c:pt idx="1052">
                  <c:v>1.8487165771234308</c:v>
                </c:pt>
                <c:pt idx="1053">
                  <c:v>1.8426097926149727</c:v>
                </c:pt>
                <c:pt idx="1054">
                  <c:v>1.8507759822748531</c:v>
                </c:pt>
                <c:pt idx="1055">
                  <c:v>1.8439803715235292</c:v>
                </c:pt>
                <c:pt idx="1056">
                  <c:v>1.8397638916483194</c:v>
                </c:pt>
                <c:pt idx="1057">
                  <c:v>1.8377825678112334</c:v>
                </c:pt>
                <c:pt idx="1058">
                  <c:v>1.840100006914843</c:v>
                </c:pt>
                <c:pt idx="1059">
                  <c:v>1.8367420584021419</c:v>
                </c:pt>
                <c:pt idx="1060">
                  <c:v>1.8309761049402324</c:v>
                </c:pt>
                <c:pt idx="1061">
                  <c:v>1.8262415316900076</c:v>
                </c:pt>
                <c:pt idx="1062">
                  <c:v>1.8180671802817439</c:v>
                </c:pt>
                <c:pt idx="1063">
                  <c:v>1.8055931892420811</c:v>
                </c:pt>
                <c:pt idx="1064">
                  <c:v>1.814270972965953</c:v>
                </c:pt>
                <c:pt idx="1065">
                  <c:v>1.8133181274268433</c:v>
                </c:pt>
                <c:pt idx="1066">
                  <c:v>1.8046262569716243</c:v>
                </c:pt>
                <c:pt idx="1067">
                  <c:v>1.8126150029102157</c:v>
                </c:pt>
                <c:pt idx="1068">
                  <c:v>1.8164760814377898</c:v>
                </c:pt>
                <c:pt idx="1069">
                  <c:v>1.80571942515047</c:v>
                </c:pt>
                <c:pt idx="1070">
                  <c:v>1.7963381843977351</c:v>
                </c:pt>
                <c:pt idx="1071">
                  <c:v>1.7989943989895698</c:v>
                </c:pt>
                <c:pt idx="1072">
                  <c:v>1.7916760396300253</c:v>
                </c:pt>
                <c:pt idx="1073">
                  <c:v>1.7998345511112617</c:v>
                </c:pt>
                <c:pt idx="1074">
                  <c:v>1.793203355495314</c:v>
                </c:pt>
                <c:pt idx="1075">
                  <c:v>1.7943104591622767</c:v>
                </c:pt>
                <c:pt idx="1076">
                  <c:v>1.7904300945535903</c:v>
                </c:pt>
                <c:pt idx="1077">
                  <c:v>1.7851736795973487</c:v>
                </c:pt>
                <c:pt idx="1078">
                  <c:v>1.7828404005667118</c:v>
                </c:pt>
                <c:pt idx="1079">
                  <c:v>1.7679530540467541</c:v>
                </c:pt>
                <c:pt idx="1080">
                  <c:v>1.7785168196209948</c:v>
                </c:pt>
                <c:pt idx="1081">
                  <c:v>1.7844370916956678</c:v>
                </c:pt>
                <c:pt idx="1082">
                  <c:v>1.7896692328253558</c:v>
                </c:pt>
                <c:pt idx="1083">
                  <c:v>1.7716852365061466</c:v>
                </c:pt>
                <c:pt idx="1084">
                  <c:v>1.7727894986824027</c:v>
                </c:pt>
                <c:pt idx="1085">
                  <c:v>1.7771608714984357</c:v>
                </c:pt>
                <c:pt idx="1086">
                  <c:v>1.7806721410871937</c:v>
                </c:pt>
                <c:pt idx="1087">
                  <c:v>1.775928650367703</c:v>
                </c:pt>
                <c:pt idx="1088">
                  <c:v>1.7620705378666042</c:v>
                </c:pt>
                <c:pt idx="1089">
                  <c:v>1.7686764016962901</c:v>
                </c:pt>
                <c:pt idx="1090">
                  <c:v>1.7642760695470878</c:v>
                </c:pt>
                <c:pt idx="1091">
                  <c:v>1.773461003767977</c:v>
                </c:pt>
                <c:pt idx="1092">
                  <c:v>1.7706078780428276</c:v>
                </c:pt>
                <c:pt idx="1093">
                  <c:v>1.7572643825635397</c:v>
                </c:pt>
                <c:pt idx="1094">
                  <c:v>1.7585380475710861</c:v>
                </c:pt>
                <c:pt idx="1095">
                  <c:v>1.7610152465087661</c:v>
                </c:pt>
                <c:pt idx="1096">
                  <c:v>1.7640081506766114</c:v>
                </c:pt>
                <c:pt idx="1097">
                  <c:v>1.7614977906360401</c:v>
                </c:pt>
                <c:pt idx="1098">
                  <c:v>1.7636304102147422</c:v>
                </c:pt>
                <c:pt idx="1099">
                  <c:v>1.7533810857553538</c:v>
                </c:pt>
                <c:pt idx="1100">
                  <c:v>1.7445072675207707</c:v>
                </c:pt>
                <c:pt idx="1101">
                  <c:v>1.7521423049091684</c:v>
                </c:pt>
                <c:pt idx="1102">
                  <c:v>1.7503188364424787</c:v>
                </c:pt>
                <c:pt idx="1103">
                  <c:v>1.7484952168254217</c:v>
                </c:pt>
                <c:pt idx="1104">
                  <c:v>1.7475312168039914</c:v>
                </c:pt>
                <c:pt idx="1105">
                  <c:v>1.7482867884736681</c:v>
                </c:pt>
                <c:pt idx="1106">
                  <c:v>1.7437111286464109</c:v>
                </c:pt>
                <c:pt idx="1107">
                  <c:v>1.7561602413013868</c:v>
                </c:pt>
                <c:pt idx="1108">
                  <c:v>1.7582910773552811</c:v>
                </c:pt>
                <c:pt idx="1109">
                  <c:v>1.7427089495032382</c:v>
                </c:pt>
                <c:pt idx="1110">
                  <c:v>1.7369289093409357</c:v>
                </c:pt>
                <c:pt idx="1111">
                  <c:v>1.7418107880497511</c:v>
                </c:pt>
                <c:pt idx="1112">
                  <c:v>1.7451448557454263</c:v>
                </c:pt>
                <c:pt idx="1113">
                  <c:v>1.7515742129551464</c:v>
                </c:pt>
                <c:pt idx="1114">
                  <c:v>1.7414944424836065</c:v>
                </c:pt>
                <c:pt idx="1115">
                  <c:v>1.7444842028600105</c:v>
                </c:pt>
                <c:pt idx="1116">
                  <c:v>1.7433465981880407</c:v>
                </c:pt>
                <c:pt idx="1117">
                  <c:v>1.7435846206487884</c:v>
                </c:pt>
                <c:pt idx="1118">
                  <c:v>1.7405551394788039</c:v>
                </c:pt>
                <c:pt idx="1119">
                  <c:v>1.7303029130561802</c:v>
                </c:pt>
                <c:pt idx="1120">
                  <c:v>1.7210823691955028</c:v>
                </c:pt>
                <c:pt idx="1121">
                  <c:v>1.734389710906062</c:v>
                </c:pt>
                <c:pt idx="1122">
                  <c:v>1.7382386374393723</c:v>
                </c:pt>
                <c:pt idx="1123">
                  <c:v>1.7328012117741356</c:v>
                </c:pt>
                <c:pt idx="1124">
                  <c:v>1.7332106623944237</c:v>
                </c:pt>
                <c:pt idx="1125">
                  <c:v>1.7404987927824769</c:v>
                </c:pt>
                <c:pt idx="1126">
                  <c:v>1.7372967952074525</c:v>
                </c:pt>
                <c:pt idx="1127">
                  <c:v>1.7347826263138237</c:v>
                </c:pt>
                <c:pt idx="1128">
                  <c:v>1.7308926489132272</c:v>
                </c:pt>
                <c:pt idx="1129">
                  <c:v>1.7340533537927598</c:v>
                </c:pt>
                <c:pt idx="1130">
                  <c:v>1.7372140586722922</c:v>
                </c:pt>
                <c:pt idx="1131">
                  <c:v>1.7343558242937891</c:v>
                </c:pt>
                <c:pt idx="1132">
                  <c:v>1.7314975596852127</c:v>
                </c:pt>
                <c:pt idx="1133">
                  <c:v>1.7255438544184145</c:v>
                </c:pt>
                <c:pt idx="1134">
                  <c:v>1.7293923577492691</c:v>
                </c:pt>
                <c:pt idx="1135">
                  <c:v>1.7256742317168599</c:v>
                </c:pt>
                <c:pt idx="1136">
                  <c:v>1.7223000502552219</c:v>
                </c:pt>
                <c:pt idx="1137">
                  <c:v>1.7259765813037862</c:v>
                </c:pt>
                <c:pt idx="1138">
                  <c:v>1.7219145711607529</c:v>
                </c:pt>
                <c:pt idx="1139">
                  <c:v>1.7197442561476748</c:v>
                </c:pt>
                <c:pt idx="1140">
                  <c:v>1.7251405402677871</c:v>
                </c:pt>
                <c:pt idx="1141">
                  <c:v>1.7276134164659238</c:v>
                </c:pt>
                <c:pt idx="1142">
                  <c:v>1.7314621011710283</c:v>
                </c:pt>
                <c:pt idx="1143">
                  <c:v>1.7270562976075909</c:v>
                </c:pt>
                <c:pt idx="1144">
                  <c:v>1.7224785822158195</c:v>
                </c:pt>
                <c:pt idx="1145">
                  <c:v>1.7261554457766193</c:v>
                </c:pt>
                <c:pt idx="1146">
                  <c:v>1.7231255716342524</c:v>
                </c:pt>
                <c:pt idx="1147">
                  <c:v>1.7199237856573606</c:v>
                </c:pt>
                <c:pt idx="1148">
                  <c:v>1.7244606920162431</c:v>
                </c:pt>
                <c:pt idx="1149">
                  <c:v>1.7090492668391226</c:v>
                </c:pt>
                <c:pt idx="1150">
                  <c:v>1.7211529839355184</c:v>
                </c:pt>
                <c:pt idx="1151">
                  <c:v>1.7232825503758544</c:v>
                </c:pt>
                <c:pt idx="1152">
                  <c:v>1.718533497508572</c:v>
                </c:pt>
                <c:pt idx="1153">
                  <c:v>1.7143003917182336</c:v>
                </c:pt>
                <c:pt idx="1154">
                  <c:v>1.7109273287259779</c:v>
                </c:pt>
                <c:pt idx="1155">
                  <c:v>1.7178724214145096</c:v>
                </c:pt>
                <c:pt idx="1156">
                  <c:v>1.7215502825367794</c:v>
                </c:pt>
                <c:pt idx="1157">
                  <c:v>1.7200691867265676</c:v>
                </c:pt>
                <c:pt idx="1158">
                  <c:v>1.7201359321657606</c:v>
                </c:pt>
                <c:pt idx="1159">
                  <c:v>1.7210626901729627</c:v>
                </c:pt>
                <c:pt idx="1160">
                  <c:v>1.7171744660485277</c:v>
                </c:pt>
                <c:pt idx="1161">
                  <c:v>1.7101908919560918</c:v>
                </c:pt>
                <c:pt idx="1162">
                  <c:v>1.700971889771586</c:v>
                </c:pt>
                <c:pt idx="1163">
                  <c:v>1.7058545242049981</c:v>
                </c:pt>
                <c:pt idx="1164">
                  <c:v>1.7133168638184395</c:v>
                </c:pt>
                <c:pt idx="1165">
                  <c:v>1.71149303260325</c:v>
                </c:pt>
                <c:pt idx="1166">
                  <c:v>1.7220511453890057</c:v>
                </c:pt>
                <c:pt idx="1167">
                  <c:v>1.7174761808286747</c:v>
                </c:pt>
                <c:pt idx="1168">
                  <c:v>1.7223596918995485</c:v>
                </c:pt>
                <c:pt idx="1169">
                  <c:v>1.723116109980328</c:v>
                </c:pt>
                <c:pt idx="1170">
                  <c:v>1.7216371604310419</c:v>
                </c:pt>
                <c:pt idx="1171">
                  <c:v>1.719642505626827</c:v>
                </c:pt>
                <c:pt idx="1172">
                  <c:v>1.7183359213322136</c:v>
                </c:pt>
                <c:pt idx="1173">
                  <c:v>1.7147939391774611</c:v>
                </c:pt>
                <c:pt idx="1174">
                  <c:v>1.7148634959082416</c:v>
                </c:pt>
                <c:pt idx="1175">
                  <c:v>1.7097742166268344</c:v>
                </c:pt>
                <c:pt idx="1176">
                  <c:v>1.7026215117651018</c:v>
                </c:pt>
                <c:pt idx="1177">
                  <c:v>1.7081946652499651</c:v>
                </c:pt>
                <c:pt idx="1178">
                  <c:v>1.7118763654429843</c:v>
                </c:pt>
                <c:pt idx="1179">
                  <c:v>1.7191696045153455</c:v>
                </c:pt>
                <c:pt idx="1180">
                  <c:v>1.7180365644111246</c:v>
                </c:pt>
                <c:pt idx="1181">
                  <c:v>1.7127764615468828</c:v>
                </c:pt>
                <c:pt idx="1182">
                  <c:v>1.7145672827909757</c:v>
                </c:pt>
                <c:pt idx="1183">
                  <c:v>1.7240968870548725</c:v>
                </c:pt>
                <c:pt idx="1184">
                  <c:v>1.722964602671534</c:v>
                </c:pt>
                <c:pt idx="1185">
                  <c:v>1.7226923308562043</c:v>
                </c:pt>
                <c:pt idx="1186">
                  <c:v>1.7067710950656096</c:v>
                </c:pt>
                <c:pt idx="1187">
                  <c:v>1.7046075513283525</c:v>
                </c:pt>
                <c:pt idx="1188">
                  <c:v>1.7106987074590077</c:v>
                </c:pt>
                <c:pt idx="1189">
                  <c:v>1.7099113047415726</c:v>
                </c:pt>
                <c:pt idx="1190">
                  <c:v>1.7141111587264175</c:v>
                </c:pt>
                <c:pt idx="1191">
                  <c:v>1.7024900462242525</c:v>
                </c:pt>
                <c:pt idx="1192">
                  <c:v>1.7163205294962232</c:v>
                </c:pt>
                <c:pt idx="1193">
                  <c:v>1.71157851996366</c:v>
                </c:pt>
                <c:pt idx="1194">
                  <c:v>1.7083844725946047</c:v>
                </c:pt>
                <c:pt idx="1195">
                  <c:v>1.6993436093902659</c:v>
                </c:pt>
                <c:pt idx="1196">
                  <c:v>1.7131747879273054</c:v>
                </c:pt>
                <c:pt idx="1197">
                  <c:v>1.7132486069312911</c:v>
                </c:pt>
                <c:pt idx="1198">
                  <c:v>1.7103991691636689</c:v>
                </c:pt>
                <c:pt idx="1199">
                  <c:v>1.7085816860224632</c:v>
                </c:pt>
                <c:pt idx="1200">
                  <c:v>1.7034970015345448</c:v>
                </c:pt>
                <c:pt idx="1201">
                  <c:v>1.7011639340537514</c:v>
                </c:pt>
                <c:pt idx="1202">
                  <c:v>1.7055378763449289</c:v>
                </c:pt>
                <c:pt idx="1203">
                  <c:v>1.712663435641993</c:v>
                </c:pt>
                <c:pt idx="1204">
                  <c:v>1.7144581564169823</c:v>
                </c:pt>
                <c:pt idx="1205">
                  <c:v>1.7153931971423886</c:v>
                </c:pt>
                <c:pt idx="1206">
                  <c:v>1.7094496487902504</c:v>
                </c:pt>
                <c:pt idx="1207">
                  <c:v>1.7076334957165595</c:v>
                </c:pt>
                <c:pt idx="1208">
                  <c:v>1.7065053829223966</c:v>
                </c:pt>
                <c:pt idx="1209">
                  <c:v>1.7120842496719881</c:v>
                </c:pt>
                <c:pt idx="1210">
                  <c:v>1.7066572227496171</c:v>
                </c:pt>
                <c:pt idx="1211">
                  <c:v>1.7034659866696729</c:v>
                </c:pt>
                <c:pt idx="1212">
                  <c:v>1.7172997951228119</c:v>
                </c:pt>
                <c:pt idx="1213">
                  <c:v>1.7070581488234948</c:v>
                </c:pt>
                <c:pt idx="1214">
                  <c:v>1.7172809020512274</c:v>
                </c:pt>
                <c:pt idx="1215">
                  <c:v>1.7137463562097677</c:v>
                </c:pt>
                <c:pt idx="1216">
                  <c:v>1.7045369668171719</c:v>
                </c:pt>
                <c:pt idx="1217">
                  <c:v>1.7149321457677724</c:v>
                </c:pt>
                <c:pt idx="1218">
                  <c:v>1.7134616603109407</c:v>
                </c:pt>
                <c:pt idx="1219">
                  <c:v>1.7068322783879653</c:v>
                </c:pt>
                <c:pt idx="1220">
                  <c:v>1.7012347906250687</c:v>
                </c:pt>
                <c:pt idx="1221">
                  <c:v>1.7136942415627632</c:v>
                </c:pt>
                <c:pt idx="1222">
                  <c:v>1.7146319122055074</c:v>
                </c:pt>
                <c:pt idx="1223">
                  <c:v>1.7117864041988549</c:v>
                </c:pt>
                <c:pt idx="1224">
                  <c:v>1.7072213244949042</c:v>
                </c:pt>
                <c:pt idx="1225">
                  <c:v>1.7052359801936272</c:v>
                </c:pt>
                <c:pt idx="1226">
                  <c:v>1.7092696356179617</c:v>
                </c:pt>
                <c:pt idx="1227">
                  <c:v>1.706252699445578</c:v>
                </c:pt>
                <c:pt idx="1228">
                  <c:v>1.7032359446443486</c:v>
                </c:pt>
                <c:pt idx="1229">
                  <c:v>1.7086457713142451</c:v>
                </c:pt>
                <c:pt idx="1230">
                  <c:v>1.716463330878166</c:v>
                </c:pt>
                <c:pt idx="1231">
                  <c:v>1.6974538791426526</c:v>
                </c:pt>
                <c:pt idx="1232">
                  <c:v>1.7054436528238794</c:v>
                </c:pt>
                <c:pt idx="1233">
                  <c:v>1.7101661344793169</c:v>
                </c:pt>
                <c:pt idx="1234">
                  <c:v>1.7074941404267927</c:v>
                </c:pt>
                <c:pt idx="1235">
                  <c:v>1.7084335643456983</c:v>
                </c:pt>
                <c:pt idx="1236">
                  <c:v>1.7052458952769856</c:v>
                </c:pt>
                <c:pt idx="1237">
                  <c:v>1.7025742639748185</c:v>
                </c:pt>
                <c:pt idx="1238">
                  <c:v>1.7134882919841707</c:v>
                </c:pt>
                <c:pt idx="1239">
                  <c:v>1.7109888747968334</c:v>
                </c:pt>
                <c:pt idx="1240">
                  <c:v>1.7071138607068517</c:v>
                </c:pt>
                <c:pt idx="1241">
                  <c:v>1.718372196027427</c:v>
                </c:pt>
                <c:pt idx="1242">
                  <c:v>1.7112300108313308</c:v>
                </c:pt>
                <c:pt idx="1243">
                  <c:v>1.705807608932522</c:v>
                </c:pt>
                <c:pt idx="1244">
                  <c:v>1.71569055895911</c:v>
                </c:pt>
                <c:pt idx="1245">
                  <c:v>1.7051093512788063</c:v>
                </c:pt>
                <c:pt idx="1246">
                  <c:v>1.7017509493088123</c:v>
                </c:pt>
                <c:pt idx="1247">
                  <c:v>1.712494123500923</c:v>
                </c:pt>
                <c:pt idx="1248">
                  <c:v>1.7168745650108799</c:v>
                </c:pt>
                <c:pt idx="1249">
                  <c:v>1.7107649994656713</c:v>
                </c:pt>
                <c:pt idx="1250">
                  <c:v>1.7208206472672156</c:v>
                </c:pt>
                <c:pt idx="1251">
                  <c:v>1.7178067339907428</c:v>
                </c:pt>
                <c:pt idx="1252">
                  <c:v>1.717888412510477</c:v>
                </c:pt>
                <c:pt idx="1253">
                  <c:v>1.7145307964914389</c:v>
                </c:pt>
                <c:pt idx="1254">
                  <c:v>1.7261346180608144</c:v>
                </c:pt>
                <c:pt idx="1255">
                  <c:v>1.7105674232955035</c:v>
                </c:pt>
                <c:pt idx="1256">
                  <c:v>1.7166684340518465</c:v>
                </c:pt>
                <c:pt idx="1257">
                  <c:v>1.7232854523514713</c:v>
                </c:pt>
                <c:pt idx="1258">
                  <c:v>1.7230238513434781</c:v>
                </c:pt>
                <c:pt idx="1259">
                  <c:v>1.7270615272060019</c:v>
                </c:pt>
                <c:pt idx="1260">
                  <c:v>1.7221569465849262</c:v>
                </c:pt>
                <c:pt idx="1261">
                  <c:v>1.7198320106831135</c:v>
                </c:pt>
                <c:pt idx="1262">
                  <c:v>1.712004173284239</c:v>
                </c:pt>
                <c:pt idx="1263">
                  <c:v>1.7138066931210205</c:v>
                </c:pt>
                <c:pt idx="1264">
                  <c:v>1.723691849851966</c:v>
                </c:pt>
                <c:pt idx="1265">
                  <c:v>1.7296217951972686</c:v>
                </c:pt>
                <c:pt idx="1266">
                  <c:v>1.7233420711060781</c:v>
                </c:pt>
                <c:pt idx="1267">
                  <c:v>1.7172344099873982</c:v>
                </c:pt>
                <c:pt idx="1268">
                  <c:v>1.7181775218328765</c:v>
                </c:pt>
                <c:pt idx="1269">
                  <c:v>1.7218722809099818</c:v>
                </c:pt>
                <c:pt idx="1270">
                  <c:v>1.7180005013202344</c:v>
                </c:pt>
                <c:pt idx="1271">
                  <c:v>1.7271984339526811</c:v>
                </c:pt>
                <c:pt idx="1272">
                  <c:v>1.7195435059374198</c:v>
                </c:pt>
                <c:pt idx="1273">
                  <c:v>1.7253022347213145</c:v>
                </c:pt>
                <c:pt idx="1274">
                  <c:v>1.7264178932019063</c:v>
                </c:pt>
                <c:pt idx="1275">
                  <c:v>1.7295972493186262</c:v>
                </c:pt>
                <c:pt idx="1276">
                  <c:v>1.7279615930798269</c:v>
                </c:pt>
                <c:pt idx="1277">
                  <c:v>1.7323449365654007</c:v>
                </c:pt>
                <c:pt idx="1278">
                  <c:v>1.7327730384290674</c:v>
                </c:pt>
                <c:pt idx="1279">
                  <c:v>1.7347489513058743</c:v>
                </c:pt>
                <c:pt idx="1280">
                  <c:v>1.7339734587792606</c:v>
                </c:pt>
                <c:pt idx="1281">
                  <c:v>1.7342298604127255</c:v>
                </c:pt>
                <c:pt idx="1282">
                  <c:v>1.7313908818543069</c:v>
                </c:pt>
                <c:pt idx="1283">
                  <c:v>1.735086819860941</c:v>
                </c:pt>
                <c:pt idx="1284">
                  <c:v>1.7346555741934513</c:v>
                </c:pt>
                <c:pt idx="1285">
                  <c:v>1.7404153005264342</c:v>
                </c:pt>
                <c:pt idx="1286">
                  <c:v>1.7401561480615286</c:v>
                </c:pt>
                <c:pt idx="1287">
                  <c:v>1.7397251442222448</c:v>
                </c:pt>
                <c:pt idx="1288">
                  <c:v>1.7423896112712562</c:v>
                </c:pt>
                <c:pt idx="1289">
                  <c:v>1.7371436253065264</c:v>
                </c:pt>
                <c:pt idx="1290">
                  <c:v>1.7429036841641266</c:v>
                </c:pt>
                <c:pt idx="1291">
                  <c:v>1.743848700429943</c:v>
                </c:pt>
                <c:pt idx="1292">
                  <c:v>1.7521884040068061</c:v>
                </c:pt>
                <c:pt idx="1293">
                  <c:v>1.7493502416232258</c:v>
                </c:pt>
                <c:pt idx="1294">
                  <c:v>1.7497795224102306</c:v>
                </c:pt>
                <c:pt idx="1295">
                  <c:v>1.7500369215989748</c:v>
                </c:pt>
                <c:pt idx="1296">
                  <c:v>1.7602685923640731</c:v>
                </c:pt>
                <c:pt idx="1297">
                  <c:v>1.7514117627807366</c:v>
                </c:pt>
                <c:pt idx="1298">
                  <c:v>1.7520132576844285</c:v>
                </c:pt>
                <c:pt idx="1299">
                  <c:v>1.7539905913189706</c:v>
                </c:pt>
                <c:pt idx="1300">
                  <c:v>1.7564839022667209</c:v>
                </c:pt>
                <c:pt idx="1301">
                  <c:v>1.7534742210333798</c:v>
                </c:pt>
                <c:pt idx="1302">
                  <c:v>1.7514964339663084</c:v>
                </c:pt>
                <c:pt idx="1303">
                  <c:v>1.7557095886696361</c:v>
                </c:pt>
                <c:pt idx="1304">
                  <c:v>1.761814468726802</c:v>
                </c:pt>
                <c:pt idx="1305">
                  <c:v>1.7696390716068695</c:v>
                </c:pt>
                <c:pt idx="1306">
                  <c:v>1.7729925160676865</c:v>
                </c:pt>
                <c:pt idx="1307">
                  <c:v>1.7715309178933834</c:v>
                </c:pt>
                <c:pt idx="1308">
                  <c:v>1.7805594477316848</c:v>
                </c:pt>
                <c:pt idx="1309">
                  <c:v>1.7815054917828537</c:v>
                </c:pt>
                <c:pt idx="1310">
                  <c:v>1.7772925184228214</c:v>
                </c:pt>
                <c:pt idx="1311">
                  <c:v>1.7837416755691848</c:v>
                </c:pt>
                <c:pt idx="1312">
                  <c:v>1.7864075634130765</c:v>
                </c:pt>
                <c:pt idx="1313">
                  <c:v>1.7851181793368878</c:v>
                </c:pt>
                <c:pt idx="1314">
                  <c:v>1.791223512826583</c:v>
                </c:pt>
                <c:pt idx="1315">
                  <c:v>1.7885585016733945</c:v>
                </c:pt>
                <c:pt idx="1316">
                  <c:v>1.7920844020481501</c:v>
                </c:pt>
                <c:pt idx="1317">
                  <c:v>1.7897633656710428</c:v>
                </c:pt>
                <c:pt idx="1318">
                  <c:v>1.7950090191421095</c:v>
                </c:pt>
                <c:pt idx="1319">
                  <c:v>1.802318309727249</c:v>
                </c:pt>
                <c:pt idx="1320">
                  <c:v>1.7931186842973605</c:v>
                </c:pt>
                <c:pt idx="1321">
                  <c:v>1.8006000378612015</c:v>
                </c:pt>
                <c:pt idx="1322">
                  <c:v>1.8048140087579401</c:v>
                </c:pt>
                <c:pt idx="1323">
                  <c:v>1.798881856691565</c:v>
                </c:pt>
                <c:pt idx="1324">
                  <c:v>1.8060193866606464</c:v>
                </c:pt>
                <c:pt idx="1325">
                  <c:v>1.8026668188905328</c:v>
                </c:pt>
                <c:pt idx="1326">
                  <c:v>1.8084286612357952</c:v>
                </c:pt>
                <c:pt idx="1327">
                  <c:v>1.8270881830608143</c:v>
                </c:pt>
                <c:pt idx="1328">
                  <c:v>1.8232197891402415</c:v>
                </c:pt>
                <c:pt idx="1329">
                  <c:v>1.825198392394533</c:v>
                </c:pt>
                <c:pt idx="1330">
                  <c:v>1.824253527272893</c:v>
                </c:pt>
                <c:pt idx="1331">
                  <c:v>1.8284678004084578</c:v>
                </c:pt>
                <c:pt idx="1332">
                  <c:v>1.8275229655602274</c:v>
                </c:pt>
                <c:pt idx="1333">
                  <c:v>1.8270941079199607</c:v>
                </c:pt>
                <c:pt idx="1334">
                  <c:v>1.8316523256820143</c:v>
                </c:pt>
                <c:pt idx="1335">
                  <c:v>1.8411976792074816</c:v>
                </c:pt>
                <c:pt idx="1336">
                  <c:v>1.8366416077001626</c:v>
                </c:pt>
                <c:pt idx="1337">
                  <c:v>1.8356968937598446</c:v>
                </c:pt>
                <c:pt idx="1338">
                  <c:v>1.8356120411690684</c:v>
                </c:pt>
                <c:pt idx="1339">
                  <c:v>1.8415461278858549</c:v>
                </c:pt>
                <c:pt idx="1340">
                  <c:v>1.8586582014709971</c:v>
                </c:pt>
                <c:pt idx="1341">
                  <c:v>1.8654521495992347</c:v>
                </c:pt>
                <c:pt idx="1342">
                  <c:v>1.855737090954124</c:v>
                </c:pt>
                <c:pt idx="1343">
                  <c:v>1.8668302857166141</c:v>
                </c:pt>
                <c:pt idx="1344">
                  <c:v>1.8701848788335504</c:v>
                </c:pt>
                <c:pt idx="1345">
                  <c:v>1.8792144666934689</c:v>
                </c:pt>
                <c:pt idx="1346">
                  <c:v>1.8782698433876532</c:v>
                </c:pt>
                <c:pt idx="1347">
                  <c:v>1.8633957673313415</c:v>
                </c:pt>
                <c:pt idx="1348">
                  <c:v>1.877584433025463</c:v>
                </c:pt>
                <c:pt idx="1349">
                  <c:v>1.8807671142831106</c:v>
                </c:pt>
                <c:pt idx="1350">
                  <c:v>1.8808543247329448</c:v>
                </c:pt>
                <c:pt idx="1351">
                  <c:v>1.8883361922018438</c:v>
                </c:pt>
                <c:pt idx="1352">
                  <c:v>1.8978816969086327</c:v>
                </c:pt>
                <c:pt idx="1353">
                  <c:v>1.9008924058839904</c:v>
                </c:pt>
                <c:pt idx="1354">
                  <c:v>1.8966803999110726</c:v>
                </c:pt>
                <c:pt idx="1355">
                  <c:v>1.897799443992739</c:v>
                </c:pt>
                <c:pt idx="1356">
                  <c:v>1.9126759686045203</c:v>
                </c:pt>
                <c:pt idx="1357">
                  <c:v>1.9198139217203396</c:v>
                </c:pt>
                <c:pt idx="1358">
                  <c:v>1.9214488524992848</c:v>
                </c:pt>
                <c:pt idx="1359">
                  <c:v>1.9230837530048202</c:v>
                </c:pt>
                <c:pt idx="1360">
                  <c:v>1.9168080795825113</c:v>
                </c:pt>
                <c:pt idx="1361">
                  <c:v>1.9217103930285584</c:v>
                </c:pt>
                <c:pt idx="1362">
                  <c:v>1.9331475323556289</c:v>
                </c:pt>
                <c:pt idx="1363">
                  <c:v>1.9309990426507804</c:v>
                </c:pt>
                <c:pt idx="1364">
                  <c:v>1.9317741119563658</c:v>
                </c:pt>
                <c:pt idx="1365">
                  <c:v>1.9354725892148807</c:v>
                </c:pt>
                <c:pt idx="1366">
                  <c:v>1.937107368812504</c:v>
                </c:pt>
                <c:pt idx="1367">
                  <c:v>1.9368505439394377</c:v>
                </c:pt>
                <c:pt idx="1368">
                  <c:v>1.9379694369016913</c:v>
                </c:pt>
                <c:pt idx="1369">
                  <c:v>1.9354769421473519</c:v>
                </c:pt>
                <c:pt idx="1370">
                  <c:v>1.9386594118625851</c:v>
                </c:pt>
                <c:pt idx="1371">
                  <c:v>1.9390903854841772</c:v>
                </c:pt>
                <c:pt idx="1372">
                  <c:v>1.9450243512311427</c:v>
                </c:pt>
                <c:pt idx="1373">
                  <c:v>1.954741556130988</c:v>
                </c:pt>
                <c:pt idx="1374">
                  <c:v>1.9670382848421843</c:v>
                </c:pt>
                <c:pt idx="1375">
                  <c:v>1.9662653315179242</c:v>
                </c:pt>
                <c:pt idx="1376">
                  <c:v>1.972027264559598</c:v>
                </c:pt>
                <c:pt idx="1377">
                  <c:v>1.9640315358021521</c:v>
                </c:pt>
                <c:pt idx="1378">
                  <c:v>1.9665259652069027</c:v>
                </c:pt>
                <c:pt idx="1379">
                  <c:v>1.9715998882115038</c:v>
                </c:pt>
                <c:pt idx="1380">
                  <c:v>1.9691070911564297</c:v>
                </c:pt>
                <c:pt idx="1381">
                  <c:v>1.9636908559369251</c:v>
                </c:pt>
                <c:pt idx="1382">
                  <c:v>1.9752994839146374</c:v>
                </c:pt>
                <c:pt idx="1383">
                  <c:v>1.9667876871289991</c:v>
                </c:pt>
                <c:pt idx="1384">
                  <c:v>1.9572440869230294</c:v>
                </c:pt>
                <c:pt idx="1385">
                  <c:v>1.9674768761575099</c:v>
                </c:pt>
                <c:pt idx="1386">
                  <c:v>1.9759899122956788</c:v>
                </c:pt>
                <c:pt idx="1387">
                  <c:v>1.9716052387425902</c:v>
                </c:pt>
                <c:pt idx="1388">
                  <c:v>1.9845894031627997</c:v>
                </c:pt>
                <c:pt idx="1389">
                  <c:v>1.9931023183930565</c:v>
                </c:pt>
                <c:pt idx="1390">
                  <c:v>1.9937046294839684</c:v>
                </c:pt>
                <c:pt idx="1391">
                  <c:v>1.9870842557761972</c:v>
                </c:pt>
                <c:pt idx="1392">
                  <c:v>1.9875144736769068</c:v>
                </c:pt>
                <c:pt idx="1393">
                  <c:v>1.9874287746688373</c:v>
                </c:pt>
                <c:pt idx="1394">
                  <c:v>1.9895786246960374</c:v>
                </c:pt>
                <c:pt idx="1395">
                  <c:v>1.9829580091724419</c:v>
                </c:pt>
                <c:pt idx="1396">
                  <c:v>1.98373205072982</c:v>
                </c:pt>
                <c:pt idx="1397">
                  <c:v>1.9951680413388622</c:v>
                </c:pt>
                <c:pt idx="1398">
                  <c:v>1.9914707430717851</c:v>
                </c:pt>
                <c:pt idx="1399">
                  <c:v>1.9888052482250393</c:v>
                </c:pt>
                <c:pt idx="1400">
                  <c:v>1.9916426548691648</c:v>
                </c:pt>
                <c:pt idx="1401">
                  <c:v>1.9922444218435178</c:v>
                </c:pt>
                <c:pt idx="1402">
                  <c:v>1.9835598366317055</c:v>
                </c:pt>
                <c:pt idx="1403">
                  <c:v>1.9784865181666651</c:v>
                </c:pt>
                <c:pt idx="1404">
                  <c:v>1.9765086102102543</c:v>
                </c:pt>
                <c:pt idx="1405">
                  <c:v>1.9722950020372518</c:v>
                </c:pt>
                <c:pt idx="1406">
                  <c:v>1.9687692226323175</c:v>
                </c:pt>
                <c:pt idx="1407">
                  <c:v>1.9635237202806635</c:v>
                </c:pt>
                <c:pt idx="1408">
                  <c:v>1.9706599202008026</c:v>
                </c:pt>
                <c:pt idx="1409">
                  <c:v>1.9747006189159013</c:v>
                </c:pt>
                <c:pt idx="1410">
                  <c:v>1.9789131690672868</c:v>
                </c:pt>
                <c:pt idx="1411">
                  <c:v>1.9691962059832657</c:v>
                </c:pt>
                <c:pt idx="1412">
                  <c:v>1.9568996586648919</c:v>
                </c:pt>
                <c:pt idx="1413">
                  <c:v>1.9566408085069118</c:v>
                </c:pt>
                <c:pt idx="1414">
                  <c:v>1.9663561391793474</c:v>
                </c:pt>
                <c:pt idx="1415">
                  <c:v>1.9691926087716767</c:v>
                </c:pt>
                <c:pt idx="1416">
                  <c:v>1.9634306152450924</c:v>
                </c:pt>
                <c:pt idx="1417">
                  <c:v>1.9585283017990454</c:v>
                </c:pt>
                <c:pt idx="1418">
                  <c:v>1.9629123103276629</c:v>
                </c:pt>
                <c:pt idx="1419">
                  <c:v>1.9543985486801125</c:v>
                </c:pt>
                <c:pt idx="1420">
                  <c:v>1.9488081949235831</c:v>
                </c:pt>
                <c:pt idx="1421">
                  <c:v>1.9540518230478272</c:v>
                </c:pt>
                <c:pt idx="1422">
                  <c:v>1.9445060463137132</c:v>
                </c:pt>
                <c:pt idx="1423">
                  <c:v>1.9433866394464014</c:v>
                </c:pt>
                <c:pt idx="1424">
                  <c:v>1.946222443952351</c:v>
                </c:pt>
                <c:pt idx="1425">
                  <c:v>1.9315173475682099</c:v>
                </c:pt>
                <c:pt idx="1426">
                  <c:v>1.9329772529079259</c:v>
                </c:pt>
                <c:pt idx="1427">
                  <c:v>1.9279022114587063</c:v>
                </c:pt>
                <c:pt idx="1428">
                  <c:v>1.9255786358297184</c:v>
                </c:pt>
                <c:pt idx="1429">
                  <c:v>1.9227390527193573</c:v>
                </c:pt>
                <c:pt idx="1430">
                  <c:v>1.9284978116961802</c:v>
                </c:pt>
                <c:pt idx="1431">
                  <c:v>1.9244542714284663</c:v>
                </c:pt>
                <c:pt idx="1432">
                  <c:v>1.9133599581594487</c:v>
                </c:pt>
                <c:pt idx="1433">
                  <c:v>1.9177426970621259</c:v>
                </c:pt>
                <c:pt idx="1434">
                  <c:v>1.9176541566252583</c:v>
                </c:pt>
                <c:pt idx="1435">
                  <c:v>1.9032921281149944</c:v>
                </c:pt>
                <c:pt idx="1436">
                  <c:v>1.8999359933447926</c:v>
                </c:pt>
                <c:pt idx="1437">
                  <c:v>1.8922805514554277</c:v>
                </c:pt>
                <c:pt idx="1438">
                  <c:v>1.9013059978633806</c:v>
                </c:pt>
                <c:pt idx="1439">
                  <c:v>1.8924465988166628</c:v>
                </c:pt>
                <c:pt idx="1440">
                  <c:v>1.8863385749556738</c:v>
                </c:pt>
                <c:pt idx="1441">
                  <c:v>1.8850455936678963</c:v>
                </c:pt>
                <c:pt idx="1442">
                  <c:v>1.8816889147811355</c:v>
                </c:pt>
                <c:pt idx="1443">
                  <c:v>1.8776441955838925</c:v>
                </c:pt>
                <c:pt idx="1444">
                  <c:v>1.871707751008048</c:v>
                </c:pt>
                <c:pt idx="1445">
                  <c:v>1.8814203913710985</c:v>
                </c:pt>
                <c:pt idx="1446">
                  <c:v>1.8796110095428931</c:v>
                </c:pt>
                <c:pt idx="1447">
                  <c:v>1.8681712100560297</c:v>
                </c:pt>
                <c:pt idx="1448">
                  <c:v>1.8558714886728052</c:v>
                </c:pt>
                <c:pt idx="1449">
                  <c:v>1.8368649087032651</c:v>
                </c:pt>
                <c:pt idx="1450">
                  <c:v>1.8455451711941071</c:v>
                </c:pt>
                <c:pt idx="1451">
                  <c:v>1.857320783708668</c:v>
                </c:pt>
                <c:pt idx="1452">
                  <c:v>1.8503516590217888</c:v>
                </c:pt>
                <c:pt idx="1453">
                  <c:v>1.8390831970042454</c:v>
                </c:pt>
                <c:pt idx="1454">
                  <c:v>1.8357251880066339</c:v>
                </c:pt>
                <c:pt idx="1455">
                  <c:v>1.8505958028031104</c:v>
                </c:pt>
                <c:pt idx="1456">
                  <c:v>1.8511928540593472</c:v>
                </c:pt>
                <c:pt idx="1457">
                  <c:v>1.8249626370716685</c:v>
                </c:pt>
                <c:pt idx="1458">
                  <c:v>1.8197125097602185</c:v>
                </c:pt>
                <c:pt idx="1459">
                  <c:v>1.8237485986212711</c:v>
                </c:pt>
                <c:pt idx="1460">
                  <c:v>1.8169504939972267</c:v>
                </c:pt>
                <c:pt idx="1461">
                  <c:v>1.8147954597260121</c:v>
                </c:pt>
                <c:pt idx="1462">
                  <c:v>1.8138440953552575</c:v>
                </c:pt>
                <c:pt idx="1463">
                  <c:v>1.8194273906403629</c:v>
                </c:pt>
                <c:pt idx="1464">
                  <c:v>1.8184757542422831</c:v>
                </c:pt>
                <c:pt idx="1465">
                  <c:v>1.820275508135683</c:v>
                </c:pt>
                <c:pt idx="1466">
                  <c:v>1.8078016984888428</c:v>
                </c:pt>
                <c:pt idx="1467">
                  <c:v>1.8149322304095017</c:v>
                </c:pt>
                <c:pt idx="1468">
                  <c:v>1.80761724167529</c:v>
                </c:pt>
                <c:pt idx="1469">
                  <c:v>1.8070088847554107</c:v>
                </c:pt>
                <c:pt idx="1470">
                  <c:v>1.7943626191327233</c:v>
                </c:pt>
                <c:pt idx="1471">
                  <c:v>1.7879070686013157</c:v>
                </c:pt>
                <c:pt idx="1472">
                  <c:v>1.795036950603254</c:v>
                </c:pt>
                <c:pt idx="1473">
                  <c:v>1.7842819115598603</c:v>
                </c:pt>
                <c:pt idx="1474">
                  <c:v>1.7788577564077965</c:v>
                </c:pt>
                <c:pt idx="1475">
                  <c:v>1.7825478451459453</c:v>
                </c:pt>
                <c:pt idx="1476">
                  <c:v>1.7774673775749783</c:v>
                </c:pt>
                <c:pt idx="1477">
                  <c:v>1.7741064514959994</c:v>
                </c:pt>
                <c:pt idx="1478">
                  <c:v>1.7781400313166722</c:v>
                </c:pt>
                <c:pt idx="1479">
                  <c:v>1.7773583721274695</c:v>
                </c:pt>
                <c:pt idx="1480">
                  <c:v>1.7731371765341433</c:v>
                </c:pt>
                <c:pt idx="1481">
                  <c:v>1.7690878172094449</c:v>
                </c:pt>
                <c:pt idx="1482">
                  <c:v>1.7655542084445446</c:v>
                </c:pt>
                <c:pt idx="1483">
                  <c:v>1.7692431484646651</c:v>
                </c:pt>
                <c:pt idx="1484">
                  <c:v>1.7658812096813206</c:v>
                </c:pt>
                <c:pt idx="1485">
                  <c:v>1.7656145907101941</c:v>
                </c:pt>
                <c:pt idx="1486">
                  <c:v>1.7698189789893783</c:v>
                </c:pt>
                <c:pt idx="1487">
                  <c:v>1.7583740859487209</c:v>
                </c:pt>
                <c:pt idx="1488">
                  <c:v>1.7548395703311437</c:v>
                </c:pt>
                <c:pt idx="1489">
                  <c:v>1.7667821370658077</c:v>
                </c:pt>
                <c:pt idx="1490">
                  <c:v>1.7690942559117404</c:v>
                </c:pt>
                <c:pt idx="1491">
                  <c:v>1.7664191331920978</c:v>
                </c:pt>
                <c:pt idx="1492">
                  <c:v>1.7597886025696667</c:v>
                </c:pt>
                <c:pt idx="1493">
                  <c:v>1.7467950218623112</c:v>
                </c:pt>
                <c:pt idx="1494">
                  <c:v>1.7506542564544578</c:v>
                </c:pt>
                <c:pt idx="1495">
                  <c:v>1.7529655893494345</c:v>
                </c:pt>
                <c:pt idx="1496">
                  <c:v>1.7561366476298179</c:v>
                </c:pt>
                <c:pt idx="1497">
                  <c:v>1.7510530060435272</c:v>
                </c:pt>
                <c:pt idx="1498">
                  <c:v>1.7480328202651585</c:v>
                </c:pt>
                <c:pt idx="1499">
                  <c:v>1.7501715611768163</c:v>
                </c:pt>
                <c:pt idx="1500">
                  <c:v>1.7536858838791769</c:v>
                </c:pt>
                <c:pt idx="1501">
                  <c:v>1.751868990196545</c:v>
                </c:pt>
                <c:pt idx="1502">
                  <c:v>1.7388739736133223</c:v>
                </c:pt>
                <c:pt idx="1503">
                  <c:v>1.7387764400298558</c:v>
                </c:pt>
                <c:pt idx="1504">
                  <c:v>1.7385067527836582</c:v>
                </c:pt>
                <c:pt idx="1505">
                  <c:v>1.7301543984070327</c:v>
                </c:pt>
                <c:pt idx="1506">
                  <c:v>1.7255851471139065</c:v>
                </c:pt>
                <c:pt idx="1507">
                  <c:v>1.7203278555350614</c:v>
                </c:pt>
                <c:pt idx="1508">
                  <c:v>1.7334710844790788</c:v>
                </c:pt>
                <c:pt idx="1509">
                  <c:v>1.7251180197235858</c:v>
                </c:pt>
                <c:pt idx="1510">
                  <c:v>1.7313821305792498</c:v>
                </c:pt>
                <c:pt idx="1511">
                  <c:v>1.732314994826039</c:v>
                </c:pt>
                <c:pt idx="1512">
                  <c:v>1.7372030100045148</c:v>
                </c:pt>
                <c:pt idx="1513">
                  <c:v>1.7329764790106161</c:v>
                </c:pt>
                <c:pt idx="1514">
                  <c:v>1.7388959500347736</c:v>
                </c:pt>
                <c:pt idx="1515">
                  <c:v>1.7338091948685423</c:v>
                </c:pt>
                <c:pt idx="1516">
                  <c:v>1.7337093638799739</c:v>
                </c:pt>
                <c:pt idx="1517">
                  <c:v>1.7337813238118271</c:v>
                </c:pt>
                <c:pt idx="1518">
                  <c:v>1.729725858228969</c:v>
                </c:pt>
                <c:pt idx="1519">
                  <c:v>1.7272179164890302</c:v>
                </c:pt>
                <c:pt idx="1520">
                  <c:v>1.7245378210863604</c:v>
                </c:pt>
                <c:pt idx="1521">
                  <c:v>1.727532493667072</c:v>
                </c:pt>
                <c:pt idx="1522">
                  <c:v>1.7246800481216709</c:v>
                </c:pt>
                <c:pt idx="1523">
                  <c:v>1.7237190861019018</c:v>
                </c:pt>
                <c:pt idx="1524">
                  <c:v>1.7184586658311749</c:v>
                </c:pt>
                <c:pt idx="1525">
                  <c:v>1.7173253385567333</c:v>
                </c:pt>
                <c:pt idx="1526">
                  <c:v>1.7151600113076695</c:v>
                </c:pt>
                <c:pt idx="1527">
                  <c:v>1.7184974797596966</c:v>
                </c:pt>
                <c:pt idx="1528">
                  <c:v>1.7245862478067919</c:v>
                </c:pt>
                <c:pt idx="1529">
                  <c:v>1.7220763865283832</c:v>
                </c:pt>
                <c:pt idx="1530">
                  <c:v>1.7216299357220728</c:v>
                </c:pt>
                <c:pt idx="1531">
                  <c:v>1.7237628273404815</c:v>
                </c:pt>
                <c:pt idx="1532">
                  <c:v>1.7200485857270273</c:v>
                </c:pt>
                <c:pt idx="1533">
                  <c:v>1.7115189841214951</c:v>
                </c:pt>
                <c:pt idx="1534">
                  <c:v>1.7153709788927312</c:v>
                </c:pt>
                <c:pt idx="1535">
                  <c:v>1.7138917119369601</c:v>
                </c:pt>
                <c:pt idx="1536">
                  <c:v>1.7215265830692399</c:v>
                </c:pt>
                <c:pt idx="1537">
                  <c:v>1.7179832859527233</c:v>
                </c:pt>
                <c:pt idx="1538">
                  <c:v>1.7137519032146638</c:v>
                </c:pt>
                <c:pt idx="1539">
                  <c:v>1.7141634698596131</c:v>
                </c:pt>
                <c:pt idx="1540">
                  <c:v>1.7145748249064301</c:v>
                </c:pt>
                <c:pt idx="1541">
                  <c:v>1.7165336886718434</c:v>
                </c:pt>
                <c:pt idx="1542">
                  <c:v>1.7172885650807848</c:v>
                </c:pt>
                <c:pt idx="1543">
                  <c:v>1.716839439015122</c:v>
                </c:pt>
                <c:pt idx="1544">
                  <c:v>1.7105431494751409</c:v>
                </c:pt>
                <c:pt idx="1545">
                  <c:v>1.7123291945533523</c:v>
                </c:pt>
                <c:pt idx="1546">
                  <c:v>1.7166945518324004</c:v>
                </c:pt>
                <c:pt idx="1547">
                  <c:v>1.7152127456495119</c:v>
                </c:pt>
                <c:pt idx="1548">
                  <c:v>1.7139027001445903</c:v>
                </c:pt>
                <c:pt idx="1549">
                  <c:v>1.7069174483480811</c:v>
                </c:pt>
                <c:pt idx="1550">
                  <c:v>1.715237215956066</c:v>
                </c:pt>
                <c:pt idx="1551">
                  <c:v>1.725276449459187</c:v>
                </c:pt>
                <c:pt idx="1552">
                  <c:v>1.7122716235916722</c:v>
                </c:pt>
                <c:pt idx="1553">
                  <c:v>1.7059733691755397</c:v>
                </c:pt>
                <c:pt idx="1554">
                  <c:v>1.7137763281730121</c:v>
                </c:pt>
                <c:pt idx="1555">
                  <c:v>1.7188275643711031</c:v>
                </c:pt>
                <c:pt idx="1556">
                  <c:v>1.7214710072119273</c:v>
                </c:pt>
                <c:pt idx="1557">
                  <c:v>1.714655929079532</c:v>
                </c:pt>
                <c:pt idx="1558">
                  <c:v>1.7099042462949119</c:v>
                </c:pt>
                <c:pt idx="1559">
                  <c:v>1.7123750215865197</c:v>
                </c:pt>
                <c:pt idx="1560">
                  <c:v>1.7172531367966739</c:v>
                </c:pt>
                <c:pt idx="1561">
                  <c:v>1.7026985350349149</c:v>
                </c:pt>
                <c:pt idx="1562">
                  <c:v>1.7080920985480881</c:v>
                </c:pt>
                <c:pt idx="1563">
                  <c:v>1.7126255739267358</c:v>
                </c:pt>
                <c:pt idx="1564">
                  <c:v>1.7066687097379825</c:v>
                </c:pt>
                <c:pt idx="1565">
                  <c:v>1.7112017165659688</c:v>
                </c:pt>
                <c:pt idx="1566">
                  <c:v>1.7141867461246967</c:v>
                </c:pt>
                <c:pt idx="1567">
                  <c:v>1.708401143839366</c:v>
                </c:pt>
                <c:pt idx="1568">
                  <c:v>1.7084622213595599</c:v>
                </c:pt>
                <c:pt idx="1569">
                  <c:v>1.6995806947522287</c:v>
                </c:pt>
                <c:pt idx="1570">
                  <c:v>1.6979215959946423</c:v>
                </c:pt>
                <c:pt idx="1571">
                  <c:v>1.708816005438506</c:v>
                </c:pt>
                <c:pt idx="1572">
                  <c:v>1.7092200450861332</c:v>
                </c:pt>
                <c:pt idx="1573">
                  <c:v>1.7132352004106466</c:v>
                </c:pt>
                <c:pt idx="1574">
                  <c:v>1.7057281824647315</c:v>
                </c:pt>
                <c:pt idx="1575">
                  <c:v>1.706475441183035</c:v>
                </c:pt>
                <c:pt idx="1576">
                  <c:v>1.7061906092563064</c:v>
                </c:pt>
                <c:pt idx="1577">
                  <c:v>1.7077972155045278</c:v>
                </c:pt>
                <c:pt idx="1578">
                  <c:v>1.7130148920919543</c:v>
                </c:pt>
                <c:pt idx="1579">
                  <c:v>1.7118694732524415</c:v>
                </c:pt>
                <c:pt idx="1580">
                  <c:v>1.7108957697426899</c:v>
                </c:pt>
                <c:pt idx="1581">
                  <c:v>1.716800549514512</c:v>
                </c:pt>
                <c:pt idx="1582">
                  <c:v>1.7068839547143817</c:v>
                </c:pt>
                <c:pt idx="1583">
                  <c:v>1.7007504176427348</c:v>
                </c:pt>
                <c:pt idx="1584">
                  <c:v>1.7075142728818622</c:v>
                </c:pt>
                <c:pt idx="1585">
                  <c:v>1.7120422919458345</c:v>
                </c:pt>
                <c:pt idx="1586">
                  <c:v>1.7105511299111833</c:v>
                </c:pt>
                <c:pt idx="1587">
                  <c:v>1.7075119754891419</c:v>
                </c:pt>
                <c:pt idx="1588">
                  <c:v>1.7073960324905029</c:v>
                </c:pt>
                <c:pt idx="1589">
                  <c:v>1.702292742111126</c:v>
                </c:pt>
                <c:pt idx="1590">
                  <c:v>1.7071633605546508</c:v>
                </c:pt>
                <c:pt idx="1591">
                  <c:v>1.7006837931195022</c:v>
                </c:pt>
                <c:pt idx="1592">
                  <c:v>1.7048660085319036</c:v>
                </c:pt>
                <c:pt idx="1593">
                  <c:v>1.7007934484999707</c:v>
                </c:pt>
                <c:pt idx="1594">
                  <c:v>1.7060069383825656</c:v>
                </c:pt>
                <c:pt idx="1595">
                  <c:v>1.7053732194574946</c:v>
                </c:pt>
                <c:pt idx="1596">
                  <c:v>1.7000960674845214</c:v>
                </c:pt>
                <c:pt idx="1597">
                  <c:v>1.7044489099946185</c:v>
                </c:pt>
                <c:pt idx="1598">
                  <c:v>1.7093173670652764</c:v>
                </c:pt>
                <c:pt idx="1599">
                  <c:v>1.7074787690256632</c:v>
                </c:pt>
                <c:pt idx="1600">
                  <c:v>1.7106269893677419</c:v>
                </c:pt>
                <c:pt idx="1601">
                  <c:v>1.702253021320022</c:v>
                </c:pt>
                <c:pt idx="1602">
                  <c:v>1.7009294937217485</c:v>
                </c:pt>
                <c:pt idx="1603">
                  <c:v>1.7045927693901304</c:v>
                </c:pt>
                <c:pt idx="1604">
                  <c:v>1.7063641232122919</c:v>
                </c:pt>
                <c:pt idx="1605">
                  <c:v>1.7055556811741093</c:v>
                </c:pt>
                <c:pt idx="1606">
                  <c:v>1.7033711736850974</c:v>
                </c:pt>
                <c:pt idx="1607">
                  <c:v>1.7099568143744459</c:v>
                </c:pt>
                <c:pt idx="1608">
                  <c:v>1.7094914251483453</c:v>
                </c:pt>
                <c:pt idx="1609">
                  <c:v>1.704382587760358</c:v>
                </c:pt>
                <c:pt idx="1610">
                  <c:v>1.7082158708324022</c:v>
                </c:pt>
                <c:pt idx="1611">
                  <c:v>1.7027625145282494</c:v>
                </c:pt>
                <c:pt idx="1612">
                  <c:v>1.7016081176967961</c:v>
                </c:pt>
                <c:pt idx="1613">
                  <c:v>1.6995935722690605</c:v>
                </c:pt>
                <c:pt idx="1614">
                  <c:v>1.6996423466196742</c:v>
                </c:pt>
                <c:pt idx="1615">
                  <c:v>1.7008946397848892</c:v>
                </c:pt>
                <c:pt idx="1616">
                  <c:v>1.7030064467392976</c:v>
                </c:pt>
                <c:pt idx="1617">
                  <c:v>1.7061498002240363</c:v>
                </c:pt>
                <c:pt idx="1618">
                  <c:v>1.7117004180577098</c:v>
                </c:pt>
                <c:pt idx="1619">
                  <c:v>1.7062447190095356</c:v>
                </c:pt>
                <c:pt idx="1620">
                  <c:v>1.7109348859595643</c:v>
                </c:pt>
                <c:pt idx="1621">
                  <c:v>1.7118414359334175</c:v>
                </c:pt>
                <c:pt idx="1622">
                  <c:v>1.7094802857903475</c:v>
                </c:pt>
                <c:pt idx="1623">
                  <c:v>1.6997241460573496</c:v>
                </c:pt>
                <c:pt idx="1624">
                  <c:v>1.7045850761317376</c:v>
                </c:pt>
                <c:pt idx="1625">
                  <c:v>1.7008472710792646</c:v>
                </c:pt>
                <c:pt idx="1626">
                  <c:v>1.6950455114412297</c:v>
                </c:pt>
                <c:pt idx="1627">
                  <c:v>1.6966381217052802</c:v>
                </c:pt>
                <c:pt idx="1628">
                  <c:v>1.7013258552247819</c:v>
                </c:pt>
                <c:pt idx="1629">
                  <c:v>1.7048095106938763</c:v>
                </c:pt>
                <c:pt idx="1630">
                  <c:v>1.7050254358172123</c:v>
                </c:pt>
                <c:pt idx="1631">
                  <c:v>1.701113784287851</c:v>
                </c:pt>
                <c:pt idx="1632">
                  <c:v>1.6984056213441321</c:v>
                </c:pt>
                <c:pt idx="1633">
                  <c:v>1.6999963423015814</c:v>
                </c:pt>
                <c:pt idx="1634">
                  <c:v>1.6988352648802558</c:v>
                </c:pt>
                <c:pt idx="1635">
                  <c:v>1.709711703236964</c:v>
                </c:pt>
                <c:pt idx="1636">
                  <c:v>1.6990916967462708</c:v>
                </c:pt>
                <c:pt idx="1637">
                  <c:v>1.701369037226194</c:v>
                </c:pt>
                <c:pt idx="1638">
                  <c:v>1.7091490675976178</c:v>
                </c:pt>
                <c:pt idx="1639">
                  <c:v>1.7050629347833506</c:v>
                </c:pt>
                <c:pt idx="1640">
                  <c:v>1.7011484266216252</c:v>
                </c:pt>
                <c:pt idx="1641">
                  <c:v>1.7008449585671739</c:v>
                </c:pt>
                <c:pt idx="1642">
                  <c:v>1.7039805432214317</c:v>
                </c:pt>
                <c:pt idx="1643">
                  <c:v>1.6974855439287213</c:v>
                </c:pt>
                <c:pt idx="1644">
                  <c:v>1.6975250380035607</c:v>
                </c:pt>
                <c:pt idx="1645">
                  <c:v>1.703583123706687</c:v>
                </c:pt>
                <c:pt idx="1646">
                  <c:v>1.6970871268599355</c:v>
                </c:pt>
                <c:pt idx="1647">
                  <c:v>1.705036197309816</c:v>
                </c:pt>
                <c:pt idx="1648">
                  <c:v>1.7074819430595598</c:v>
                </c:pt>
                <c:pt idx="1649">
                  <c:v>1.7068319156394653</c:v>
                </c:pt>
                <c:pt idx="1650">
                  <c:v>1.7037739890611807</c:v>
                </c:pt>
                <c:pt idx="1651">
                  <c:v>1.7112058277011883</c:v>
                </c:pt>
                <c:pt idx="1652">
                  <c:v>1.7076313192317512</c:v>
                </c:pt>
                <c:pt idx="1653">
                  <c:v>1.7040564782500787</c:v>
                </c:pt>
                <c:pt idx="1654">
                  <c:v>1.6989335844183926</c:v>
                </c:pt>
                <c:pt idx="1655">
                  <c:v>1.7012050151461582</c:v>
                </c:pt>
                <c:pt idx="1656">
                  <c:v>1.7038200276949571</c:v>
                </c:pt>
                <c:pt idx="1657">
                  <c:v>1.7097021357808779</c:v>
                </c:pt>
                <c:pt idx="1658">
                  <c:v>1.7076733223061107</c:v>
                </c:pt>
                <c:pt idx="1659">
                  <c:v>1.7065040075066764</c:v>
                </c:pt>
                <c:pt idx="1660">
                  <c:v>1.7013790429966773</c:v>
                </c:pt>
                <c:pt idx="1661">
                  <c:v>1.7043363072946611</c:v>
                </c:pt>
                <c:pt idx="1662">
                  <c:v>1.7017901864379328</c:v>
                </c:pt>
                <c:pt idx="1663">
                  <c:v>1.6987278464385518</c:v>
                </c:pt>
                <c:pt idx="1664">
                  <c:v>1.7046075210995171</c:v>
                </c:pt>
                <c:pt idx="1665">
                  <c:v>1.7106588204093096</c:v>
                </c:pt>
                <c:pt idx="1666">
                  <c:v>1.7118946388197309</c:v>
                </c:pt>
                <c:pt idx="1667">
                  <c:v>1.7083149763239711</c:v>
                </c:pt>
                <c:pt idx="1668">
                  <c:v>1.7024993567290476</c:v>
                </c:pt>
                <c:pt idx="1669">
                  <c:v>1.7013265504892316</c:v>
                </c:pt>
                <c:pt idx="1670">
                  <c:v>1.6965420391065269</c:v>
                </c:pt>
                <c:pt idx="1671">
                  <c:v>1.6986359354295932</c:v>
                </c:pt>
                <c:pt idx="1672">
                  <c:v>1.7055446022781158</c:v>
                </c:pt>
                <c:pt idx="1673">
                  <c:v>1.6964598013496253</c:v>
                </c:pt>
                <c:pt idx="1674">
                  <c:v>1.6952852116041934</c:v>
                </c:pt>
                <c:pt idx="1675">
                  <c:v>1.7011609867348816</c:v>
                </c:pt>
                <c:pt idx="1676">
                  <c:v>1.7005015732336319</c:v>
                </c:pt>
                <c:pt idx="1677">
                  <c:v>1.7084402449381084</c:v>
                </c:pt>
                <c:pt idx="1678">
                  <c:v>1.7045126930005239</c:v>
                </c:pt>
                <c:pt idx="1679">
                  <c:v>1.7102150448561606</c:v>
                </c:pt>
                <c:pt idx="1680">
                  <c:v>1.7031913267695455</c:v>
                </c:pt>
                <c:pt idx="1681">
                  <c:v>1.7059694847602993</c:v>
                </c:pt>
                <c:pt idx="1682">
                  <c:v>1.6999768446528576</c:v>
                </c:pt>
                <c:pt idx="1683">
                  <c:v>1.6944997284227519</c:v>
                </c:pt>
                <c:pt idx="1684">
                  <c:v>1.6988244882726153</c:v>
                </c:pt>
                <c:pt idx="1685">
                  <c:v>1.7026329685233939</c:v>
                </c:pt>
                <c:pt idx="1686">
                  <c:v>1.698702469266939</c:v>
                </c:pt>
                <c:pt idx="1687">
                  <c:v>1.697007186500088</c:v>
                </c:pt>
                <c:pt idx="1688">
                  <c:v>1.6954834981569431</c:v>
                </c:pt>
                <c:pt idx="1689">
                  <c:v>1.6998063989287309</c:v>
                </c:pt>
                <c:pt idx="1690">
                  <c:v>1.7065364733612141</c:v>
                </c:pt>
                <c:pt idx="1691">
                  <c:v>1.7077631475241961</c:v>
                </c:pt>
                <c:pt idx="1692">
                  <c:v>1.7009069127235912</c:v>
                </c:pt>
                <c:pt idx="1693">
                  <c:v>1.7002411813797933</c:v>
                </c:pt>
                <c:pt idx="1694">
                  <c:v>1.7050780794682154</c:v>
                </c:pt>
                <c:pt idx="1695">
                  <c:v>1.7035517460951723</c:v>
                </c:pt>
                <c:pt idx="1696">
                  <c:v>1.7087318028035958</c:v>
                </c:pt>
                <c:pt idx="1697">
                  <c:v>1.712191789032129</c:v>
                </c:pt>
                <c:pt idx="1698">
                  <c:v>1.709976417824898</c:v>
                </c:pt>
                <c:pt idx="1699">
                  <c:v>1.6965826818795837</c:v>
                </c:pt>
                <c:pt idx="1700">
                  <c:v>1.7084679950807207</c:v>
                </c:pt>
                <c:pt idx="1701">
                  <c:v>1.7120983968077645</c:v>
                </c:pt>
                <c:pt idx="1702">
                  <c:v>1.7083337333633204</c:v>
                </c:pt>
                <c:pt idx="1703">
                  <c:v>1.6954543423703943</c:v>
                </c:pt>
                <c:pt idx="1704">
                  <c:v>1.6971919153855402</c:v>
                </c:pt>
                <c:pt idx="1705">
                  <c:v>1.7008207603226138</c:v>
                </c:pt>
                <c:pt idx="1706">
                  <c:v>1.7029014768400621</c:v>
                </c:pt>
                <c:pt idx="1707">
                  <c:v>1.699822722541577</c:v>
                </c:pt>
                <c:pt idx="1708">
                  <c:v>1.6989791847334381</c:v>
                </c:pt>
                <c:pt idx="1709">
                  <c:v>1.6996829591638336</c:v>
                </c:pt>
                <c:pt idx="1710">
                  <c:v>1.705029486491666</c:v>
                </c:pt>
                <c:pt idx="1711">
                  <c:v>1.7072801953002164</c:v>
                </c:pt>
                <c:pt idx="1712">
                  <c:v>1.7083267051405424</c:v>
                </c:pt>
                <c:pt idx="1713">
                  <c:v>1.7061053939516992</c:v>
                </c:pt>
                <c:pt idx="1714">
                  <c:v>1.6980367379229553</c:v>
                </c:pt>
                <c:pt idx="1715">
                  <c:v>1.6961585702345574</c:v>
                </c:pt>
                <c:pt idx="1716">
                  <c:v>1.7051140367600393</c:v>
                </c:pt>
                <c:pt idx="1717">
                  <c:v>1.6979040027673091</c:v>
                </c:pt>
                <c:pt idx="1718">
                  <c:v>1.7029033661472206</c:v>
                </c:pt>
                <c:pt idx="1719">
                  <c:v>1.7018834124043218</c:v>
                </c:pt>
                <c:pt idx="1720">
                  <c:v>1.7049902795913809</c:v>
                </c:pt>
                <c:pt idx="1721">
                  <c:v>1.7063770611884657</c:v>
                </c:pt>
                <c:pt idx="1722">
                  <c:v>1.7072475178475461</c:v>
                </c:pt>
                <c:pt idx="1723">
                  <c:v>1.7000350201953296</c:v>
                </c:pt>
                <c:pt idx="1724">
                  <c:v>1.6976372326130036</c:v>
                </c:pt>
                <c:pt idx="1725">
                  <c:v>1.7028056814158632</c:v>
                </c:pt>
                <c:pt idx="1726">
                  <c:v>1.7033305309120406</c:v>
                </c:pt>
                <c:pt idx="1727">
                  <c:v>1.6997277130690767</c:v>
                </c:pt>
                <c:pt idx="1728">
                  <c:v>1.7024873256216471</c:v>
                </c:pt>
                <c:pt idx="1729">
                  <c:v>1.7043866837774453</c:v>
                </c:pt>
                <c:pt idx="1730">
                  <c:v>1.7073174222025034</c:v>
                </c:pt>
                <c:pt idx="1731">
                  <c:v>1.7068083522041611</c:v>
                </c:pt>
                <c:pt idx="1732">
                  <c:v>1.7080185667205141</c:v>
                </c:pt>
                <c:pt idx="1733">
                  <c:v>1.7071647057402977</c:v>
                </c:pt>
                <c:pt idx="1734">
                  <c:v>1.7111255548210569</c:v>
                </c:pt>
                <c:pt idx="1735">
                  <c:v>1.7042519383992996</c:v>
                </c:pt>
                <c:pt idx="1736">
                  <c:v>1.7003013822594299</c:v>
                </c:pt>
                <c:pt idx="1737">
                  <c:v>1.7008215613886064</c:v>
                </c:pt>
                <c:pt idx="1738">
                  <c:v>1.706156450585135</c:v>
                </c:pt>
                <c:pt idx="1739">
                  <c:v>1.7054719924293991</c:v>
                </c:pt>
                <c:pt idx="1740">
                  <c:v>1.7063348162859002</c:v>
                </c:pt>
                <c:pt idx="1741">
                  <c:v>1.701350265071808</c:v>
                </c:pt>
                <c:pt idx="1742">
                  <c:v>1.7037599477312806</c:v>
                </c:pt>
                <c:pt idx="1743">
                  <c:v>1.7096085621822636</c:v>
                </c:pt>
                <c:pt idx="1744">
                  <c:v>1.7066863331960085</c:v>
                </c:pt>
                <c:pt idx="1745">
                  <c:v>1.7058273030694799</c:v>
                </c:pt>
                <c:pt idx="1746">
                  <c:v>1.7034200840656555</c:v>
                </c:pt>
                <c:pt idx="1747">
                  <c:v>1.7044518270846534</c:v>
                </c:pt>
                <c:pt idx="1748">
                  <c:v>1.6994641925227989</c:v>
                </c:pt>
                <c:pt idx="1749">
                  <c:v>1.7018708069478126</c:v>
                </c:pt>
                <c:pt idx="1750">
                  <c:v>1.7101238895705606</c:v>
                </c:pt>
                <c:pt idx="1751">
                  <c:v>1.7075425066870773</c:v>
                </c:pt>
                <c:pt idx="1752">
                  <c:v>1.7080561110292862</c:v>
                </c:pt>
                <c:pt idx="1753">
                  <c:v>1.7077094156332653</c:v>
                </c:pt>
                <c:pt idx="1754">
                  <c:v>1.706674407887055</c:v>
                </c:pt>
                <c:pt idx="1755">
                  <c:v>1.7035753246467518</c:v>
                </c:pt>
                <c:pt idx="1756">
                  <c:v>1.6991000248114427</c:v>
                </c:pt>
                <c:pt idx="1757">
                  <c:v>1.7025348454726863</c:v>
                </c:pt>
                <c:pt idx="1758">
                  <c:v>1.7059692126995436</c:v>
                </c:pt>
                <c:pt idx="1759">
                  <c:v>1.693753966034891</c:v>
                </c:pt>
                <c:pt idx="1760">
                  <c:v>1.6970154541082083</c:v>
                </c:pt>
                <c:pt idx="1761">
                  <c:v>1.7001045164655917</c:v>
                </c:pt>
                <c:pt idx="1762">
                  <c:v>1.7059446365939233</c:v>
                </c:pt>
                <c:pt idx="1763">
                  <c:v>1.7071411271868611</c:v>
                </c:pt>
                <c:pt idx="1764">
                  <c:v>1.7040379328119573</c:v>
                </c:pt>
                <c:pt idx="1765">
                  <c:v>1.7040297105477089</c:v>
                </c:pt>
                <c:pt idx="1766">
                  <c:v>1.6971422795110778</c:v>
                </c:pt>
                <c:pt idx="1767">
                  <c:v>1.7079671926824505</c:v>
                </c:pt>
                <c:pt idx="1768">
                  <c:v>1.7040022929241423</c:v>
                </c:pt>
                <c:pt idx="1769">
                  <c:v>1.6986611916864838</c:v>
                </c:pt>
                <c:pt idx="1770">
                  <c:v>1.7024339715911574</c:v>
                </c:pt>
                <c:pt idx="1771">
                  <c:v>1.7087858067528061</c:v>
                </c:pt>
                <c:pt idx="1772">
                  <c:v>1.7061948110774128</c:v>
                </c:pt>
                <c:pt idx="1773">
                  <c:v>1.6956927729191802</c:v>
                </c:pt>
                <c:pt idx="1774">
                  <c:v>1.7053106002648437</c:v>
                </c:pt>
                <c:pt idx="1775">
                  <c:v>1.711316631779255</c:v>
                </c:pt>
                <c:pt idx="1776">
                  <c:v>1.7073479836367031</c:v>
                </c:pt>
                <c:pt idx="1777">
                  <c:v>1.704066740965662</c:v>
                </c:pt>
                <c:pt idx="1778">
                  <c:v>1.7054281756205885</c:v>
                </c:pt>
                <c:pt idx="1779">
                  <c:v>1.7052414213982188</c:v>
                </c:pt>
                <c:pt idx="1780">
                  <c:v>1.7057420575354185</c:v>
                </c:pt>
                <c:pt idx="1781">
                  <c:v>1.7124331064408762</c:v>
                </c:pt>
                <c:pt idx="1782">
                  <c:v>1.7057100904603777</c:v>
                </c:pt>
                <c:pt idx="1783">
                  <c:v>1.7017381020210016</c:v>
                </c:pt>
                <c:pt idx="1784">
                  <c:v>1.6965618390444084</c:v>
                </c:pt>
                <c:pt idx="1785">
                  <c:v>1.7027350364470122</c:v>
                </c:pt>
                <c:pt idx="1786">
                  <c:v>1.7039206748596021</c:v>
                </c:pt>
                <c:pt idx="1787">
                  <c:v>1.7044179253592011</c:v>
                </c:pt>
                <c:pt idx="1788">
                  <c:v>1.704054861003057</c:v>
                </c:pt>
                <c:pt idx="1789">
                  <c:v>1.6993920814515979</c:v>
                </c:pt>
                <c:pt idx="1790">
                  <c:v>1.7026393770525718</c:v>
                </c:pt>
                <c:pt idx="1791">
                  <c:v>1.7027907483328455</c:v>
                </c:pt>
                <c:pt idx="1792">
                  <c:v>1.7025976913822212</c:v>
                </c:pt>
                <c:pt idx="1793">
                  <c:v>1.7048117022900069</c:v>
                </c:pt>
                <c:pt idx="1794">
                  <c:v>1.7075411312713571</c:v>
                </c:pt>
                <c:pt idx="1795">
                  <c:v>1.7049390113554792</c:v>
                </c:pt>
                <c:pt idx="1796">
                  <c:v>1.6985531082091652</c:v>
                </c:pt>
                <c:pt idx="1797">
                  <c:v>1.7005931668390153</c:v>
                </c:pt>
                <c:pt idx="1798">
                  <c:v>1.7040084747370556</c:v>
                </c:pt>
                <c:pt idx="1799">
                  <c:v>1.7026081657002707</c:v>
                </c:pt>
                <c:pt idx="1800">
                  <c:v>1.6957043354783956</c:v>
                </c:pt>
                <c:pt idx="1801">
                  <c:v>1.6943030288875696</c:v>
                </c:pt>
                <c:pt idx="1802">
                  <c:v>1.7035632784255526</c:v>
                </c:pt>
                <c:pt idx="1803">
                  <c:v>1.7056003443927843</c:v>
                </c:pt>
                <c:pt idx="1804">
                  <c:v>1.7060891610250495</c:v>
                </c:pt>
                <c:pt idx="1805">
                  <c:v>1.6947116331004697</c:v>
                </c:pt>
                <c:pt idx="1806">
                  <c:v>1.7036259278470389</c:v>
                </c:pt>
                <c:pt idx="1807">
                  <c:v>1.7037693035799477</c:v>
                </c:pt>
                <c:pt idx="1808">
                  <c:v>1.7075235078195219</c:v>
                </c:pt>
                <c:pt idx="1809">
                  <c:v>1.7014749744506352</c:v>
                </c:pt>
                <c:pt idx="1810">
                  <c:v>1.7040243902590777</c:v>
                </c:pt>
                <c:pt idx="1811">
                  <c:v>1.7024460178129757</c:v>
                </c:pt>
                <c:pt idx="1812">
                  <c:v>1.7056822798607141</c:v>
                </c:pt>
                <c:pt idx="1813">
                  <c:v>1.7025551744164236</c:v>
                </c:pt>
                <c:pt idx="1814">
                  <c:v>1.6995995122503631</c:v>
                </c:pt>
                <c:pt idx="1815">
                  <c:v>1.6980190842379514</c:v>
                </c:pt>
                <c:pt idx="1816">
                  <c:v>1.6974699609245067</c:v>
                </c:pt>
                <c:pt idx="1817">
                  <c:v>1.7048308976493252</c:v>
                </c:pt>
                <c:pt idx="1818">
                  <c:v>1.7080640612352551</c:v>
                </c:pt>
                <c:pt idx="1819">
                  <c:v>1.7073414239645868</c:v>
                </c:pt>
                <c:pt idx="1820">
                  <c:v>1.7064463307428346</c:v>
                </c:pt>
                <c:pt idx="1821">
                  <c:v>1.7057226808024695</c:v>
                </c:pt>
                <c:pt idx="1822">
                  <c:v>1.7055144187086908</c:v>
                </c:pt>
                <c:pt idx="1823">
                  <c:v>1.7022102322940877</c:v>
                </c:pt>
                <c:pt idx="1824">
                  <c:v>1.7100835037463182</c:v>
                </c:pt>
                <c:pt idx="1825">
                  <c:v>1.7031669471513546</c:v>
                </c:pt>
                <c:pt idx="1826">
                  <c:v>1.6947021714508788</c:v>
                </c:pt>
                <c:pt idx="1827">
                  <c:v>1.6996504630826894</c:v>
                </c:pt>
                <c:pt idx="1828">
                  <c:v>1.6959998079854823</c:v>
                </c:pt>
                <c:pt idx="1829">
                  <c:v>1.6997433111880185</c:v>
                </c:pt>
                <c:pt idx="1830">
                  <c:v>1.7043461619203488</c:v>
                </c:pt>
                <c:pt idx="1831">
                  <c:v>1.6998341641850179</c:v>
                </c:pt>
                <c:pt idx="1832">
                  <c:v>1.6989330251837016</c:v>
                </c:pt>
                <c:pt idx="1833">
                  <c:v>1.7049101427441038</c:v>
                </c:pt>
                <c:pt idx="1834">
                  <c:v>1.7048678373807724</c:v>
                </c:pt>
                <c:pt idx="1835">
                  <c:v>1.7086083781496493</c:v>
                </c:pt>
                <c:pt idx="1836">
                  <c:v>1.704437831098006</c:v>
                </c:pt>
                <c:pt idx="1837">
                  <c:v>1.7038781578944238</c:v>
                </c:pt>
                <c:pt idx="1838">
                  <c:v>1.7055535802651036</c:v>
                </c:pt>
                <c:pt idx="1839">
                  <c:v>1.7098080578909014</c:v>
                </c:pt>
                <c:pt idx="1840">
                  <c:v>1.7080431277110975</c:v>
                </c:pt>
                <c:pt idx="1841">
                  <c:v>1.7078254341978016</c:v>
                </c:pt>
                <c:pt idx="1842">
                  <c:v>1.7107026825619922</c:v>
                </c:pt>
                <c:pt idx="1843">
                  <c:v>1.7111718957469009</c:v>
                </c:pt>
                <c:pt idx="1844">
                  <c:v>1.7123284841744846</c:v>
                </c:pt>
                <c:pt idx="1845">
                  <c:v>1.7067778210000348</c:v>
                </c:pt>
                <c:pt idx="1846">
                  <c:v>1.707589512649774</c:v>
                </c:pt>
                <c:pt idx="1847">
                  <c:v>1.7022098393179907</c:v>
                </c:pt>
                <c:pt idx="1848">
                  <c:v>1.7031925510404702</c:v>
                </c:pt>
                <c:pt idx="1849">
                  <c:v>1.706754287788613</c:v>
                </c:pt>
                <c:pt idx="1850">
                  <c:v>1.7085958936121957</c:v>
                </c:pt>
                <c:pt idx="1851">
                  <c:v>1.7061377691166357</c:v>
                </c:pt>
                <c:pt idx="1852">
                  <c:v>1.6992080024878378</c:v>
                </c:pt>
                <c:pt idx="1853">
                  <c:v>1.7008761850338927</c:v>
                </c:pt>
                <c:pt idx="1854">
                  <c:v>1.6944613830467492</c:v>
                </c:pt>
                <c:pt idx="1855">
                  <c:v>1.6992240691546552</c:v>
                </c:pt>
                <c:pt idx="1856">
                  <c:v>1.6965916145233186</c:v>
                </c:pt>
                <c:pt idx="1857">
                  <c:v>1.708576063445479</c:v>
                </c:pt>
                <c:pt idx="1858">
                  <c:v>1.7076623643285538</c:v>
                </c:pt>
                <c:pt idx="1859">
                  <c:v>1.7072641135202196</c:v>
                </c:pt>
                <c:pt idx="1860">
                  <c:v>1.7070373664435137</c:v>
                </c:pt>
                <c:pt idx="1861">
                  <c:v>1.7057783171162144</c:v>
                </c:pt>
                <c:pt idx="1862">
                  <c:v>1.7070983683916194</c:v>
                </c:pt>
                <c:pt idx="1863">
                  <c:v>1.7054944676260138</c:v>
                </c:pt>
                <c:pt idx="1864">
                  <c:v>1.7009666299406252</c:v>
                </c:pt>
                <c:pt idx="1865">
                  <c:v>1.7046928422050476</c:v>
                </c:pt>
                <c:pt idx="1866">
                  <c:v>1.7006799993907677</c:v>
                </c:pt>
                <c:pt idx="1867">
                  <c:v>1.7006219749928437</c:v>
                </c:pt>
                <c:pt idx="1868">
                  <c:v>1.7046907412960421</c:v>
                </c:pt>
                <c:pt idx="1869">
                  <c:v>1.7092749710185344</c:v>
                </c:pt>
                <c:pt idx="1870">
                  <c:v>1.7044004379327913</c:v>
                </c:pt>
                <c:pt idx="1871">
                  <c:v>1.7052004461067356</c:v>
                </c:pt>
                <c:pt idx="1872">
                  <c:v>1.7097833004141267</c:v>
                </c:pt>
                <c:pt idx="1873">
                  <c:v>1.7085187645358875</c:v>
                </c:pt>
                <c:pt idx="1874">
                  <c:v>1.7017507528213829</c:v>
                </c:pt>
                <c:pt idx="1875">
                  <c:v>1.7006572823628516</c:v>
                </c:pt>
                <c:pt idx="1876">
                  <c:v>1.704034562288155</c:v>
                </c:pt>
                <c:pt idx="1877">
                  <c:v>1.7056916961670519</c:v>
                </c:pt>
                <c:pt idx="1878">
                  <c:v>1.7028771879089963</c:v>
                </c:pt>
                <c:pt idx="1879">
                  <c:v>1.7047053872038864</c:v>
                </c:pt>
                <c:pt idx="1880">
                  <c:v>1.7087687425294713</c:v>
                </c:pt>
                <c:pt idx="1881">
                  <c:v>1.7056089596331296</c:v>
                </c:pt>
                <c:pt idx="1882">
                  <c:v>1.7026207106991094</c:v>
                </c:pt>
                <c:pt idx="1883">
                  <c:v>1.7073706099768753</c:v>
                </c:pt>
                <c:pt idx="1884">
                  <c:v>1.7057572475641554</c:v>
                </c:pt>
                <c:pt idx="1885">
                  <c:v>1.7086146053033395</c:v>
                </c:pt>
                <c:pt idx="1886">
                  <c:v>1.700981426993265</c:v>
                </c:pt>
                <c:pt idx="1887">
                  <c:v>1.6988508176556352</c:v>
                </c:pt>
                <c:pt idx="1888">
                  <c:v>1.7018788327240124</c:v>
                </c:pt>
                <c:pt idx="1889">
                  <c:v>1.7097215578570801</c:v>
                </c:pt>
                <c:pt idx="1890">
                  <c:v>1.7074176612815868</c:v>
                </c:pt>
                <c:pt idx="1891">
                  <c:v>1.7021898731208962</c:v>
                </c:pt>
                <c:pt idx="1892">
                  <c:v>1.707623731780473</c:v>
                </c:pt>
                <c:pt idx="1893">
                  <c:v>1.7029109989473235</c:v>
                </c:pt>
                <c:pt idx="1894">
                  <c:v>1.6981978126841211</c:v>
                </c:pt>
                <c:pt idx="1895">
                  <c:v>1.7039743009508477</c:v>
                </c:pt>
                <c:pt idx="1896">
                  <c:v>1.7099223534093497</c:v>
                </c:pt>
                <c:pt idx="1897">
                  <c:v>1.7062397161273892</c:v>
                </c:pt>
                <c:pt idx="1898">
                  <c:v>1.7011808773592689</c:v>
                </c:pt>
                <c:pt idx="1899">
                  <c:v>1.7055799247625412</c:v>
                </c:pt>
                <c:pt idx="1900">
                  <c:v>1.7049914585190529</c:v>
                </c:pt>
                <c:pt idx="1901">
                  <c:v>1.7016510427524891</c:v>
                </c:pt>
                <c:pt idx="1902">
                  <c:v>1.7003738409631035</c:v>
                </c:pt>
                <c:pt idx="1903">
                  <c:v>1.7021916717415486</c:v>
                </c:pt>
                <c:pt idx="1904">
                  <c:v>1.6983340997365812</c:v>
                </c:pt>
                <c:pt idx="1905">
                  <c:v>1.6994632100831135</c:v>
                </c:pt>
                <c:pt idx="1906">
                  <c:v>1.7021396175540722</c:v>
                </c:pt>
                <c:pt idx="1907">
                  <c:v>1.7087709038961474</c:v>
                </c:pt>
                <c:pt idx="1908">
                  <c:v>1.7133381449729648</c:v>
                </c:pt>
                <c:pt idx="1909">
                  <c:v>1.7013959560727403</c:v>
                </c:pt>
                <c:pt idx="1910">
                  <c:v>1.7018351066017079</c:v>
                </c:pt>
                <c:pt idx="1911">
                  <c:v>1.6986625066439145</c:v>
                </c:pt>
                <c:pt idx="1912">
                  <c:v>1.7025402111045707</c:v>
                </c:pt>
                <c:pt idx="1913">
                  <c:v>1.7050417745441666</c:v>
                </c:pt>
                <c:pt idx="1914">
                  <c:v>1.7020399074851782</c:v>
                </c:pt>
                <c:pt idx="1915">
                  <c:v>1.710043662038635</c:v>
                </c:pt>
                <c:pt idx="1916">
                  <c:v>1.7039455381403958</c:v>
                </c:pt>
                <c:pt idx="1917">
                  <c:v>1.7043818471514169</c:v>
                </c:pt>
                <c:pt idx="1918">
                  <c:v>1.7068813701390588</c:v>
                </c:pt>
                <c:pt idx="1919">
                  <c:v>1.7074888352562934</c:v>
                </c:pt>
                <c:pt idx="1920">
                  <c:v>1.7060322702115445</c:v>
                </c:pt>
                <c:pt idx="1921">
                  <c:v>1.7007919823977444</c:v>
                </c:pt>
                <c:pt idx="1922">
                  <c:v>1.7026020292312292</c:v>
                </c:pt>
                <c:pt idx="1923">
                  <c:v>1.6983927589419037</c:v>
                </c:pt>
                <c:pt idx="1924">
                  <c:v>1.6977944380733465</c:v>
                </c:pt>
                <c:pt idx="1925">
                  <c:v>1.7045903813059513</c:v>
                </c:pt>
                <c:pt idx="1926">
                  <c:v>1.7079465614528369</c:v>
                </c:pt>
                <c:pt idx="1927">
                  <c:v>1.7088947668706818</c:v>
                </c:pt>
                <c:pt idx="1928">
                  <c:v>1.7010721741895884</c:v>
                </c:pt>
                <c:pt idx="1929">
                  <c:v>1.7040832308380309</c:v>
                </c:pt>
                <c:pt idx="1930">
                  <c:v>1.7029666503754863</c:v>
                </c:pt>
                <c:pt idx="1931">
                  <c:v>1.6999580120403057</c:v>
                </c:pt>
                <c:pt idx="1932">
                  <c:v>1.701420169432337</c:v>
                </c:pt>
                <c:pt idx="1933">
                  <c:v>1.7090728302806177</c:v>
                </c:pt>
                <c:pt idx="1934">
                  <c:v>1.7033115320407706</c:v>
                </c:pt>
                <c:pt idx="1935">
                  <c:v>1.698065757679126</c:v>
                </c:pt>
                <c:pt idx="1936">
                  <c:v>1.7077808767781928</c:v>
                </c:pt>
                <c:pt idx="1937">
                  <c:v>1.7078653665895145</c:v>
                </c:pt>
                <c:pt idx="1938">
                  <c:v>1.7057138841891122</c:v>
                </c:pt>
                <c:pt idx="1939">
                  <c:v>1.7063135200132429</c:v>
                </c:pt>
                <c:pt idx="1940">
                  <c:v>1.7062248888428189</c:v>
                </c:pt>
                <c:pt idx="1941">
                  <c:v>1.7013207465379976</c:v>
                </c:pt>
                <c:pt idx="1942">
                  <c:v>1.7067343669378667</c:v>
                </c:pt>
                <c:pt idx="1943">
                  <c:v>1.7083642947975202</c:v>
                </c:pt>
                <c:pt idx="1944">
                  <c:v>1.7015673842366144</c:v>
                </c:pt>
                <c:pt idx="1945">
                  <c:v>1.6999291585431624</c:v>
                </c:pt>
                <c:pt idx="1946">
                  <c:v>1.6972587363974405</c:v>
                </c:pt>
                <c:pt idx="1947">
                  <c:v>1.6980273216166175</c:v>
                </c:pt>
                <c:pt idx="1948">
                  <c:v>1.7055023422580373</c:v>
                </c:pt>
                <c:pt idx="1949">
                  <c:v>1.703518675664548</c:v>
                </c:pt>
                <c:pt idx="1950">
                  <c:v>1.7048020592667852</c:v>
                </c:pt>
                <c:pt idx="1951">
                  <c:v>1.7083206593611022</c:v>
                </c:pt>
                <c:pt idx="1952">
                  <c:v>1.6999730509243707</c:v>
                </c:pt>
                <c:pt idx="1953">
                  <c:v>1.6986758073654928</c:v>
                </c:pt>
                <c:pt idx="1954">
                  <c:v>1.7033970949776025</c:v>
                </c:pt>
                <c:pt idx="1955">
                  <c:v>1.7053665388675607</c:v>
                </c:pt>
                <c:pt idx="1956">
                  <c:v>1.6961576180237692</c:v>
                </c:pt>
                <c:pt idx="1957">
                  <c:v>1.7062088675167779</c:v>
                </c:pt>
                <c:pt idx="1958">
                  <c:v>1.7050817673960263</c:v>
                </c:pt>
                <c:pt idx="1959">
                  <c:v>1.7072217174672868</c:v>
                </c:pt>
                <c:pt idx="1960">
                  <c:v>1.705749977510695</c:v>
                </c:pt>
                <c:pt idx="1961">
                  <c:v>1.7016983207722269</c:v>
                </c:pt>
                <c:pt idx="1962">
                  <c:v>1.6990220644458784</c:v>
                </c:pt>
                <c:pt idx="1963">
                  <c:v>1.7001287751680081</c:v>
                </c:pt>
                <c:pt idx="1964">
                  <c:v>1.7034707326091956</c:v>
                </c:pt>
                <c:pt idx="1965">
                  <c:v>1.7069842995894358</c:v>
                </c:pt>
                <c:pt idx="1966">
                  <c:v>1.7098096449109452</c:v>
                </c:pt>
                <c:pt idx="1967">
                  <c:v>1.7059278444325825</c:v>
                </c:pt>
                <c:pt idx="1968">
                  <c:v>1.7010138777315278</c:v>
                </c:pt>
                <c:pt idx="1969">
                  <c:v>1.7012586412374038</c:v>
                </c:pt>
                <c:pt idx="1970">
                  <c:v>1.7058022735294731</c:v>
                </c:pt>
                <c:pt idx="1971">
                  <c:v>1.7063902863410512</c:v>
                </c:pt>
                <c:pt idx="1972">
                  <c:v>1.6987234330174557</c:v>
                </c:pt>
                <c:pt idx="1973">
                  <c:v>1.7127243166698047</c:v>
                </c:pt>
                <c:pt idx="1974">
                  <c:v>1.7105597904960197</c:v>
                </c:pt>
                <c:pt idx="1975">
                  <c:v>1.7095986924440156</c:v>
                </c:pt>
                <c:pt idx="1976">
                  <c:v>1.699006995333102</c:v>
                </c:pt>
                <c:pt idx="1977">
                  <c:v>1.7047520001873906</c:v>
                </c:pt>
                <c:pt idx="1978">
                  <c:v>1.7012103656636248</c:v>
                </c:pt>
                <c:pt idx="1979">
                  <c:v>1.7023115444949666</c:v>
                </c:pt>
                <c:pt idx="1980">
                  <c:v>1.6948139428553894</c:v>
                </c:pt>
                <c:pt idx="1981">
                  <c:v>1.7021053077381052</c:v>
                </c:pt>
                <c:pt idx="1982">
                  <c:v>1.6982183834591598</c:v>
                </c:pt>
                <c:pt idx="1983">
                  <c:v>1.6977704967745055</c:v>
                </c:pt>
                <c:pt idx="1984">
                  <c:v>1.7074684458548857</c:v>
                </c:pt>
                <c:pt idx="1985">
                  <c:v>1.7035805240200419</c:v>
                </c:pt>
                <c:pt idx="1986">
                  <c:v>1.6983165065098671</c:v>
                </c:pt>
                <c:pt idx="1987">
                  <c:v>1.7054339191141521</c:v>
                </c:pt>
                <c:pt idx="1988">
                  <c:v>1.702748790602358</c:v>
                </c:pt>
                <c:pt idx="1989">
                  <c:v>1.7000633446864934</c:v>
                </c:pt>
                <c:pt idx="1990">
                  <c:v>1.7023646566941548</c:v>
                </c:pt>
                <c:pt idx="1991">
                  <c:v>1.7027739712865413</c:v>
                </c:pt>
                <c:pt idx="1992">
                  <c:v>1.7016352632602261</c:v>
                </c:pt>
                <c:pt idx="1993">
                  <c:v>1.6984326006489681</c:v>
                </c:pt>
                <c:pt idx="1994">
                  <c:v>1.7034841240172798</c:v>
                </c:pt>
                <c:pt idx="1995">
                  <c:v>1.7080194131316166</c:v>
                </c:pt>
                <c:pt idx="1996">
                  <c:v>1.7030960905800376</c:v>
                </c:pt>
                <c:pt idx="1997">
                  <c:v>1.699548213785564</c:v>
                </c:pt>
                <c:pt idx="1998">
                  <c:v>1.7006431805752806</c:v>
                </c:pt>
                <c:pt idx="1999">
                  <c:v>1.7003620668016077</c:v>
                </c:pt>
                <c:pt idx="2000">
                  <c:v>1.6923420339768864</c:v>
                </c:pt>
                <c:pt idx="2001">
                  <c:v>1.6982511818290282</c:v>
                </c:pt>
                <c:pt idx="2002">
                  <c:v>1.7058797048891814</c:v>
                </c:pt>
                <c:pt idx="2003">
                  <c:v>1.700266301606244</c:v>
                </c:pt>
                <c:pt idx="2004">
                  <c:v>1.699983631043777</c:v>
                </c:pt>
                <c:pt idx="2005">
                  <c:v>1.7029680560200418</c:v>
                </c:pt>
                <c:pt idx="2006">
                  <c:v>1.7007931159821634</c:v>
                </c:pt>
                <c:pt idx="2007">
                  <c:v>1.7024011732206696</c:v>
                </c:pt>
                <c:pt idx="2008">
                  <c:v>1.7041809004549706</c:v>
                </c:pt>
                <c:pt idx="2009">
                  <c:v>1.7030368419111888</c:v>
                </c:pt>
                <c:pt idx="2010">
                  <c:v>1.6967334183524587</c:v>
                </c:pt>
                <c:pt idx="2011">
                  <c:v>1.699200097626979</c:v>
                </c:pt>
                <c:pt idx="2012">
                  <c:v>1.7028702654877608</c:v>
                </c:pt>
                <c:pt idx="2013">
                  <c:v>1.6946742701640902</c:v>
                </c:pt>
                <c:pt idx="2014">
                  <c:v>1.7081460571614744</c:v>
                </c:pt>
                <c:pt idx="2015">
                  <c:v>1.705108535097777</c:v>
                </c:pt>
                <c:pt idx="2016">
                  <c:v>1.7015548241233578</c:v>
                </c:pt>
                <c:pt idx="2017">
                  <c:v>1.6962811031322909</c:v>
                </c:pt>
                <c:pt idx="2018">
                  <c:v>1.6994335706342096</c:v>
                </c:pt>
                <c:pt idx="2019">
                  <c:v>1.7012099878019455</c:v>
                </c:pt>
                <c:pt idx="2020">
                  <c:v>1.7000626494215483</c:v>
                </c:pt>
                <c:pt idx="2021">
                  <c:v>1.6992589533203499</c:v>
                </c:pt>
                <c:pt idx="2022">
                  <c:v>1.6998307029745239</c:v>
                </c:pt>
                <c:pt idx="2023">
                  <c:v>1.6967908381724388</c:v>
                </c:pt>
                <c:pt idx="2024">
                  <c:v>1.6934067416280616</c:v>
                </c:pt>
                <c:pt idx="2025">
                  <c:v>1.698448818460581</c:v>
                </c:pt>
                <c:pt idx="2026">
                  <c:v>1.7019429029044721</c:v>
                </c:pt>
                <c:pt idx="2027">
                  <c:v>1.7014814132092677</c:v>
                </c:pt>
                <c:pt idx="2028">
                  <c:v>1.6999878328626548</c:v>
                </c:pt>
                <c:pt idx="2029">
                  <c:v>1.6971181870674412</c:v>
                </c:pt>
                <c:pt idx="2030">
                  <c:v>1.6940763120427946</c:v>
                </c:pt>
                <c:pt idx="2031">
                  <c:v>1.6955053687749946</c:v>
                </c:pt>
                <c:pt idx="2032">
                  <c:v>1.7002015210463597</c:v>
                </c:pt>
                <c:pt idx="2033">
                  <c:v>1.7023178774520564</c:v>
                </c:pt>
                <c:pt idx="2034">
                  <c:v>1.6987589671043473</c:v>
                </c:pt>
                <c:pt idx="2035">
                  <c:v>1.7027664291729443</c:v>
                </c:pt>
                <c:pt idx="2036">
                  <c:v>1.7019584707948883</c:v>
                </c:pt>
                <c:pt idx="2037">
                  <c:v>1.7006343235036339</c:v>
                </c:pt>
                <c:pt idx="2038">
                  <c:v>1.6960425063242917</c:v>
                </c:pt>
                <c:pt idx="2039">
                  <c:v>1.6972973689473785</c:v>
                </c:pt>
                <c:pt idx="2040">
                  <c:v>1.7000996647250837</c:v>
                </c:pt>
                <c:pt idx="2041">
                  <c:v>1.7018698849658598</c:v>
                </c:pt>
                <c:pt idx="2042">
                  <c:v>1.6948694129099213</c:v>
                </c:pt>
                <c:pt idx="2043">
                  <c:v>1.6935436483747408</c:v>
                </c:pt>
                <c:pt idx="2044">
                  <c:v>1.7068349838712003</c:v>
                </c:pt>
                <c:pt idx="2045">
                  <c:v>1.7048208163073726</c:v>
                </c:pt>
                <c:pt idx="2046">
                  <c:v>1.6969594248183664</c:v>
                </c:pt>
                <c:pt idx="2047">
                  <c:v>1.7019954407545517</c:v>
                </c:pt>
                <c:pt idx="2048">
                  <c:v>1.705827423984821</c:v>
                </c:pt>
                <c:pt idx="2049">
                  <c:v>1.6986531356814487</c:v>
                </c:pt>
                <c:pt idx="2050">
                  <c:v>1.6983573306559356</c:v>
                </c:pt>
                <c:pt idx="2051">
                  <c:v>1.6984051981391999</c:v>
                </c:pt>
                <c:pt idx="2052">
                  <c:v>1.7068792994564121</c:v>
                </c:pt>
                <c:pt idx="2053">
                  <c:v>1.705894864689083</c:v>
                </c:pt>
                <c:pt idx="2054">
                  <c:v>1.7007828834947962</c:v>
                </c:pt>
                <c:pt idx="2055">
                  <c:v>1.7042691235361183</c:v>
                </c:pt>
                <c:pt idx="2056">
                  <c:v>1.6958892457374788</c:v>
                </c:pt>
                <c:pt idx="2057">
                  <c:v>1.6978272364432152</c:v>
                </c:pt>
                <c:pt idx="2058">
                  <c:v>1.6995930130341836</c:v>
                </c:pt>
                <c:pt idx="2059">
                  <c:v>1.6994668828960118</c:v>
                </c:pt>
                <c:pt idx="2060">
                  <c:v>1.6998564126647489</c:v>
                </c:pt>
                <c:pt idx="2061">
                  <c:v>1.6992138820111602</c:v>
                </c:pt>
                <c:pt idx="2062">
                  <c:v>1.7025263813771365</c:v>
                </c:pt>
                <c:pt idx="2063">
                  <c:v>1.698443966720135</c:v>
                </c:pt>
                <c:pt idx="2064">
                  <c:v>1.6986605417646679</c:v>
                </c:pt>
                <c:pt idx="2065">
                  <c:v>1.6969852100804936</c:v>
                </c:pt>
                <c:pt idx="2066">
                  <c:v>1.7001247547226372</c:v>
                </c:pt>
                <c:pt idx="2067">
                  <c:v>1.7029201280791071</c:v>
                </c:pt>
                <c:pt idx="2068">
                  <c:v>1.7043395115592501</c:v>
                </c:pt>
                <c:pt idx="2069">
                  <c:v>1.7019753234132806</c:v>
                </c:pt>
                <c:pt idx="2070">
                  <c:v>1.7008146843112431</c:v>
                </c:pt>
                <c:pt idx="2071">
                  <c:v>1.6993098739234076</c:v>
                </c:pt>
                <c:pt idx="2072">
                  <c:v>1.6976328494207427</c:v>
                </c:pt>
                <c:pt idx="2073">
                  <c:v>1.6980192353821277</c:v>
                </c:pt>
                <c:pt idx="2074">
                  <c:v>1.701672777340782</c:v>
                </c:pt>
                <c:pt idx="2075">
                  <c:v>1.7024026090940607</c:v>
                </c:pt>
                <c:pt idx="2076">
                  <c:v>1.6964254461904054</c:v>
                </c:pt>
                <c:pt idx="2077">
                  <c:v>1.6950912024427811</c:v>
                </c:pt>
                <c:pt idx="2078">
                  <c:v>1.6898014298962187</c:v>
                </c:pt>
                <c:pt idx="2079">
                  <c:v>1.6919060877156034</c:v>
                </c:pt>
                <c:pt idx="2080">
                  <c:v>1.6986537100305574</c:v>
                </c:pt>
                <c:pt idx="2081">
                  <c:v>1.7045412290940918</c:v>
                </c:pt>
                <c:pt idx="2082">
                  <c:v>1.7001103959890997</c:v>
                </c:pt>
                <c:pt idx="2083">
                  <c:v>1.6973990287811014</c:v>
                </c:pt>
                <c:pt idx="2084">
                  <c:v>1.6981268049680083</c:v>
                </c:pt>
                <c:pt idx="2085">
                  <c:v>1.6986824123833386</c:v>
                </c:pt>
                <c:pt idx="2086">
                  <c:v>1.7011294428641539</c:v>
                </c:pt>
                <c:pt idx="2087">
                  <c:v>1.6966974912900892</c:v>
                </c:pt>
                <c:pt idx="2088">
                  <c:v>1.6996599851901983</c:v>
                </c:pt>
                <c:pt idx="2089">
                  <c:v>1.7038260432486574</c:v>
                </c:pt>
                <c:pt idx="2090">
                  <c:v>1.7057562953533671</c:v>
                </c:pt>
                <c:pt idx="2091">
                  <c:v>1.7052787692195617</c:v>
                </c:pt>
                <c:pt idx="2092">
                  <c:v>1.6949987775417652</c:v>
                </c:pt>
                <c:pt idx="2093">
                  <c:v>1.6948647576575238</c:v>
                </c:pt>
                <c:pt idx="2094">
                  <c:v>1.696622175953804</c:v>
                </c:pt>
                <c:pt idx="2095">
                  <c:v>1.7007869492836676</c:v>
                </c:pt>
                <c:pt idx="2096">
                  <c:v>1.699964405455314</c:v>
                </c:pt>
                <c:pt idx="2097">
                  <c:v>1.6967340833886924</c:v>
                </c:pt>
                <c:pt idx="2098">
                  <c:v>1.6969429500610342</c:v>
                </c:pt>
                <c:pt idx="2099">
                  <c:v>1.7028265695942915</c:v>
                </c:pt>
                <c:pt idx="2100">
                  <c:v>1.7002835018575424</c:v>
                </c:pt>
                <c:pt idx="2101">
                  <c:v>1.7028993003583492</c:v>
                </c:pt>
                <c:pt idx="2102">
                  <c:v>1.7008717413839614</c:v>
                </c:pt>
                <c:pt idx="2103">
                  <c:v>1.7060666555995996</c:v>
                </c:pt>
                <c:pt idx="2104">
                  <c:v>1.7064462551707462</c:v>
                </c:pt>
                <c:pt idx="2105">
                  <c:v>1.7078574617317512</c:v>
                </c:pt>
                <c:pt idx="2106">
                  <c:v>1.7073768069066828</c:v>
                </c:pt>
                <c:pt idx="2107">
                  <c:v>1.7025967391714332</c:v>
                </c:pt>
                <c:pt idx="2108">
                  <c:v>1.6959247949387881</c:v>
                </c:pt>
                <c:pt idx="2109">
                  <c:v>1.7016344319653982</c:v>
                </c:pt>
                <c:pt idx="2110">
                  <c:v>1.7025287392324802</c:v>
                </c:pt>
                <c:pt idx="2111">
                  <c:v>1.6979198427172428</c:v>
                </c:pt>
                <c:pt idx="2112">
                  <c:v>1.6996736184298316</c:v>
                </c:pt>
                <c:pt idx="2113">
                  <c:v>1.7012552102553118</c:v>
                </c:pt>
                <c:pt idx="2114">
                  <c:v>1.7074797816928837</c:v>
                </c:pt>
                <c:pt idx="2115">
                  <c:v>1.7083731367504158</c:v>
                </c:pt>
                <c:pt idx="2116">
                  <c:v>1.7042791897642722</c:v>
                </c:pt>
                <c:pt idx="2117">
                  <c:v>1.6993251999825223</c:v>
                </c:pt>
                <c:pt idx="2118">
                  <c:v>1.7124277861522448</c:v>
                </c:pt>
                <c:pt idx="2119">
                  <c:v>1.7043779929656309</c:v>
                </c:pt>
                <c:pt idx="2120">
                  <c:v>1.7054423680952842</c:v>
                </c:pt>
                <c:pt idx="2121">
                  <c:v>1.7051308138069623</c:v>
                </c:pt>
                <c:pt idx="2122">
                  <c:v>1.6938130635564679</c:v>
                </c:pt>
                <c:pt idx="2123">
                  <c:v>1.7065707680640014</c:v>
                </c:pt>
                <c:pt idx="2124">
                  <c:v>1.7066025991055689</c:v>
                </c:pt>
                <c:pt idx="2125">
                  <c:v>1.7076660673670681</c:v>
                </c:pt>
                <c:pt idx="2126">
                  <c:v>1.7063218027376381</c:v>
                </c:pt>
                <c:pt idx="2127">
                  <c:v>1.7054932584695066</c:v>
                </c:pt>
                <c:pt idx="2128">
                  <c:v>1.7069001271784081</c:v>
                </c:pt>
                <c:pt idx="2129">
                  <c:v>1.7041795703825033</c:v>
                </c:pt>
                <c:pt idx="2130">
                  <c:v>1.7076497135287916</c:v>
                </c:pt>
                <c:pt idx="2131">
                  <c:v>1.704412892245124</c:v>
                </c:pt>
                <c:pt idx="2132">
                  <c:v>1.7037554436230593</c:v>
                </c:pt>
                <c:pt idx="2133">
                  <c:v>1.6960471011190188</c:v>
                </c:pt>
                <c:pt idx="2134">
                  <c:v>1.6947014459569745</c:v>
                </c:pt>
                <c:pt idx="2135">
                  <c:v>1.7007502664979393</c:v>
                </c:pt>
                <c:pt idx="2136">
                  <c:v>1.6995762359876319</c:v>
                </c:pt>
                <c:pt idx="2137">
                  <c:v>1.7016694521602327</c:v>
                </c:pt>
                <c:pt idx="2138">
                  <c:v>1.705826124141808</c:v>
                </c:pt>
                <c:pt idx="2139">
                  <c:v>1.7010402373433828</c:v>
                </c:pt>
                <c:pt idx="2140">
                  <c:v>1.7048526473520356</c:v>
                </c:pt>
                <c:pt idx="2141">
                  <c:v>1.6955952544470361</c:v>
                </c:pt>
                <c:pt idx="2142">
                  <c:v>1.7018148985739308</c:v>
                </c:pt>
                <c:pt idx="2143">
                  <c:v>1.7009836488188499</c:v>
                </c:pt>
                <c:pt idx="2144">
                  <c:v>1.700840137055563</c:v>
                </c:pt>
                <c:pt idx="2145">
                  <c:v>1.7020722070786454</c:v>
                </c:pt>
                <c:pt idx="2146">
                  <c:v>1.7017563905134039</c:v>
                </c:pt>
                <c:pt idx="2147">
                  <c:v>1.7031601305316619</c:v>
                </c:pt>
                <c:pt idx="2148">
                  <c:v>1.6976849338370545</c:v>
                </c:pt>
                <c:pt idx="2149">
                  <c:v>1.6994323010199082</c:v>
                </c:pt>
                <c:pt idx="2150">
                  <c:v>1.7023832777043644</c:v>
                </c:pt>
                <c:pt idx="2151">
                  <c:v>1.7065378941189491</c:v>
                </c:pt>
                <c:pt idx="2152">
                  <c:v>1.7055332966646195</c:v>
                </c:pt>
                <c:pt idx="2153">
                  <c:v>1.699197497940953</c:v>
                </c:pt>
                <c:pt idx="2154">
                  <c:v>1.6973327518900936</c:v>
                </c:pt>
                <c:pt idx="2155">
                  <c:v>1.6995951290580402</c:v>
                </c:pt>
                <c:pt idx="2156">
                  <c:v>1.7008255213765542</c:v>
                </c:pt>
                <c:pt idx="2157">
                  <c:v>1.7054951628910828</c:v>
                </c:pt>
                <c:pt idx="2158">
                  <c:v>1.7019101498778564</c:v>
                </c:pt>
                <c:pt idx="2159">
                  <c:v>1.6964333359362274</c:v>
                </c:pt>
                <c:pt idx="2160">
                  <c:v>1.6998987482569774</c:v>
                </c:pt>
                <c:pt idx="2161">
                  <c:v>1.7090390192404332</c:v>
                </c:pt>
                <c:pt idx="2162">
                  <c:v>1.7033898098097247</c:v>
                </c:pt>
                <c:pt idx="2163">
                  <c:v>1.7013518218605399</c:v>
                </c:pt>
                <c:pt idx="2164">
                  <c:v>1.6955303529711294</c:v>
                </c:pt>
                <c:pt idx="2165">
                  <c:v>1.7036382612434116</c:v>
                </c:pt>
                <c:pt idx="2166">
                  <c:v>1.6990203111690978</c:v>
                </c:pt>
                <c:pt idx="2167">
                  <c:v>1.7005931214956385</c:v>
                </c:pt>
                <c:pt idx="2168">
                  <c:v>1.6966627884980254</c:v>
                </c:pt>
                <c:pt idx="2169">
                  <c:v>1.7004709211161455</c:v>
                </c:pt>
                <c:pt idx="2170">
                  <c:v>1.6944767091058639</c:v>
                </c:pt>
                <c:pt idx="2171">
                  <c:v>1.6988004714016862</c:v>
                </c:pt>
                <c:pt idx="2172">
                  <c:v>1.7077673039952395</c:v>
                </c:pt>
                <c:pt idx="2173">
                  <c:v>1.6945499991046127</c:v>
                </c:pt>
                <c:pt idx="2174">
                  <c:v>1.6914787264608777</c:v>
                </c:pt>
                <c:pt idx="2175">
                  <c:v>1.6987254734694095</c:v>
                </c:pt>
                <c:pt idx="2176">
                  <c:v>1.7033925606411651</c:v>
                </c:pt>
                <c:pt idx="2177">
                  <c:v>1.7015247010122225</c:v>
                </c:pt>
                <c:pt idx="2178">
                  <c:v>1.6967332520938647</c:v>
                </c:pt>
                <c:pt idx="2179">
                  <c:v>1.6996802839050384</c:v>
                </c:pt>
                <c:pt idx="2180">
                  <c:v>1.7027991670851423</c:v>
                </c:pt>
                <c:pt idx="2181">
                  <c:v>1.699899020317176</c:v>
                </c:pt>
                <c:pt idx="2182">
                  <c:v>1.6928714933828275</c:v>
                </c:pt>
                <c:pt idx="2183">
                  <c:v>1.6879074827155578</c:v>
                </c:pt>
                <c:pt idx="2184">
                  <c:v>1.6930895194145499</c:v>
                </c:pt>
                <c:pt idx="2185">
                  <c:v>1.6962078131335419</c:v>
                </c:pt>
                <c:pt idx="2186">
                  <c:v>1.6984661547415763</c:v>
                </c:pt>
                <c:pt idx="2187">
                  <c:v>1.6986607533671338</c:v>
                </c:pt>
                <c:pt idx="2188">
                  <c:v>1.6902567982398948</c:v>
                </c:pt>
                <c:pt idx="2189">
                  <c:v>1.689935253293031</c:v>
                </c:pt>
                <c:pt idx="2190">
                  <c:v>1.6961484284343151</c:v>
                </c:pt>
                <c:pt idx="2191">
                  <c:v>1.6959986592866458</c:v>
                </c:pt>
                <c:pt idx="2192">
                  <c:v>1.6912056233525778</c:v>
                </c:pt>
                <c:pt idx="2193">
                  <c:v>1.6938071235729986</c:v>
                </c:pt>
                <c:pt idx="2194">
                  <c:v>1.7025994144301664</c:v>
                </c:pt>
                <c:pt idx="2195">
                  <c:v>1.6990098368510484</c:v>
                </c:pt>
                <c:pt idx="2196">
                  <c:v>1.7009231456496219</c:v>
                </c:pt>
                <c:pt idx="2197">
                  <c:v>1.6983651750591238</c:v>
                </c:pt>
                <c:pt idx="2198">
                  <c:v>1.6983866375872798</c:v>
                </c:pt>
                <c:pt idx="2199">
                  <c:v>1.7027072409617661</c:v>
                </c:pt>
                <c:pt idx="2200">
                  <c:v>1.703072436455751</c:v>
                </c:pt>
                <c:pt idx="2201">
                  <c:v>1.699998156036342</c:v>
                </c:pt>
                <c:pt idx="2202">
                  <c:v>1.6979556035210182</c:v>
                </c:pt>
                <c:pt idx="2203">
                  <c:v>1.6936773659693913</c:v>
                </c:pt>
                <c:pt idx="2204">
                  <c:v>1.6930103801219329</c:v>
                </c:pt>
                <c:pt idx="2205">
                  <c:v>1.6921713161962135</c:v>
                </c:pt>
                <c:pt idx="2206">
                  <c:v>1.6985548614859458</c:v>
                </c:pt>
                <c:pt idx="2207">
                  <c:v>1.6956519941157455</c:v>
                </c:pt>
                <c:pt idx="2208">
                  <c:v>1.6951566026950891</c:v>
                </c:pt>
                <c:pt idx="2209">
                  <c:v>1.6984444503827378</c:v>
                </c:pt>
                <c:pt idx="2210">
                  <c:v>1.6984647944408926</c:v>
                </c:pt>
                <c:pt idx="2211">
                  <c:v>1.7041600122759233</c:v>
                </c:pt>
                <c:pt idx="2212">
                  <c:v>1.7009127771324959</c:v>
                </c:pt>
                <c:pt idx="2213">
                  <c:v>1.6997290733701316</c:v>
                </c:pt>
                <c:pt idx="2214">
                  <c:v>1.6973415031601979</c:v>
                </c:pt>
                <c:pt idx="2215">
                  <c:v>1.6985652148886541</c:v>
                </c:pt>
                <c:pt idx="2216">
                  <c:v>1.7015085285438625</c:v>
                </c:pt>
                <c:pt idx="2217">
                  <c:v>1.7035919052056263</c:v>
                </c:pt>
                <c:pt idx="2218">
                  <c:v>1.6955290531281164</c:v>
                </c:pt>
                <c:pt idx="2219">
                  <c:v>1.6976122786450849</c:v>
                </c:pt>
                <c:pt idx="2220">
                  <c:v>1.696599972817326</c:v>
                </c:pt>
                <c:pt idx="2221">
                  <c:v>1.6947277753399943</c:v>
                </c:pt>
                <c:pt idx="2222">
                  <c:v>1.697154718708374</c:v>
                </c:pt>
                <c:pt idx="2223">
                  <c:v>1.6987217401983457</c:v>
                </c:pt>
                <c:pt idx="2224">
                  <c:v>1.7013204895922784</c:v>
                </c:pt>
                <c:pt idx="2225">
                  <c:v>1.699276032655626</c:v>
                </c:pt>
                <c:pt idx="2226">
                  <c:v>1.7017026888500704</c:v>
                </c:pt>
                <c:pt idx="2227">
                  <c:v>1.6993141362003275</c:v>
                </c:pt>
                <c:pt idx="2228">
                  <c:v>1.6996770342969487</c:v>
                </c:pt>
                <c:pt idx="2229">
                  <c:v>1.6952247084355845</c:v>
                </c:pt>
                <c:pt idx="2230">
                  <c:v>1.694727624195199</c:v>
                </c:pt>
                <c:pt idx="2231">
                  <c:v>1.7019690660282787</c:v>
                </c:pt>
                <c:pt idx="2232">
                  <c:v>1.697172629339097</c:v>
                </c:pt>
                <c:pt idx="2233">
                  <c:v>1.6920321876227113</c:v>
                </c:pt>
                <c:pt idx="2234">
                  <c:v>1.69531814600444</c:v>
                </c:pt>
                <c:pt idx="2235">
                  <c:v>1.6944768149067873</c:v>
                </c:pt>
                <c:pt idx="2236">
                  <c:v>1.6962149471566244</c:v>
                </c:pt>
                <c:pt idx="2237">
                  <c:v>1.6915901653457239</c:v>
                </c:pt>
                <c:pt idx="2238">
                  <c:v>1.6921244160356788</c:v>
                </c:pt>
                <c:pt idx="2239">
                  <c:v>1.7010850668206521</c:v>
                </c:pt>
                <c:pt idx="2240">
                  <c:v>1.7047146221372125</c:v>
                </c:pt>
                <c:pt idx="2241">
                  <c:v>1.6968222308983709</c:v>
                </c:pt>
                <c:pt idx="2242">
                  <c:v>1.6971842674710196</c:v>
                </c:pt>
                <c:pt idx="2243">
                  <c:v>1.6954826366326607</c:v>
                </c:pt>
                <c:pt idx="2244">
                  <c:v>1.6949847362118651</c:v>
                </c:pt>
                <c:pt idx="2245">
                  <c:v>1.6994738808892735</c:v>
                </c:pt>
                <c:pt idx="2246">
                  <c:v>1.6979440711906379</c:v>
                </c:pt>
                <c:pt idx="2247">
                  <c:v>1.6971020901717886</c:v>
                </c:pt>
                <c:pt idx="2248">
                  <c:v>1.7022789879557803</c:v>
                </c:pt>
                <c:pt idx="2249">
                  <c:v>1.7041884123397324</c:v>
                </c:pt>
                <c:pt idx="2250">
                  <c:v>1.701970532130505</c:v>
                </c:pt>
                <c:pt idx="2251">
                  <c:v>1.7011283697380246</c:v>
                </c:pt>
                <c:pt idx="2252">
                  <c:v>1.6970187641737209</c:v>
                </c:pt>
                <c:pt idx="2253">
                  <c:v>1.7033992110016447</c:v>
                </c:pt>
                <c:pt idx="2254">
                  <c:v>1.7003213333417975</c:v>
                </c:pt>
                <c:pt idx="2255">
                  <c:v>1.6998229492584607</c:v>
                </c:pt>
                <c:pt idx="2256">
                  <c:v>1.7013881570134242</c:v>
                </c:pt>
                <c:pt idx="2257">
                  <c:v>1.6964184935403348</c:v>
                </c:pt>
                <c:pt idx="2258">
                  <c:v>1.6971237945312461</c:v>
                </c:pt>
                <c:pt idx="2259">
                  <c:v>1.6924980151694</c:v>
                </c:pt>
                <c:pt idx="2260">
                  <c:v>1.6975024418909856</c:v>
                </c:pt>
                <c:pt idx="2261">
                  <c:v>1.703194727522183</c:v>
                </c:pt>
                <c:pt idx="2262">
                  <c:v>1.6963332631213102</c:v>
                </c:pt>
                <c:pt idx="2263">
                  <c:v>1.6972103550221189</c:v>
                </c:pt>
                <c:pt idx="2264">
                  <c:v>1.7010108850687857</c:v>
                </c:pt>
                <c:pt idx="2265">
                  <c:v>1.703263679671924</c:v>
                </c:pt>
                <c:pt idx="2266">
                  <c:v>1.703280849694325</c:v>
                </c:pt>
                <c:pt idx="2267">
                  <c:v>1.6993427025227308</c:v>
                </c:pt>
                <c:pt idx="2268">
                  <c:v>1.6952325528381536</c:v>
                </c:pt>
                <c:pt idx="2269">
                  <c:v>1.6986890325149828</c:v>
                </c:pt>
                <c:pt idx="2270">
                  <c:v>1.6940629357491281</c:v>
                </c:pt>
                <c:pt idx="2271">
                  <c:v>1.6964875514916182</c:v>
                </c:pt>
                <c:pt idx="2272">
                  <c:v>1.6989121521196908</c:v>
                </c:pt>
                <c:pt idx="2273">
                  <c:v>1.7013367074038914</c:v>
                </c:pt>
                <c:pt idx="2274">
                  <c:v>1.6972264519183908</c:v>
                </c:pt>
                <c:pt idx="2275">
                  <c:v>1.70051083839536</c:v>
                </c:pt>
                <c:pt idx="2276">
                  <c:v>1.7010436985536912</c:v>
                </c:pt>
                <c:pt idx="2277">
                  <c:v>1.6934940124947067</c:v>
                </c:pt>
                <c:pt idx="2278">
                  <c:v>1.6943707869958402</c:v>
                </c:pt>
                <c:pt idx="2279">
                  <c:v>1.6998906922517565</c:v>
                </c:pt>
                <c:pt idx="2280">
                  <c:v>1.7054105975076728</c:v>
                </c:pt>
                <c:pt idx="2281">
                  <c:v>1.7054274954699371</c:v>
                </c:pt>
                <c:pt idx="2282">
                  <c:v>1.6989095675474635</c:v>
                </c:pt>
                <c:pt idx="2283">
                  <c:v>1.6980665889739539</c:v>
                </c:pt>
                <c:pt idx="2284">
                  <c:v>1.7044463103079734</c:v>
                </c:pt>
                <c:pt idx="2285">
                  <c:v>1.7058389260863658</c:v>
                </c:pt>
                <c:pt idx="2286">
                  <c:v>1.6982891493433518</c:v>
                </c:pt>
                <c:pt idx="2287">
                  <c:v>1.6915992037910015</c:v>
                </c:pt>
                <c:pt idx="2288">
                  <c:v>1.6926478598860624</c:v>
                </c:pt>
                <c:pt idx="2289">
                  <c:v>1.697135901210735</c:v>
                </c:pt>
                <c:pt idx="2290">
                  <c:v>1.6993883481808434</c:v>
                </c:pt>
                <c:pt idx="2291">
                  <c:v>1.6983733822089546</c:v>
                </c:pt>
                <c:pt idx="2292">
                  <c:v>1.6956387236236217</c:v>
                </c:pt>
                <c:pt idx="2293">
                  <c:v>1.6975472411400387</c:v>
                </c:pt>
                <c:pt idx="2294">
                  <c:v>1.7003155898483577</c:v>
                </c:pt>
                <c:pt idx="2295">
                  <c:v>1.7058354497610211</c:v>
                </c:pt>
                <c:pt idx="2296">
                  <c:v>1.7003493102004268</c:v>
                </c:pt>
                <c:pt idx="2297">
                  <c:v>1.6934874225925167</c:v>
                </c:pt>
                <c:pt idx="2298">
                  <c:v>1.6923005145651298</c:v>
                </c:pt>
                <c:pt idx="2299">
                  <c:v>1.6985082938463136</c:v>
                </c:pt>
                <c:pt idx="2300">
                  <c:v>1.7019645619206767</c:v>
                </c:pt>
                <c:pt idx="2301">
                  <c:v>1.7085162857689171</c:v>
                </c:pt>
                <c:pt idx="2302">
                  <c:v>1.7035461084031516</c:v>
                </c:pt>
                <c:pt idx="2303">
                  <c:v>1.6978880721302503</c:v>
                </c:pt>
                <c:pt idx="2304">
                  <c:v>1.6980769726054974</c:v>
                </c:pt>
                <c:pt idx="2305">
                  <c:v>1.6970621275493831</c:v>
                </c:pt>
                <c:pt idx="2306">
                  <c:v>1.7020662066393628</c:v>
                </c:pt>
                <c:pt idx="2307">
                  <c:v>1.7027710693109244</c:v>
                </c:pt>
                <c:pt idx="2308">
                  <c:v>1.7007244661213943</c:v>
                </c:pt>
                <c:pt idx="2309">
                  <c:v>1.700913472397565</c:v>
                </c:pt>
                <c:pt idx="2310">
                  <c:v>1.697663108562256</c:v>
                </c:pt>
                <c:pt idx="2311">
                  <c:v>1.6951006489779543</c:v>
                </c:pt>
                <c:pt idx="2312">
                  <c:v>1.6968374511553239</c:v>
                </c:pt>
                <c:pt idx="2313">
                  <c:v>1.6982303238794354</c:v>
                </c:pt>
                <c:pt idx="2314">
                  <c:v>1.7020307783540138</c:v>
                </c:pt>
                <c:pt idx="2315">
                  <c:v>1.6932775583710866</c:v>
                </c:pt>
                <c:pt idx="2316">
                  <c:v>1.702065163742069</c:v>
                </c:pt>
                <c:pt idx="2317">
                  <c:v>1.7019104370524107</c:v>
                </c:pt>
                <c:pt idx="2318">
                  <c:v>1.7036473752601582</c:v>
                </c:pt>
                <c:pt idx="2319">
                  <c:v>1.7036646661985195</c:v>
                </c:pt>
                <c:pt idx="2320">
                  <c:v>1.7009304912757897</c:v>
                </c:pt>
                <c:pt idx="2321">
                  <c:v>1.6968205834225139</c:v>
                </c:pt>
                <c:pt idx="2322">
                  <c:v>1.6978697987522657</c:v>
                </c:pt>
                <c:pt idx="2323">
                  <c:v>1.6961675331071278</c:v>
                </c:pt>
                <c:pt idx="2324">
                  <c:v>1.6991084586781571</c:v>
                </c:pt>
                <c:pt idx="2325">
                  <c:v>1.6984380871961935</c:v>
                </c:pt>
                <c:pt idx="2326">
                  <c:v>1.699659410840842</c:v>
                </c:pt>
                <c:pt idx="2327">
                  <c:v>1.6986451703629193</c:v>
                </c:pt>
                <c:pt idx="2328">
                  <c:v>1.6957393103305962</c:v>
                </c:pt>
                <c:pt idx="2329">
                  <c:v>1.7004001250026848</c:v>
                </c:pt>
                <c:pt idx="2330">
                  <c:v>1.7012776703375088</c:v>
                </c:pt>
                <c:pt idx="2331">
                  <c:v>1.6954484628470718</c:v>
                </c:pt>
                <c:pt idx="2332">
                  <c:v>1.6921988547345024</c:v>
                </c:pt>
                <c:pt idx="2333">
                  <c:v>1.7015030117671825</c:v>
                </c:pt>
                <c:pt idx="2334">
                  <c:v>1.704272388258997</c:v>
                </c:pt>
                <c:pt idx="2335">
                  <c:v>1.700335027039225</c:v>
                </c:pt>
                <c:pt idx="2336">
                  <c:v>1.7041363128083837</c:v>
                </c:pt>
                <c:pt idx="2337">
                  <c:v>1.7065619109929737</c:v>
                </c:pt>
                <c:pt idx="2338">
                  <c:v>1.7002171342797812</c:v>
                </c:pt>
                <c:pt idx="2339">
                  <c:v>1.6973118032533756</c:v>
                </c:pt>
                <c:pt idx="2340">
                  <c:v>1.7000814971485796</c:v>
                </c:pt>
                <c:pt idx="2341">
                  <c:v>1.7068065082377792</c:v>
                </c:pt>
                <c:pt idx="2342">
                  <c:v>1.7006339305275371</c:v>
                </c:pt>
                <c:pt idx="2343">
                  <c:v>1.6929136778314369</c:v>
                </c:pt>
                <c:pt idx="2344">
                  <c:v>1.6946517798530578</c:v>
                </c:pt>
                <c:pt idx="2345">
                  <c:v>1.6950141640585505</c:v>
                </c:pt>
                <c:pt idx="2346">
                  <c:v>1.6988160090626478</c:v>
                </c:pt>
                <c:pt idx="2347">
                  <c:v>1.7022739850705386</c:v>
                </c:pt>
                <c:pt idx="2348">
                  <c:v>1.6986812787989196</c:v>
                </c:pt>
                <c:pt idx="2349">
                  <c:v>1.6944007438477624</c:v>
                </c:pt>
                <c:pt idx="2350">
                  <c:v>1.6995785787283721</c:v>
                </c:pt>
                <c:pt idx="2351">
                  <c:v>1.7020049628624321</c:v>
                </c:pt>
                <c:pt idx="2352">
                  <c:v>1.6977246243993234</c:v>
                </c:pt>
                <c:pt idx="2353">
                  <c:v>1.6951640087789273</c:v>
                </c:pt>
                <c:pt idx="2354">
                  <c:v>1.6996541963534437</c:v>
                </c:pt>
                <c:pt idx="2355">
                  <c:v>1.6977816058999535</c:v>
                </c:pt>
                <c:pt idx="2356">
                  <c:v>1.6947052699145444</c:v>
                </c:pt>
                <c:pt idx="2357">
                  <c:v>1.6955842813513469</c:v>
                </c:pt>
                <c:pt idx="2358">
                  <c:v>1.6976671290072551</c:v>
                </c:pt>
                <c:pt idx="2359">
                  <c:v>1.7052530444151048</c:v>
                </c:pt>
                <c:pt idx="2360">
                  <c:v>1.7042405874425504</c:v>
                </c:pt>
                <c:pt idx="2361">
                  <c:v>1.7030562035297203</c:v>
                </c:pt>
                <c:pt idx="2362">
                  <c:v>1.699636285722659</c:v>
                </c:pt>
                <c:pt idx="2363">
                  <c:v>1.7015474482689741</c:v>
                </c:pt>
                <c:pt idx="2364">
                  <c:v>1.7007071751830329</c:v>
                </c:pt>
                <c:pt idx="2365">
                  <c:v>1.7024465014755785</c:v>
                </c:pt>
                <c:pt idx="2366">
                  <c:v>1.6990268254998186</c:v>
                </c:pt>
                <c:pt idx="2367">
                  <c:v>1.6983586758428206</c:v>
                </c:pt>
                <c:pt idx="2368">
                  <c:v>1.7093844903711013</c:v>
                </c:pt>
                <c:pt idx="2369">
                  <c:v>1.7006339456419546</c:v>
                </c:pt>
                <c:pt idx="2370">
                  <c:v>1.6944629851793533</c:v>
                </c:pt>
                <c:pt idx="2371">
                  <c:v>1.6968905028974606</c:v>
                </c:pt>
                <c:pt idx="2372">
                  <c:v>1.6996620407562606</c:v>
                </c:pt>
                <c:pt idx="2373">
                  <c:v>1.7039813442874243</c:v>
                </c:pt>
                <c:pt idx="2374">
                  <c:v>1.7055492121872604</c:v>
                </c:pt>
                <c:pt idx="2375">
                  <c:v>1.7072890977132589</c:v>
                </c:pt>
                <c:pt idx="2376">
                  <c:v>1.7009465125993541</c:v>
                </c:pt>
                <c:pt idx="2377">
                  <c:v>1.7042342393710426</c:v>
                </c:pt>
                <c:pt idx="2378">
                  <c:v>1.6929046545042914</c:v>
                </c:pt>
                <c:pt idx="2379">
                  <c:v>1.7015235371989683</c:v>
                </c:pt>
                <c:pt idx="2380">
                  <c:v>1.7072189817539782</c:v>
                </c:pt>
                <c:pt idx="2381">
                  <c:v>1.7055198296838279</c:v>
                </c:pt>
                <c:pt idx="2382">
                  <c:v>1.6955662195764476</c:v>
                </c:pt>
                <c:pt idx="2383">
                  <c:v>1.6959308104918693</c:v>
                </c:pt>
                <c:pt idx="2384">
                  <c:v>1.6964674190353104</c:v>
                </c:pt>
                <c:pt idx="2385">
                  <c:v>1.7018192061941035</c:v>
                </c:pt>
                <c:pt idx="2386">
                  <c:v>1.6971968729275289</c:v>
                </c:pt>
                <c:pt idx="2387">
                  <c:v>1.6960139702307238</c:v>
                </c:pt>
                <c:pt idx="2388">
                  <c:v>1.6982704829898894</c:v>
                </c:pt>
                <c:pt idx="2389">
                  <c:v>1.6948520917433438</c:v>
                </c:pt>
                <c:pt idx="2390">
                  <c:v>1.6917776904095843</c:v>
                </c:pt>
                <c:pt idx="2391">
                  <c:v>1.6981616286754133</c:v>
                </c:pt>
                <c:pt idx="2392">
                  <c:v>1.6974948997773887</c:v>
                </c:pt>
                <c:pt idx="2393">
                  <c:v>1.6956244555768376</c:v>
                </c:pt>
                <c:pt idx="2394">
                  <c:v>1.6968494822627245</c:v>
                </c:pt>
                <c:pt idx="2395">
                  <c:v>1.7027177455086508</c:v>
                </c:pt>
                <c:pt idx="2396">
                  <c:v>1.6998156338615618</c:v>
                </c:pt>
                <c:pt idx="2397">
                  <c:v>1.6972575272409334</c:v>
                </c:pt>
                <c:pt idx="2398">
                  <c:v>1.7060494100051102</c:v>
                </c:pt>
                <c:pt idx="2399">
                  <c:v>1.7002240113573921</c:v>
                </c:pt>
                <c:pt idx="2400">
                  <c:v>1.6933668394602313</c:v>
                </c:pt>
                <c:pt idx="2401">
                  <c:v>1.6990634327128395</c:v>
                </c:pt>
                <c:pt idx="2402">
                  <c:v>1.6970215150051615</c:v>
                </c:pt>
                <c:pt idx="2403">
                  <c:v>1.7061576143977701</c:v>
                </c:pt>
                <c:pt idx="2404">
                  <c:v>1.7035998856385735</c:v>
                </c:pt>
                <c:pt idx="2405">
                  <c:v>1.6984626633024327</c:v>
                </c:pt>
                <c:pt idx="2406">
                  <c:v>1.7038156142738607</c:v>
                </c:pt>
                <c:pt idx="2407">
                  <c:v>1.705041366454271</c:v>
                </c:pt>
                <c:pt idx="2408">
                  <c:v>1.7060951916931675</c:v>
                </c:pt>
                <c:pt idx="2409">
                  <c:v>1.7018180423808493</c:v>
                </c:pt>
                <c:pt idx="2410">
                  <c:v>1.7006363790700056</c:v>
                </c:pt>
                <c:pt idx="2411">
                  <c:v>1.6999706930691509</c:v>
                </c:pt>
                <c:pt idx="2412">
                  <c:v>1.6994769944672947</c:v>
                </c:pt>
                <c:pt idx="2413">
                  <c:v>1.6996712605746118</c:v>
                </c:pt>
                <c:pt idx="2414">
                  <c:v>1.7019291940923793</c:v>
                </c:pt>
                <c:pt idx="2415">
                  <c:v>1.7055629209987342</c:v>
                </c:pt>
                <c:pt idx="2416">
                  <c:v>1.7019740235702676</c:v>
                </c:pt>
                <c:pt idx="2417">
                  <c:v>1.7066396748698704</c:v>
                </c:pt>
                <c:pt idx="2418">
                  <c:v>1.7040826867171384</c:v>
                </c:pt>
                <c:pt idx="2419">
                  <c:v>1.7070287814307654</c:v>
                </c:pt>
                <c:pt idx="2420">
                  <c:v>1.7010325138561551</c:v>
                </c:pt>
                <c:pt idx="2421">
                  <c:v>1.6984756919638744</c:v>
                </c:pt>
                <c:pt idx="2422">
                  <c:v>1.7043453910831916</c:v>
                </c:pt>
                <c:pt idx="2423">
                  <c:v>1.7029924507526504</c:v>
                </c:pt>
                <c:pt idx="2424">
                  <c:v>1.6980282133691158</c:v>
                </c:pt>
                <c:pt idx="2425">
                  <c:v>1.6915163161116646</c:v>
                </c:pt>
                <c:pt idx="2426">
                  <c:v>1.7032331786991095</c:v>
                </c:pt>
                <c:pt idx="2427">
                  <c:v>1.7085872330273593</c:v>
                </c:pt>
                <c:pt idx="2428">
                  <c:v>1.7022474440850526</c:v>
                </c:pt>
                <c:pt idx="2429">
                  <c:v>1.6977993805002984</c:v>
                </c:pt>
                <c:pt idx="2430">
                  <c:v>1.7036694877101304</c:v>
                </c:pt>
                <c:pt idx="2431">
                  <c:v>1.7054124112427429</c:v>
                </c:pt>
                <c:pt idx="2432">
                  <c:v>1.7014804005408091</c:v>
                </c:pt>
                <c:pt idx="2433">
                  <c:v>1.7035673744432591</c:v>
                </c:pt>
                <c:pt idx="2434">
                  <c:v>1.7039346859606672</c:v>
                </c:pt>
                <c:pt idx="2435">
                  <c:v>1.7065376674026844</c:v>
                </c:pt>
                <c:pt idx="2436">
                  <c:v>1.704497502971787</c:v>
                </c:pt>
                <c:pt idx="2437">
                  <c:v>1.7072725625007326</c:v>
                </c:pt>
                <c:pt idx="2438">
                  <c:v>1.7014491891885077</c:v>
                </c:pt>
                <c:pt idx="2439">
                  <c:v>1.6975175563476341</c:v>
                </c:pt>
                <c:pt idx="2440">
                  <c:v>1.6987450164609528</c:v>
                </c:pt>
                <c:pt idx="2441">
                  <c:v>1.7028960205210528</c:v>
                </c:pt>
                <c:pt idx="2442">
                  <c:v>1.7003402717555824</c:v>
                </c:pt>
                <c:pt idx="2443">
                  <c:v>1.7024277444349911</c:v>
                </c:pt>
                <c:pt idx="2444">
                  <c:v>1.7060629827868252</c:v>
                </c:pt>
                <c:pt idx="2445">
                  <c:v>1.7012717908141863</c:v>
                </c:pt>
                <c:pt idx="2446">
                  <c:v>1.7004359462641927</c:v>
                </c:pt>
                <c:pt idx="2447">
                  <c:v>1.7044152803293031</c:v>
                </c:pt>
                <c:pt idx="2448">
                  <c:v>1.7027196801590623</c:v>
                </c:pt>
                <c:pt idx="2449">
                  <c:v>1.6975847552205947</c:v>
                </c:pt>
                <c:pt idx="2450">
                  <c:v>1.7015642404296958</c:v>
                </c:pt>
                <c:pt idx="2451">
                  <c:v>1.6998687914044981</c:v>
                </c:pt>
                <c:pt idx="2452">
                  <c:v>1.6985173322909721</c:v>
                </c:pt>
                <c:pt idx="2453">
                  <c:v>1.6990575834183523</c:v>
                </c:pt>
                <c:pt idx="2454">
                  <c:v>1.6970183560838255</c:v>
                </c:pt>
                <c:pt idx="2455">
                  <c:v>1.6980745996357363</c:v>
                </c:pt>
                <c:pt idx="2456">
                  <c:v>1.6998187776684801</c:v>
                </c:pt>
                <c:pt idx="2457">
                  <c:v>1.7007031698524515</c:v>
                </c:pt>
                <c:pt idx="2458">
                  <c:v>1.6969444463920957</c:v>
                </c:pt>
                <c:pt idx="2459">
                  <c:v>1.6992046773072884</c:v>
                </c:pt>
                <c:pt idx="2460">
                  <c:v>1.7004331500897467</c:v>
                </c:pt>
                <c:pt idx="2461">
                  <c:v>1.705616970294912</c:v>
                </c:pt>
                <c:pt idx="2462">
                  <c:v>1.7040940376738876</c:v>
                </c:pt>
                <c:pt idx="2463">
                  <c:v>1.6977560171252555</c:v>
                </c:pt>
                <c:pt idx="2464">
                  <c:v>1.6988127141109337</c:v>
                </c:pt>
                <c:pt idx="2465">
                  <c:v>1.6974618898050537</c:v>
                </c:pt>
                <c:pt idx="2466">
                  <c:v>1.7029898812954596</c:v>
                </c:pt>
                <c:pt idx="2467">
                  <c:v>1.7007793164835645</c:v>
                </c:pt>
                <c:pt idx="2468">
                  <c:v>1.6978809229921312</c:v>
                </c:pt>
                <c:pt idx="2469">
                  <c:v>1.6985939323558528</c:v>
                </c:pt>
                <c:pt idx="2470">
                  <c:v>1.7073895332785334</c:v>
                </c:pt>
                <c:pt idx="2471">
                  <c:v>1.7096503536584906</c:v>
                </c:pt>
                <c:pt idx="2472">
                  <c:v>1.6967779606551736</c:v>
                </c:pt>
                <c:pt idx="2473">
                  <c:v>1.7005865920504999</c:v>
                </c:pt>
                <c:pt idx="2474">
                  <c:v>1.7062869336882185</c:v>
                </c:pt>
                <c:pt idx="2475">
                  <c:v>1.7042487190202928</c:v>
                </c:pt>
                <c:pt idx="2476">
                  <c:v>1.7099491664568298</c:v>
                </c:pt>
                <c:pt idx="2477">
                  <c:v>1.7082549870492767</c:v>
                </c:pt>
                <c:pt idx="2478">
                  <c:v>1.6950389366522192</c:v>
                </c:pt>
                <c:pt idx="2479">
                  <c:v>1.6950645405413347</c:v>
                </c:pt>
                <c:pt idx="2480">
                  <c:v>1.6969818697861456</c:v>
                </c:pt>
                <c:pt idx="2481">
                  <c:v>1.6978673955536692</c:v>
                </c:pt>
                <c:pt idx="2482">
                  <c:v>1.7011605635299492</c:v>
                </c:pt>
                <c:pt idx="2483">
                  <c:v>1.7029060565203715</c:v>
                </c:pt>
                <c:pt idx="2484">
                  <c:v>1.706715216919944</c:v>
                </c:pt>
                <c:pt idx="2485">
                  <c:v>1.7067411079842332</c:v>
                </c:pt>
                <c:pt idx="2486">
                  <c:v>1.7038435760183201</c:v>
                </c:pt>
                <c:pt idx="2487">
                  <c:v>1.7064490966862165</c:v>
                </c:pt>
                <c:pt idx="2488">
                  <c:v>1.7040675722611089</c:v>
                </c:pt>
                <c:pt idx="2489">
                  <c:v>1.7009982040401881</c:v>
                </c:pt>
                <c:pt idx="2490">
                  <c:v>1.6981008534466677</c:v>
                </c:pt>
                <c:pt idx="2491">
                  <c:v>1.6988149057070643</c:v>
                </c:pt>
                <c:pt idx="2492">
                  <c:v>1.7014206530949398</c:v>
                </c:pt>
                <c:pt idx="2493">
                  <c:v>1.7023067532121909</c:v>
                </c:pt>
                <c:pt idx="2494">
                  <c:v>1.695798256709854</c:v>
                </c:pt>
                <c:pt idx="2495">
                  <c:v>1.7014995807857098</c:v>
                </c:pt>
                <c:pt idx="2496">
                  <c:v>1.699978265411769</c:v>
                </c:pt>
                <c:pt idx="2497">
                  <c:v>1.6974251919049081</c:v>
                </c:pt>
                <c:pt idx="2498">
                  <c:v>1.7074258835458351</c:v>
                </c:pt>
                <c:pt idx="2499">
                  <c:v>1.7029812207118613</c:v>
                </c:pt>
                <c:pt idx="2500">
                  <c:v>1.697504814860747</c:v>
                </c:pt>
                <c:pt idx="2501">
                  <c:v>1.6970155296802965</c:v>
                </c:pt>
                <c:pt idx="2502">
                  <c:v>1.6980740252866275</c:v>
                </c:pt>
                <c:pt idx="2503">
                  <c:v>1.6975848459071006</c:v>
                </c:pt>
                <c:pt idx="2504">
                  <c:v>1.7038024949259134</c:v>
                </c:pt>
                <c:pt idx="2505">
                  <c:v>1.7079565521051878</c:v>
                </c:pt>
                <c:pt idx="2506">
                  <c:v>1.7048879698364612</c:v>
                </c:pt>
                <c:pt idx="2507">
                  <c:v>1.7042269995464177</c:v>
                </c:pt>
                <c:pt idx="2508">
                  <c:v>1.7009865356794303</c:v>
                </c:pt>
                <c:pt idx="2509">
                  <c:v>1.7077203282688074</c:v>
                </c:pt>
                <c:pt idx="2510">
                  <c:v>1.7044799550877066</c:v>
                </c:pt>
                <c:pt idx="2511">
                  <c:v>1.6990040328998142</c:v>
                </c:pt>
                <c:pt idx="2512">
                  <c:v>1.7019546317229006</c:v>
                </c:pt>
                <c:pt idx="2513">
                  <c:v>1.7059370944803263</c:v>
                </c:pt>
                <c:pt idx="2514">
                  <c:v>1.707684008231579</c:v>
                </c:pt>
                <c:pt idx="2515">
                  <c:v>1.7003166025169401</c:v>
                </c:pt>
                <c:pt idx="2516">
                  <c:v>1.7017196623844228</c:v>
                </c:pt>
                <c:pt idx="2517">
                  <c:v>1.703638669333307</c:v>
                </c:pt>
                <c:pt idx="2518">
                  <c:v>1.7052137921721859</c:v>
                </c:pt>
                <c:pt idx="2519">
                  <c:v>1.7067889452399003</c:v>
                </c:pt>
                <c:pt idx="2520">
                  <c:v>1.7071603678888134</c:v>
                </c:pt>
                <c:pt idx="2521">
                  <c:v>1.7034045917479466</c:v>
                </c:pt>
                <c:pt idx="2522">
                  <c:v>1.712546510206207</c:v>
                </c:pt>
                <c:pt idx="2523">
                  <c:v>1.7070711170235513</c:v>
                </c:pt>
                <c:pt idx="2524">
                  <c:v>1.7060669578891907</c:v>
                </c:pt>
                <c:pt idx="2525">
                  <c:v>1.6983560610417578</c:v>
                </c:pt>
                <c:pt idx="2526">
                  <c:v>1.7056064959768626</c:v>
                </c:pt>
                <c:pt idx="2527">
                  <c:v>1.7070100395095482</c:v>
                </c:pt>
                <c:pt idx="2528">
                  <c:v>1.7030825782559931</c:v>
                </c:pt>
                <c:pt idx="2529">
                  <c:v>1.708269542269377</c:v>
                </c:pt>
                <c:pt idx="2530">
                  <c:v>1.7022785345220126</c:v>
                </c:pt>
                <c:pt idx="2531">
                  <c:v>1.7084973775853913</c:v>
                </c:pt>
                <c:pt idx="2532">
                  <c:v>1.706461762604111</c:v>
                </c:pt>
                <c:pt idx="2533">
                  <c:v>1.6977193796827803</c:v>
                </c:pt>
                <c:pt idx="2534">
                  <c:v>1.6965437016968015</c:v>
                </c:pt>
                <c:pt idx="2535">
                  <c:v>1.6969157742681498</c:v>
                </c:pt>
                <c:pt idx="2536">
                  <c:v>1.7033067861012481</c:v>
                </c:pt>
                <c:pt idx="2537">
                  <c:v>1.7076342363255006</c:v>
                </c:pt>
                <c:pt idx="2538">
                  <c:v>1.7038791856772999</c:v>
                </c:pt>
                <c:pt idx="2539">
                  <c:v>1.7020158301565784</c:v>
                </c:pt>
                <c:pt idx="2540">
                  <c:v>1.7070312753158678</c:v>
                </c:pt>
                <c:pt idx="2541">
                  <c:v>1.7051679953690919</c:v>
                </c:pt>
                <c:pt idx="2542">
                  <c:v>1.7029608313098343</c:v>
                </c:pt>
                <c:pt idx="2543">
                  <c:v>1.7048809718431375</c:v>
                </c:pt>
                <c:pt idx="2544">
                  <c:v>1.7054253945609317</c:v>
                </c:pt>
                <c:pt idx="2545">
                  <c:v>1.7111289253473356</c:v>
                </c:pt>
                <c:pt idx="2546">
                  <c:v>1.7073741921012866</c:v>
                </c:pt>
                <c:pt idx="2547">
                  <c:v>1.7043073933400328</c:v>
                </c:pt>
                <c:pt idx="2548">
                  <c:v>1.7045080528619247</c:v>
                </c:pt>
                <c:pt idx="2549">
                  <c:v>1.7072882815322297</c:v>
                </c:pt>
                <c:pt idx="2550">
                  <c:v>1.7069730997774819</c:v>
                </c:pt>
                <c:pt idx="2551">
                  <c:v>1.7054541876002187</c:v>
                </c:pt>
                <c:pt idx="2552">
                  <c:v>1.7085784666403612</c:v>
                </c:pt>
                <c:pt idx="2553">
                  <c:v>1.7043081490627725</c:v>
                </c:pt>
                <c:pt idx="2554">
                  <c:v>1.7064007002020491</c:v>
                </c:pt>
                <c:pt idx="2555">
                  <c:v>1.7131364425494453</c:v>
                </c:pt>
                <c:pt idx="2556">
                  <c:v>1.7104139662181659</c:v>
                </c:pt>
                <c:pt idx="2557">
                  <c:v>1.7121627088158111</c:v>
                </c:pt>
                <c:pt idx="2558">
                  <c:v>1.7147713279492303</c:v>
                </c:pt>
                <c:pt idx="2559">
                  <c:v>1.7153163703606242</c:v>
                </c:pt>
                <c:pt idx="2560">
                  <c:v>1.7062311764566558</c:v>
                </c:pt>
                <c:pt idx="2561">
                  <c:v>1.7029929948729239</c:v>
                </c:pt>
                <c:pt idx="2562">
                  <c:v>1.7086972209243967</c:v>
                </c:pt>
                <c:pt idx="2563">
                  <c:v>1.7095863590445475</c:v>
                </c:pt>
                <c:pt idx="2564">
                  <c:v>1.7111634165363143</c:v>
                </c:pt>
                <c:pt idx="2565">
                  <c:v>1.7096450635937419</c:v>
                </c:pt>
                <c:pt idx="2566">
                  <c:v>1.7089866023050757</c:v>
                </c:pt>
                <c:pt idx="2567">
                  <c:v>1.715722843433207</c:v>
                </c:pt>
                <c:pt idx="2568">
                  <c:v>1.7093894932532474</c:v>
                </c:pt>
                <c:pt idx="2569">
                  <c:v>1.7046038936299959</c:v>
                </c:pt>
                <c:pt idx="2570">
                  <c:v>1.7061811929499684</c:v>
                </c:pt>
                <c:pt idx="2571">
                  <c:v>1.7106819908722315</c:v>
                </c:pt>
                <c:pt idx="2572">
                  <c:v>1.7120873934820022</c:v>
                </c:pt>
                <c:pt idx="2573">
                  <c:v>1.7102254436052171</c:v>
                </c:pt>
                <c:pt idx="2574">
                  <c:v>1.713178642116187</c:v>
                </c:pt>
                <c:pt idx="2575">
                  <c:v>1.7164758305337517</c:v>
                </c:pt>
                <c:pt idx="2576">
                  <c:v>1.7135821678711378</c:v>
                </c:pt>
                <c:pt idx="2577">
                  <c:v>1.7103446059797676</c:v>
                </c:pt>
                <c:pt idx="2578">
                  <c:v>1.7067631448596408</c:v>
                </c:pt>
                <c:pt idx="2579">
                  <c:v>1.7083407918161719</c:v>
                </c:pt>
                <c:pt idx="2580">
                  <c:v>1.7166252671660902</c:v>
                </c:pt>
                <c:pt idx="2581">
                  <c:v>1.7166552693594079</c:v>
                </c:pt>
                <c:pt idx="2582">
                  <c:v>1.7149656242895306</c:v>
                </c:pt>
                <c:pt idx="2583">
                  <c:v>1.7122442210794275</c:v>
                </c:pt>
                <c:pt idx="2584">
                  <c:v>1.7114144827692066</c:v>
                </c:pt>
                <c:pt idx="2585">
                  <c:v>1.7049098253407142</c:v>
                </c:pt>
                <c:pt idx="2586">
                  <c:v>1.709239255558012</c:v>
                </c:pt>
                <c:pt idx="2587">
                  <c:v>1.7108172047967052</c:v>
                </c:pt>
                <c:pt idx="2588">
                  <c:v>1.7106755067722033</c:v>
                </c:pt>
                <c:pt idx="2589">
                  <c:v>1.7170686799707393</c:v>
                </c:pt>
                <c:pt idx="2590">
                  <c:v>1.713831616860104</c:v>
                </c:pt>
                <c:pt idx="2591">
                  <c:v>1.7145498709372733</c:v>
                </c:pt>
                <c:pt idx="2592">
                  <c:v>1.7137204500335375</c:v>
                </c:pt>
                <c:pt idx="2593">
                  <c:v>1.7101395783781752</c:v>
                </c:pt>
                <c:pt idx="2594">
                  <c:v>1.7101700793522279</c:v>
                </c:pt>
                <c:pt idx="2595">
                  <c:v>1.7151877009963257</c:v>
                </c:pt>
                <c:pt idx="2596">
                  <c:v>1.7109190611197147</c:v>
                </c:pt>
                <c:pt idx="2597">
                  <c:v>1.7174844937769527</c:v>
                </c:pt>
                <c:pt idx="2598">
                  <c:v>1.7185469644893634</c:v>
                </c:pt>
                <c:pt idx="2599">
                  <c:v>1.7170299265023645</c:v>
                </c:pt>
                <c:pt idx="2600">
                  <c:v>1.7199841225686134</c:v>
                </c:pt>
                <c:pt idx="2601">
                  <c:v>1.7158876363547335</c:v>
                </c:pt>
                <c:pt idx="2602">
                  <c:v>1.7138548024349671</c:v>
                </c:pt>
                <c:pt idx="2603">
                  <c:v>1.718872741479359</c:v>
                </c:pt>
                <c:pt idx="2604">
                  <c:v>1.7187316480315629</c:v>
                </c:pt>
                <c:pt idx="2605">
                  <c:v>1.7166989350258994</c:v>
                </c:pt>
                <c:pt idx="2606">
                  <c:v>1.7129465596389086</c:v>
                </c:pt>
                <c:pt idx="2607">
                  <c:v>1.7238115865793395</c:v>
                </c:pt>
                <c:pt idx="2608">
                  <c:v>1.7250463772044082</c:v>
                </c:pt>
                <c:pt idx="2609">
                  <c:v>1.720434276419629</c:v>
                </c:pt>
                <c:pt idx="2610">
                  <c:v>1.7185737019585643</c:v>
                </c:pt>
                <c:pt idx="2611">
                  <c:v>1.7174010468691157</c:v>
                </c:pt>
                <c:pt idx="2612">
                  <c:v>1.7148526739567289</c:v>
                </c:pt>
                <c:pt idx="2613">
                  <c:v>1.7179793108497388</c:v>
                </c:pt>
                <c:pt idx="2614">
                  <c:v>1.720762063638315</c:v>
                </c:pt>
                <c:pt idx="2615">
                  <c:v>1.7195895445749108</c:v>
                </c:pt>
                <c:pt idx="2616">
                  <c:v>1.7211685669409713</c:v>
                </c:pt>
                <c:pt idx="2617">
                  <c:v>1.7239514255255184</c:v>
                </c:pt>
                <c:pt idx="2618">
                  <c:v>1.7186517681300049</c:v>
                </c:pt>
                <c:pt idx="2619">
                  <c:v>1.7178233447753573</c:v>
                </c:pt>
                <c:pt idx="2620">
                  <c:v>1.7157911456623702</c:v>
                </c:pt>
                <c:pt idx="2621">
                  <c:v>1.7151347550563505</c:v>
                </c:pt>
                <c:pt idx="2622">
                  <c:v>1.7158541578329753</c:v>
                </c:pt>
                <c:pt idx="2623">
                  <c:v>1.7258599128143384</c:v>
                </c:pt>
                <c:pt idx="2624">
                  <c:v>1.7245157539808793</c:v>
                </c:pt>
                <c:pt idx="2625">
                  <c:v>1.7209360310311637</c:v>
                </c:pt>
                <c:pt idx="2626">
                  <c:v>1.7261267585388749</c:v>
                </c:pt>
                <c:pt idx="2627">
                  <c:v>1.7204834739790751</c:v>
                </c:pt>
                <c:pt idx="2628">
                  <c:v>1.7270500251056953</c:v>
                </c:pt>
                <c:pt idx="2629">
                  <c:v>1.726393906557955</c:v>
                </c:pt>
                <c:pt idx="2630">
                  <c:v>1.7202348260591969</c:v>
                </c:pt>
                <c:pt idx="2631">
                  <c:v>1.7242219440646864</c:v>
                </c:pt>
                <c:pt idx="2632">
                  <c:v>1.730788646341674</c:v>
                </c:pt>
                <c:pt idx="2633">
                  <c:v>1.7321962858902089</c:v>
                </c:pt>
                <c:pt idx="2634">
                  <c:v>1.7196744878187618</c:v>
                </c:pt>
                <c:pt idx="2635">
                  <c:v>1.7288208045849389</c:v>
                </c:pt>
                <c:pt idx="2636">
                  <c:v>1.7290247892830466</c:v>
                </c:pt>
                <c:pt idx="2637">
                  <c:v>1.7177068727782916</c:v>
                </c:pt>
                <c:pt idx="2638">
                  <c:v>1.7266813230581493</c:v>
                </c:pt>
                <c:pt idx="2639">
                  <c:v>1.7277452447521777</c:v>
                </c:pt>
                <c:pt idx="2640">
                  <c:v>1.7317326801703432</c:v>
                </c:pt>
                <c:pt idx="2641">
                  <c:v>1.7310769697069268</c:v>
                </c:pt>
                <c:pt idx="2642">
                  <c:v>1.7336887024202865</c:v>
                </c:pt>
                <c:pt idx="2643">
                  <c:v>1.7378482008047718</c:v>
                </c:pt>
                <c:pt idx="2644">
                  <c:v>1.7310017148332648</c:v>
                </c:pt>
                <c:pt idx="2645">
                  <c:v>1.7313779589900742</c:v>
                </c:pt>
                <c:pt idx="2646">
                  <c:v>1.7474034089565458</c:v>
                </c:pt>
                <c:pt idx="2647">
                  <c:v>1.7376335452993279</c:v>
                </c:pt>
                <c:pt idx="2648">
                  <c:v>1.7276917546956438</c:v>
                </c:pt>
                <c:pt idx="2649">
                  <c:v>1.733399169895431</c:v>
                </c:pt>
                <c:pt idx="2650">
                  <c:v>1.7384187413018815</c:v>
                </c:pt>
                <c:pt idx="2651">
                  <c:v>1.7367315598870328</c:v>
                </c:pt>
                <c:pt idx="2652">
                  <c:v>1.7408913454417387</c:v>
                </c:pt>
                <c:pt idx="2653">
                  <c:v>1.7419557205744876</c:v>
                </c:pt>
                <c:pt idx="2654">
                  <c:v>1.7390648540853291</c:v>
                </c:pt>
                <c:pt idx="2655">
                  <c:v>1.7366899195611734</c:v>
                </c:pt>
                <c:pt idx="2656">
                  <c:v>1.7434293800652159</c:v>
                </c:pt>
                <c:pt idx="2657">
                  <c:v>1.7413984505719782</c:v>
                </c:pt>
                <c:pt idx="2658">
                  <c:v>1.7373039141204509</c:v>
                </c:pt>
                <c:pt idx="2659">
                  <c:v>1.7387124303039712</c:v>
                </c:pt>
                <c:pt idx="2660">
                  <c:v>1.7406368935706265</c:v>
                </c:pt>
                <c:pt idx="2661">
                  <c:v>1.7384341127030107</c:v>
                </c:pt>
                <c:pt idx="2662">
                  <c:v>1.7451737545874941</c:v>
                </c:pt>
                <c:pt idx="2663">
                  <c:v>1.7433149938627379</c:v>
                </c:pt>
                <c:pt idx="2664">
                  <c:v>1.741972149991043</c:v>
                </c:pt>
                <c:pt idx="2665">
                  <c:v>1.7500876608302591</c:v>
                </c:pt>
                <c:pt idx="2666">
                  <c:v>1.7523562349299941</c:v>
                </c:pt>
                <c:pt idx="2667">
                  <c:v>1.7489498747902301</c:v>
                </c:pt>
                <c:pt idx="2668">
                  <c:v>1.7451996003097683</c:v>
                </c:pt>
                <c:pt idx="2669">
                  <c:v>1.7502197762929246</c:v>
                </c:pt>
                <c:pt idx="2670">
                  <c:v>1.7464695773907419</c:v>
                </c:pt>
                <c:pt idx="2671">
                  <c:v>1.749942078386802</c:v>
                </c:pt>
                <c:pt idx="2672">
                  <c:v>1.7577138562657613</c:v>
                </c:pt>
                <c:pt idx="2673">
                  <c:v>1.750180418247844</c:v>
                </c:pt>
                <c:pt idx="2674">
                  <c:v>1.7478060883065849</c:v>
                </c:pt>
                <c:pt idx="2675">
                  <c:v>1.7493870755531304</c:v>
                </c:pt>
                <c:pt idx="2676">
                  <c:v>1.7514839947646788</c:v>
                </c:pt>
                <c:pt idx="2677">
                  <c:v>1.7494536849600881</c:v>
                </c:pt>
                <c:pt idx="2678">
                  <c:v>1.7608370017245802</c:v>
                </c:pt>
                <c:pt idx="2679">
                  <c:v>1.7606984172738278</c:v>
                </c:pt>
                <c:pt idx="2680">
                  <c:v>1.7579803090179151</c:v>
                </c:pt>
                <c:pt idx="2681">
                  <c:v>1.7640326814247396</c:v>
                </c:pt>
                <c:pt idx="2682">
                  <c:v>1.7637222154128718</c:v>
                </c:pt>
                <c:pt idx="2683">
                  <c:v>1.7582527017473477</c:v>
                </c:pt>
                <c:pt idx="2684">
                  <c:v>1.7531271780008002</c:v>
                </c:pt>
                <c:pt idx="2685">
                  <c:v>1.7605554042875615</c:v>
                </c:pt>
                <c:pt idx="2686">
                  <c:v>1.7647162478329299</c:v>
                </c:pt>
                <c:pt idx="2687">
                  <c:v>1.7668134995752862</c:v>
                </c:pt>
                <c:pt idx="2688">
                  <c:v>1.7671910889177425</c:v>
                </c:pt>
                <c:pt idx="2689">
                  <c:v>1.77014824745071</c:v>
                </c:pt>
                <c:pt idx="2690">
                  <c:v>1.7705258972161677</c:v>
                </c:pt>
                <c:pt idx="2691">
                  <c:v>1.7758906828069481</c:v>
                </c:pt>
                <c:pt idx="2692">
                  <c:v>1.7693896226736214</c:v>
                </c:pt>
                <c:pt idx="2693">
                  <c:v>1.7694234185709101</c:v>
                </c:pt>
                <c:pt idx="2694">
                  <c:v>1.7722087559410002</c:v>
                </c:pt>
                <c:pt idx="2695">
                  <c:v>1.7775736473339423</c:v>
                </c:pt>
                <c:pt idx="2696">
                  <c:v>1.7765757153396518</c:v>
                </c:pt>
                <c:pt idx="2697">
                  <c:v>1.7798770451472732</c:v>
                </c:pt>
                <c:pt idx="2698">
                  <c:v>1.7761276774823431</c:v>
                </c:pt>
                <c:pt idx="2699">
                  <c:v>1.7780532894546448</c:v>
                </c:pt>
                <c:pt idx="2700">
                  <c:v>1.7842781783346089</c:v>
                </c:pt>
                <c:pt idx="2701">
                  <c:v>1.7812167602837501</c:v>
                </c:pt>
                <c:pt idx="2702">
                  <c:v>1.7850341429519045</c:v>
                </c:pt>
                <c:pt idx="2703">
                  <c:v>1.78971138703151</c:v>
                </c:pt>
                <c:pt idx="2704">
                  <c:v>1.7851023394098604</c:v>
                </c:pt>
                <c:pt idx="2705">
                  <c:v>1.7880599664687258</c:v>
                </c:pt>
                <c:pt idx="2706">
                  <c:v>1.7901577471599817</c:v>
                </c:pt>
                <c:pt idx="2707">
                  <c:v>1.7956949585151085</c:v>
                </c:pt>
                <c:pt idx="2708">
                  <c:v>1.7922897923982424</c:v>
                </c:pt>
                <c:pt idx="2709">
                  <c:v>1.7947316084123988</c:v>
                </c:pt>
                <c:pt idx="2710">
                  <c:v>1.7992370766463781</c:v>
                </c:pt>
                <c:pt idx="2711">
                  <c:v>1.8047743938036667</c:v>
                </c:pt>
                <c:pt idx="2712">
                  <c:v>1.8067003987112056</c:v>
                </c:pt>
                <c:pt idx="2713">
                  <c:v>1.8039832426933209</c:v>
                </c:pt>
                <c:pt idx="2714">
                  <c:v>1.8040176431920791</c:v>
                </c:pt>
                <c:pt idx="2715">
                  <c:v>1.8221088161105472</c:v>
                </c:pt>
                <c:pt idx="2716">
                  <c:v>1.8107933028378196</c:v>
                </c:pt>
                <c:pt idx="2717">
                  <c:v>1.8152989524646215</c:v>
                </c:pt>
                <c:pt idx="2718">
                  <c:v>1.810518325495919</c:v>
                </c:pt>
                <c:pt idx="2719">
                  <c:v>1.8251702190556558</c:v>
                </c:pt>
                <c:pt idx="2720">
                  <c:v>1.8264085464383573</c:v>
                </c:pt>
                <c:pt idx="2721">
                  <c:v>1.8192204435312547</c:v>
                </c:pt>
                <c:pt idx="2722">
                  <c:v>1.8288852767944213</c:v>
                </c:pt>
                <c:pt idx="2723">
                  <c:v>1.8327032338525444</c:v>
                </c:pt>
                <c:pt idx="2724">
                  <c:v>1.8377249968247897</c:v>
                </c:pt>
                <c:pt idx="2725">
                  <c:v>1.8351801304956805</c:v>
                </c:pt>
                <c:pt idx="2726">
                  <c:v>1.8455330040693294</c:v>
                </c:pt>
                <c:pt idx="2727">
                  <c:v>1.8486631777385447</c:v>
                </c:pt>
                <c:pt idx="2728">
                  <c:v>1.8538569885837413</c:v>
                </c:pt>
                <c:pt idx="2729">
                  <c:v>1.857503124478987</c:v>
                </c:pt>
                <c:pt idx="2730">
                  <c:v>1.8528947871990598</c:v>
                </c:pt>
                <c:pt idx="2731">
                  <c:v>1.8460508555666113</c:v>
                </c:pt>
                <c:pt idx="2732">
                  <c:v>1.8505569435697193</c:v>
                </c:pt>
                <c:pt idx="2733">
                  <c:v>1.8547190718405877</c:v>
                </c:pt>
                <c:pt idx="2734">
                  <c:v>1.8501108252570717</c:v>
                </c:pt>
                <c:pt idx="2735">
                  <c:v>1.8589161750001828</c:v>
                </c:pt>
                <c:pt idx="2736">
                  <c:v>1.8641102277231125</c:v>
                </c:pt>
                <c:pt idx="2737">
                  <c:v>1.8736035119126355</c:v>
                </c:pt>
                <c:pt idx="2738">
                  <c:v>1.874842307883144</c:v>
                </c:pt>
                <c:pt idx="2739">
                  <c:v>1.8752212877594527</c:v>
                </c:pt>
                <c:pt idx="2740">
                  <c:v>1.882307065799075</c:v>
                </c:pt>
                <c:pt idx="2741">
                  <c:v>1.8942080375932302</c:v>
                </c:pt>
                <c:pt idx="2742">
                  <c:v>1.8830651767330142</c:v>
                </c:pt>
                <c:pt idx="2743">
                  <c:v>1.8793169879976133</c:v>
                </c:pt>
                <c:pt idx="2744">
                  <c:v>1.8937975591937803</c:v>
                </c:pt>
                <c:pt idx="2745">
                  <c:v>1.8998516546590747</c:v>
                </c:pt>
                <c:pt idx="2746">
                  <c:v>1.8957596272231638</c:v>
                </c:pt>
                <c:pt idx="2747">
                  <c:v>1.8994062014328068</c:v>
                </c:pt>
                <c:pt idx="2748">
                  <c:v>1.9025369041128306</c:v>
                </c:pt>
                <c:pt idx="2749">
                  <c:v>1.9118585183207983</c:v>
                </c:pt>
                <c:pt idx="2750">
                  <c:v>1.9198043996496046</c:v>
                </c:pt>
                <c:pt idx="2751">
                  <c:v>1.9272343942811323</c:v>
                </c:pt>
                <c:pt idx="2752">
                  <c:v>1.930021288472147</c:v>
                </c:pt>
                <c:pt idx="2753">
                  <c:v>1.9350437467422732</c:v>
                </c:pt>
                <c:pt idx="2754">
                  <c:v>1.9428177615290421</c:v>
                </c:pt>
                <c:pt idx="2755">
                  <c:v>1.9469804641898789</c:v>
                </c:pt>
                <c:pt idx="2756">
                  <c:v>1.9442644266166131</c:v>
                </c:pt>
                <c:pt idx="2757">
                  <c:v>1.9559937737464641</c:v>
                </c:pt>
                <c:pt idx="2758">
                  <c:v>1.9580929147600719</c:v>
                </c:pt>
                <c:pt idx="2759">
                  <c:v>1.9560648116951265</c:v>
                </c:pt>
                <c:pt idx="2760">
                  <c:v>1.9689980403916696</c:v>
                </c:pt>
                <c:pt idx="2761">
                  <c:v>1.9747085842276206</c:v>
                </c:pt>
                <c:pt idx="2762">
                  <c:v>1.9640821088020819</c:v>
                </c:pt>
                <c:pt idx="2763">
                  <c:v>1.974435843898775</c:v>
                </c:pt>
                <c:pt idx="2764">
                  <c:v>1.9842737377392583</c:v>
                </c:pt>
                <c:pt idx="2765">
                  <c:v>1.995143435000073</c:v>
                </c:pt>
                <c:pt idx="2766">
                  <c:v>1.9924276241987897</c:v>
                </c:pt>
                <c:pt idx="2767">
                  <c:v>2.0065647948850263</c:v>
                </c:pt>
                <c:pt idx="2768">
                  <c:v>2.0181224266541617</c:v>
                </c:pt>
                <c:pt idx="2769">
                  <c:v>2.0088718655006073</c:v>
                </c:pt>
                <c:pt idx="2770">
                  <c:v>2.0204295728604036</c:v>
                </c:pt>
                <c:pt idx="2771">
                  <c:v>2.0278600360797379</c:v>
                </c:pt>
                <c:pt idx="2772">
                  <c:v>2.0239405552541774</c:v>
                </c:pt>
                <c:pt idx="2773">
                  <c:v>2.0248362681831491</c:v>
                </c:pt>
                <c:pt idx="2774">
                  <c:v>2.043444778693841</c:v>
                </c:pt>
                <c:pt idx="2775">
                  <c:v>2.0498435140215965</c:v>
                </c:pt>
                <c:pt idx="2776">
                  <c:v>2.0558983349962721</c:v>
                </c:pt>
                <c:pt idx="2777">
                  <c:v>2.0643607377734181</c:v>
                </c:pt>
                <c:pt idx="2778">
                  <c:v>2.0628489747020815</c:v>
                </c:pt>
                <c:pt idx="2779">
                  <c:v>2.0723432715959706</c:v>
                </c:pt>
                <c:pt idx="2780">
                  <c:v>2.0871685883948512</c:v>
                </c:pt>
                <c:pt idx="2781">
                  <c:v>2.0963189256184096</c:v>
                </c:pt>
                <c:pt idx="2782">
                  <c:v>2.1092526681581019</c:v>
                </c:pt>
                <c:pt idx="2783">
                  <c:v>2.1005182959406516</c:v>
                </c:pt>
                <c:pt idx="2784">
                  <c:v>2.1108725449424028</c:v>
                </c:pt>
                <c:pt idx="2785">
                  <c:v>2.1169275170364914</c:v>
                </c:pt>
                <c:pt idx="2786">
                  <c:v>2.1212628721717488</c:v>
                </c:pt>
                <c:pt idx="2787">
                  <c:v>2.1254262851743078</c:v>
                </c:pt>
                <c:pt idx="2788">
                  <c:v>2.1311374487793877</c:v>
                </c:pt>
                <c:pt idx="2789">
                  <c:v>2.1370205694990982</c:v>
                </c:pt>
                <c:pt idx="2790">
                  <c:v>2.1367128391757753</c:v>
                </c:pt>
                <c:pt idx="2791">
                  <c:v>2.1511944381201493</c:v>
                </c:pt>
                <c:pt idx="2792">
                  <c:v>2.1548420703514095</c:v>
                </c:pt>
                <c:pt idx="2793">
                  <c:v>2.1596934480737904</c:v>
                </c:pt>
                <c:pt idx="2794">
                  <c:v>2.1700478935741145</c:v>
                </c:pt>
                <c:pt idx="2795">
                  <c:v>2.1716319339466441</c:v>
                </c:pt>
                <c:pt idx="2796">
                  <c:v>2.1739038634483352</c:v>
                </c:pt>
                <c:pt idx="2797">
                  <c:v>2.1913090365088936</c:v>
                </c:pt>
                <c:pt idx="2798">
                  <c:v>2.2042431116227306</c:v>
                </c:pt>
                <c:pt idx="2799">
                  <c:v>2.2023878423631196</c:v>
                </c:pt>
                <c:pt idx="2800">
                  <c:v>2.2101628547485035</c:v>
                </c:pt>
                <c:pt idx="2801">
                  <c:v>2.2169060484839886</c:v>
                </c:pt>
                <c:pt idx="2802">
                  <c:v>2.216082673403029</c:v>
                </c:pt>
                <c:pt idx="2803">
                  <c:v>2.2259213531758952</c:v>
                </c:pt>
                <c:pt idx="2804">
                  <c:v>2.2324926653255015</c:v>
                </c:pt>
                <c:pt idx="2805">
                  <c:v>2.2302935724092219</c:v>
                </c:pt>
                <c:pt idx="2806">
                  <c:v>2.2399603554904592</c:v>
                </c:pt>
                <c:pt idx="2807">
                  <c:v>2.248251450947877</c:v>
                </c:pt>
                <c:pt idx="2808">
                  <c:v>2.245364529325439</c:v>
                </c:pt>
                <c:pt idx="2809">
                  <c:v>2.249184436139724</c:v>
                </c:pt>
                <c:pt idx="2810">
                  <c:v>2.2535202597389703</c:v>
                </c:pt>
                <c:pt idx="2811">
                  <c:v>2.262327317422419</c:v>
                </c:pt>
                <c:pt idx="2812">
                  <c:v>2.2752616192463297</c:v>
                </c:pt>
                <c:pt idx="2813">
                  <c:v>2.2689354484147519</c:v>
                </c:pt>
                <c:pt idx="2814">
                  <c:v>2.2615774136779323</c:v>
                </c:pt>
                <c:pt idx="2815">
                  <c:v>2.2660853305292901</c:v>
                </c:pt>
                <c:pt idx="2816">
                  <c:v>2.2797075819053627</c:v>
                </c:pt>
                <c:pt idx="2817">
                  <c:v>2.2876549292967736</c:v>
                </c:pt>
                <c:pt idx="2818">
                  <c:v>2.2954302893001439</c:v>
                </c:pt>
                <c:pt idx="2819">
                  <c:v>2.3030336619154737</c:v>
                </c:pt>
                <c:pt idx="2820">
                  <c:v>2.3030704504847908</c:v>
                </c:pt>
                <c:pt idx="2821">
                  <c:v>2.2908974940826718</c:v>
                </c:pt>
                <c:pt idx="2822">
                  <c:v>2.3014244257703442</c:v>
                </c:pt>
                <c:pt idx="2823">
                  <c:v>2.3157346872453988</c:v>
                </c:pt>
                <c:pt idx="2824">
                  <c:v>2.3197268232016395</c:v>
                </c:pt>
                <c:pt idx="2825">
                  <c:v>2.3103053779989127</c:v>
                </c:pt>
                <c:pt idx="2826">
                  <c:v>2.3173930453716949</c:v>
                </c:pt>
                <c:pt idx="2827">
                  <c:v>2.3201814660483162</c:v>
                </c:pt>
                <c:pt idx="2828">
                  <c:v>2.3150592826475007</c:v>
                </c:pt>
                <c:pt idx="2829">
                  <c:v>2.3046061397027864</c:v>
                </c:pt>
                <c:pt idx="2830">
                  <c:v>2.3139294165338402</c:v>
                </c:pt>
                <c:pt idx="2831">
                  <c:v>2.3272079956202933</c:v>
                </c:pt>
                <c:pt idx="2832">
                  <c:v>2.3263851643463482</c:v>
                </c:pt>
                <c:pt idx="2833">
                  <c:v>2.3243585880146447</c:v>
                </c:pt>
                <c:pt idx="2834">
                  <c:v>2.3257713359874708</c:v>
                </c:pt>
                <c:pt idx="2835">
                  <c:v>2.3445530280453002</c:v>
                </c:pt>
                <c:pt idx="2836">
                  <c:v>2.339774940514205</c:v>
                </c:pt>
                <c:pt idx="2837">
                  <c:v>2.3248507599838613</c:v>
                </c:pt>
                <c:pt idx="2838">
                  <c:v>2.329874971573485</c:v>
                </c:pt>
                <c:pt idx="2839">
                  <c:v>2.3316317548692114</c:v>
                </c:pt>
                <c:pt idx="2840">
                  <c:v>2.3192871288569901</c:v>
                </c:pt>
                <c:pt idx="2841">
                  <c:v>2.3292984909443248</c:v>
                </c:pt>
                <c:pt idx="2842">
                  <c:v>2.3226288898246779</c:v>
                </c:pt>
                <c:pt idx="2843">
                  <c:v>2.3333281108296724</c:v>
                </c:pt>
                <c:pt idx="2844">
                  <c:v>2.3239070437040672</c:v>
                </c:pt>
                <c:pt idx="2845">
                  <c:v>2.3191290917532728</c:v>
                </c:pt>
                <c:pt idx="2846">
                  <c:v>2.3325799304408177</c:v>
                </c:pt>
                <c:pt idx="2847">
                  <c:v>2.328661900572111</c:v>
                </c:pt>
                <c:pt idx="2848">
                  <c:v>2.3233681070555625</c:v>
                </c:pt>
                <c:pt idx="2849">
                  <c:v>2.3130872390653261</c:v>
                </c:pt>
                <c:pt idx="2850">
                  <c:v>2.3126086397985812</c:v>
                </c:pt>
                <c:pt idx="2851">
                  <c:v>2.313333831402117</c:v>
                </c:pt>
                <c:pt idx="2852">
                  <c:v>2.3156067131232629</c:v>
                </c:pt>
                <c:pt idx="2853">
                  <c:v>2.3178796552674106</c:v>
                </c:pt>
                <c:pt idx="2854">
                  <c:v>2.3096625299457729</c:v>
                </c:pt>
                <c:pt idx="2855">
                  <c:v>2.290783304391149</c:v>
                </c:pt>
                <c:pt idx="2856">
                  <c:v>2.2829101538455925</c:v>
                </c:pt>
                <c:pt idx="2857">
                  <c:v>2.2975648586226258</c:v>
                </c:pt>
                <c:pt idx="2858">
                  <c:v>2.2841887461631964</c:v>
                </c:pt>
                <c:pt idx="2859">
                  <c:v>2.2856018873808037</c:v>
                </c:pt>
                <c:pt idx="2860">
                  <c:v>2.2966453706664081</c:v>
                </c:pt>
                <c:pt idx="2861">
                  <c:v>2.2825813539720676</c:v>
                </c:pt>
                <c:pt idx="2862">
                  <c:v>2.2723007274881111</c:v>
                </c:pt>
                <c:pt idx="2863">
                  <c:v>2.258752612472982</c:v>
                </c:pt>
                <c:pt idx="2864">
                  <c:v>2.2470962379422046</c:v>
                </c:pt>
                <c:pt idx="2865">
                  <c:v>2.2528087467019766</c:v>
                </c:pt>
                <c:pt idx="2866">
                  <c:v>2.2523304044187151</c:v>
                </c:pt>
                <c:pt idx="2867">
                  <c:v>2.2558072734468064</c:v>
                </c:pt>
                <c:pt idx="2868">
                  <c:v>2.2536092687636446</c:v>
                </c:pt>
                <c:pt idx="2869">
                  <c:v>2.2426407985296875</c:v>
                </c:pt>
                <c:pt idx="2870">
                  <c:v>2.2277171319663105</c:v>
                </c:pt>
                <c:pt idx="2871">
                  <c:v>2.2315380060438925</c:v>
                </c:pt>
                <c:pt idx="2872">
                  <c:v>2.226760507760881</c:v>
                </c:pt>
                <c:pt idx="2873">
                  <c:v>2.2209512059956289</c:v>
                </c:pt>
                <c:pt idx="2874">
                  <c:v>2.2041358594328107</c:v>
                </c:pt>
                <c:pt idx="2875">
                  <c:v>2.1941992984213465</c:v>
                </c:pt>
                <c:pt idx="2876">
                  <c:v>2.1921733567168866</c:v>
                </c:pt>
                <c:pt idx="2877">
                  <c:v>2.1858482136954249</c:v>
                </c:pt>
                <c:pt idx="2878">
                  <c:v>2.1784912520859727</c:v>
                </c:pt>
                <c:pt idx="2879">
                  <c:v>2.1754335220050227</c:v>
                </c:pt>
                <c:pt idx="2880">
                  <c:v>2.1622295933702982</c:v>
                </c:pt>
                <c:pt idx="2881">
                  <c:v>2.1435227330332016</c:v>
                </c:pt>
                <c:pt idx="2882">
                  <c:v>2.1574899568458799</c:v>
                </c:pt>
                <c:pt idx="2883">
                  <c:v>2.1637185940568457</c:v>
                </c:pt>
                <c:pt idx="2884">
                  <c:v>2.1522344336241828</c:v>
                </c:pt>
                <c:pt idx="2885">
                  <c:v>2.1488328345693137</c:v>
                </c:pt>
                <c:pt idx="2886">
                  <c:v>2.1437115882202944</c:v>
                </c:pt>
                <c:pt idx="2887">
                  <c:v>2.1301638510346521</c:v>
                </c:pt>
                <c:pt idx="2888">
                  <c:v>2.1260743930621229</c:v>
                </c:pt>
                <c:pt idx="2889">
                  <c:v>2.1185456253955439</c:v>
                </c:pt>
                <c:pt idx="2890">
                  <c:v>2.1151440867636762</c:v>
                </c:pt>
                <c:pt idx="2891">
                  <c:v>2.0967812465818207</c:v>
                </c:pt>
                <c:pt idx="2892">
                  <c:v>2.0880486729392107</c:v>
                </c:pt>
                <c:pt idx="2893">
                  <c:v>2.0978888188365903</c:v>
                </c:pt>
                <c:pt idx="2894">
                  <c:v>2.090016106605431</c:v>
                </c:pt>
                <c:pt idx="2895">
                  <c:v>2.0835191878002521</c:v>
                </c:pt>
                <c:pt idx="2896">
                  <c:v>2.0665322014673793</c:v>
                </c:pt>
                <c:pt idx="2897">
                  <c:v>2.0505770186167465</c:v>
                </c:pt>
                <c:pt idx="2898">
                  <c:v>2.0521626762332028</c:v>
                </c:pt>
                <c:pt idx="2899">
                  <c:v>2.0525445580851285</c:v>
                </c:pt>
                <c:pt idx="2900">
                  <c:v>2.0359015465283368</c:v>
                </c:pt>
                <c:pt idx="2901">
                  <c:v>2.0436781156727371</c:v>
                </c:pt>
                <c:pt idx="2902">
                  <c:v>2.0444039572569022</c:v>
                </c:pt>
                <c:pt idx="2903">
                  <c:v>2.0339518572280544</c:v>
                </c:pt>
                <c:pt idx="2904">
                  <c:v>2.0234997572611153</c:v>
                </c:pt>
                <c:pt idx="2905">
                  <c:v>2.009780259459415</c:v>
                </c:pt>
                <c:pt idx="2906">
                  <c:v>2.0175568890268165</c:v>
                </c:pt>
                <c:pt idx="2907">
                  <c:v>2.0115760079764207</c:v>
                </c:pt>
                <c:pt idx="2908">
                  <c:v>1.9987163866919215</c:v>
                </c:pt>
                <c:pt idx="2909">
                  <c:v>1.9923915761826954</c:v>
                </c:pt>
                <c:pt idx="2910">
                  <c:v>1.987614516214081</c:v>
                </c:pt>
                <c:pt idx="2911">
                  <c:v>1.9826654840250852</c:v>
                </c:pt>
                <c:pt idx="2912">
                  <c:v>1.9775445248091414</c:v>
                </c:pt>
                <c:pt idx="2913">
                  <c:v>1.9621054250924514</c:v>
                </c:pt>
                <c:pt idx="2914">
                  <c:v>1.9607677805581396</c:v>
                </c:pt>
                <c:pt idx="2915">
                  <c:v>1.9639013398965293</c:v>
                </c:pt>
                <c:pt idx="2916">
                  <c:v>1.9500099907204509</c:v>
                </c:pt>
                <c:pt idx="2917">
                  <c:v>1.9543473408672125</c:v>
                </c:pt>
                <c:pt idx="2918">
                  <c:v>1.9490544396423883</c:v>
                </c:pt>
                <c:pt idx="2919">
                  <c:v>1.9439335409113552</c:v>
                </c:pt>
                <c:pt idx="2920">
                  <c:v>1.943627760344194</c:v>
                </c:pt>
                <c:pt idx="2921">
                  <c:v>1.9338637006258286</c:v>
                </c:pt>
                <c:pt idx="2922">
                  <c:v>1.9306344668503954</c:v>
                </c:pt>
                <c:pt idx="2923">
                  <c:v>1.933768101717537</c:v>
                </c:pt>
                <c:pt idx="2924">
                  <c:v>1.9281313466245438</c:v>
                </c:pt>
                <c:pt idx="2925">
                  <c:v>1.9083931362253548</c:v>
                </c:pt>
                <c:pt idx="2926">
                  <c:v>1.8989730664507296</c:v>
                </c:pt>
                <c:pt idx="2927">
                  <c:v>1.9029665627293222</c:v>
                </c:pt>
                <c:pt idx="2928">
                  <c:v>1.9050684394933837</c:v>
                </c:pt>
                <c:pt idx="2929">
                  <c:v>1.8889416017669458</c:v>
                </c:pt>
                <c:pt idx="2930">
                  <c:v>1.89499879570643</c:v>
                </c:pt>
                <c:pt idx="2931">
                  <c:v>1.8943491612711001</c:v>
                </c:pt>
                <c:pt idx="2932">
                  <c:v>1.8761587316859321</c:v>
                </c:pt>
                <c:pt idx="2933">
                  <c:v>1.8875469455304086</c:v>
                </c:pt>
                <c:pt idx="2934">
                  <c:v>1.8868973715180801</c:v>
                </c:pt>
                <c:pt idx="2935">
                  <c:v>1.8728342163467837</c:v>
                </c:pt>
                <c:pt idx="2936">
                  <c:v>1.8763119166864177</c:v>
                </c:pt>
                <c:pt idx="2937">
                  <c:v>1.8787577833942195</c:v>
                </c:pt>
                <c:pt idx="2938">
                  <c:v>1.8758726301351205</c:v>
                </c:pt>
                <c:pt idx="2939">
                  <c:v>1.8655928349627071</c:v>
                </c:pt>
                <c:pt idx="2940">
                  <c:v>1.8547971228815143</c:v>
                </c:pt>
                <c:pt idx="2941">
                  <c:v>1.8581028812122677</c:v>
                </c:pt>
                <c:pt idx="2942">
                  <c:v>1.8524662470271867</c:v>
                </c:pt>
                <c:pt idx="2943">
                  <c:v>1.8452819227244956</c:v>
                </c:pt>
                <c:pt idx="2944">
                  <c:v>1.8408490945154459</c:v>
                </c:pt>
                <c:pt idx="2945">
                  <c:v>1.8401995809880278</c:v>
                </c:pt>
                <c:pt idx="2946">
                  <c:v>1.8414417776715521</c:v>
                </c:pt>
                <c:pt idx="2947">
                  <c:v>1.8450914805668861</c:v>
                </c:pt>
                <c:pt idx="2948">
                  <c:v>1.8356715921231748</c:v>
                </c:pt>
                <c:pt idx="2949">
                  <c:v>1.8324425850578154</c:v>
                </c:pt>
                <c:pt idx="2950">
                  <c:v>1.8333408522825096</c:v>
                </c:pt>
                <c:pt idx="2951">
                  <c:v>1.8404299857798057</c:v>
                </c:pt>
                <c:pt idx="2952">
                  <c:v>1.826023037101433</c:v>
                </c:pt>
                <c:pt idx="2953">
                  <c:v>1.8245137377532248</c:v>
                </c:pt>
                <c:pt idx="2954">
                  <c:v>1.8219726348608678</c:v>
                </c:pt>
                <c:pt idx="2955">
                  <c:v>1.8146164138665475</c:v>
                </c:pt>
                <c:pt idx="2956">
                  <c:v>1.8132791170121303</c:v>
                </c:pt>
                <c:pt idx="2957">
                  <c:v>1.8088463794375831</c:v>
                </c:pt>
                <c:pt idx="2958">
                  <c:v>1.8090568180180271</c:v>
                </c:pt>
                <c:pt idx="2959">
                  <c:v>1.801012738106047</c:v>
                </c:pt>
                <c:pt idx="2960">
                  <c:v>1.8005353026630808</c:v>
                </c:pt>
                <c:pt idx="2961">
                  <c:v>1.8053889022308571</c:v>
                </c:pt>
                <c:pt idx="2962">
                  <c:v>1.8076630081987834</c:v>
                </c:pt>
                <c:pt idx="2963">
                  <c:v>1.8009946914393742</c:v>
                </c:pt>
                <c:pt idx="2964">
                  <c:v>1.796561999243987</c:v>
                </c:pt>
                <c:pt idx="2965">
                  <c:v>1.7924732516750888</c:v>
                </c:pt>
                <c:pt idx="2966">
                  <c:v>1.792683735572784</c:v>
                </c:pt>
                <c:pt idx="2967">
                  <c:v>1.7983972267635122</c:v>
                </c:pt>
                <c:pt idx="2968">
                  <c:v>1.7925887865832131</c:v>
                </c:pt>
                <c:pt idx="2969">
                  <c:v>1.7838569081765747</c:v>
                </c:pt>
                <c:pt idx="2970">
                  <c:v>1.788194651382391</c:v>
                </c:pt>
                <c:pt idx="2971">
                  <c:v>1.7830741304808446</c:v>
                </c:pt>
                <c:pt idx="2972">
                  <c:v>1.7903353571683427</c:v>
                </c:pt>
                <c:pt idx="2973">
                  <c:v>1.7912337453009493</c:v>
                </c:pt>
                <c:pt idx="2974">
                  <c:v>1.7888647205549528</c:v>
                </c:pt>
                <c:pt idx="2975">
                  <c:v>1.7813366481862545</c:v>
                </c:pt>
                <c:pt idx="2976">
                  <c:v>1.7769040164138687</c:v>
                </c:pt>
                <c:pt idx="2977">
                  <c:v>1.7843372455951578</c:v>
                </c:pt>
                <c:pt idx="2978">
                  <c:v>1.7817962787783721</c:v>
                </c:pt>
                <c:pt idx="2979">
                  <c:v>1.7777075916324756</c:v>
                </c:pt>
                <c:pt idx="2980">
                  <c:v>1.7794658714499425</c:v>
                </c:pt>
                <c:pt idx="2981">
                  <c:v>1.7743453808218059</c:v>
                </c:pt>
                <c:pt idx="2982">
                  <c:v>1.7724923031341808</c:v>
                </c:pt>
                <c:pt idx="2983">
                  <c:v>1.7756263309984683</c:v>
                </c:pt>
                <c:pt idx="2984">
                  <c:v>1.7766967518982755</c:v>
                </c:pt>
                <c:pt idx="2985">
                  <c:v>1.7695126391999079</c:v>
                </c:pt>
                <c:pt idx="2986">
                  <c:v>1.7655959545478024</c:v>
                </c:pt>
                <c:pt idx="2987">
                  <c:v>1.7633989625070978</c:v>
                </c:pt>
                <c:pt idx="2988">
                  <c:v>1.764813328033394</c:v>
                </c:pt>
                <c:pt idx="2989">
                  <c:v>1.7608966433689068</c:v>
                </c:pt>
                <c:pt idx="2990">
                  <c:v>1.7628269256925466</c:v>
                </c:pt>
                <c:pt idx="2991">
                  <c:v>1.7583943544360257</c:v>
                </c:pt>
                <c:pt idx="2992">
                  <c:v>1.760152649365434</c:v>
                </c:pt>
                <c:pt idx="2993">
                  <c:v>1.7625988485483262</c:v>
                </c:pt>
                <c:pt idx="2994">
                  <c:v>1.7604018716381356</c:v>
                </c:pt>
                <c:pt idx="2995">
                  <c:v>1.7527019025406625</c:v>
                </c:pt>
                <c:pt idx="2996">
                  <c:v>1.7515367593304039</c:v>
                </c:pt>
                <c:pt idx="2997">
                  <c:v>1.7567344697250693</c:v>
                </c:pt>
                <c:pt idx="2998">
                  <c:v>1.7555693265148105</c:v>
                </c:pt>
                <c:pt idx="2999">
                  <c:v>1.7483852742703989</c:v>
                </c:pt>
                <c:pt idx="3000">
                  <c:v>1.7468762016075012</c:v>
                </c:pt>
                <c:pt idx="3001">
                  <c:v>1.7465708895910017</c:v>
                </c:pt>
                <c:pt idx="3002">
                  <c:v>1.7493610635747385</c:v>
                </c:pt>
                <c:pt idx="3003">
                  <c:v>1.758514060927135</c:v>
                </c:pt>
                <c:pt idx="3004">
                  <c:v>1.7566610588115981</c:v>
                </c:pt>
                <c:pt idx="3005">
                  <c:v>1.7501648957025382</c:v>
                </c:pt>
                <c:pt idx="3006">
                  <c:v>1.7450444806402987</c:v>
                </c:pt>
                <c:pt idx="3007">
                  <c:v>1.7466308637537546</c:v>
                </c:pt>
                <c:pt idx="3008">
                  <c:v>1.7490770931667203</c:v>
                </c:pt>
                <c:pt idx="3009">
                  <c:v>1.7448165244101812</c:v>
                </c:pt>
                <c:pt idx="3010">
                  <c:v>1.7393521798953029</c:v>
                </c:pt>
                <c:pt idx="3011">
                  <c:v>1.7430022153028721</c:v>
                </c:pt>
                <c:pt idx="3012">
                  <c:v>1.7478559962387077</c:v>
                </c:pt>
                <c:pt idx="3013">
                  <c:v>1.7472068001115839</c:v>
                </c:pt>
                <c:pt idx="3014">
                  <c:v>1.7412265538555853</c:v>
                </c:pt>
                <c:pt idx="3015">
                  <c:v>1.7416091763164521</c:v>
                </c:pt>
                <c:pt idx="3016">
                  <c:v>1.7443993351882476</c:v>
                </c:pt>
                <c:pt idx="3017">
                  <c:v>1.748221327759975</c:v>
                </c:pt>
                <c:pt idx="3018">
                  <c:v>1.7465403130448607</c:v>
                </c:pt>
                <c:pt idx="3019">
                  <c:v>1.736088893201952</c:v>
                </c:pt>
                <c:pt idx="3020">
                  <c:v>1.7411146615382098</c:v>
                </c:pt>
                <c:pt idx="3021">
                  <c:v>1.7396056190991946</c:v>
                </c:pt>
                <c:pt idx="3022">
                  <c:v>1.7374087026429601</c:v>
                </c:pt>
                <c:pt idx="3023">
                  <c:v>1.7386511714157182</c:v>
                </c:pt>
                <c:pt idx="3024">
                  <c:v>1.7443648137691956</c:v>
                </c:pt>
                <c:pt idx="3025">
                  <c:v>1.7413080661192017</c:v>
                </c:pt>
                <c:pt idx="3026">
                  <c:v>1.7396270665160287</c:v>
                </c:pt>
                <c:pt idx="3027">
                  <c:v>1.7338187925485111</c:v>
                </c:pt>
                <c:pt idx="3028">
                  <c:v>1.7319658206568569</c:v>
                </c:pt>
                <c:pt idx="3029">
                  <c:v>1.7400870447632775</c:v>
                </c:pt>
                <c:pt idx="3030">
                  <c:v>1.7444249541942571</c:v>
                </c:pt>
                <c:pt idx="3031">
                  <c:v>1.7379288062033293</c:v>
                </c:pt>
                <c:pt idx="3032">
                  <c:v>1.7273054140781308</c:v>
                </c:pt>
                <c:pt idx="3033">
                  <c:v>1.7302675603441577</c:v>
                </c:pt>
                <c:pt idx="3034">
                  <c:v>1.7344335125985977</c:v>
                </c:pt>
                <c:pt idx="3035">
                  <c:v>1.7420388198581478</c:v>
                </c:pt>
                <c:pt idx="3036">
                  <c:v>1.7310714831621778</c:v>
                </c:pt>
                <c:pt idx="3037">
                  <c:v>1.7312821333407544</c:v>
                </c:pt>
                <c:pt idx="3038">
                  <c:v>1.7326965592776706</c:v>
                </c:pt>
                <c:pt idx="3039">
                  <c:v>1.7246527060695733</c:v>
                </c:pt>
                <c:pt idx="3040">
                  <c:v>1.7305383207115317</c:v>
                </c:pt>
                <c:pt idx="3041">
                  <c:v>1.7285133765375873</c:v>
                </c:pt>
                <c:pt idx="3042">
                  <c:v>1.7208134376763786</c:v>
                </c:pt>
                <c:pt idx="3043">
                  <c:v>1.7205081710018937</c:v>
                </c:pt>
                <c:pt idx="3044">
                  <c:v>1.7241582064032723</c:v>
                </c:pt>
                <c:pt idx="3045">
                  <c:v>1.7259165466808863</c:v>
                </c:pt>
                <c:pt idx="3046">
                  <c:v>1.7307703578467952</c:v>
                </c:pt>
                <c:pt idx="3047">
                  <c:v>1.7271976782317988</c:v>
                </c:pt>
                <c:pt idx="3048">
                  <c:v>1.7243128726340218</c:v>
                </c:pt>
                <c:pt idx="3049">
                  <c:v>1.7234916891064755</c:v>
                </c:pt>
                <c:pt idx="3050">
                  <c:v>1.7276575960250917</c:v>
                </c:pt>
                <c:pt idx="3051">
                  <c:v>1.727868231085536</c:v>
                </c:pt>
                <c:pt idx="3052">
                  <c:v>1.7237796346174783</c:v>
                </c:pt>
                <c:pt idx="3053">
                  <c:v>1.7238182973956324</c:v>
                </c:pt>
                <c:pt idx="3054">
                  <c:v>1.7278122320257676</c:v>
                </c:pt>
                <c:pt idx="3055">
                  <c:v>1.7278508948039217</c:v>
                </c:pt>
                <c:pt idx="3056">
                  <c:v>1.7323607462871182</c:v>
                </c:pt>
                <c:pt idx="3057">
                  <c:v>1.7238009460020769</c:v>
                </c:pt>
                <c:pt idx="3058">
                  <c:v>1.7267630620380305</c:v>
                </c:pt>
                <c:pt idx="3059">
                  <c:v>1.7209547427284981</c:v>
                </c:pt>
                <c:pt idx="3060">
                  <c:v>1.7192737128952515</c:v>
                </c:pt>
                <c:pt idx="3061">
                  <c:v>1.7206880934901529</c:v>
                </c:pt>
                <c:pt idx="3062">
                  <c:v>1.7241660961490943</c:v>
                </c:pt>
                <c:pt idx="3063">
                  <c:v>1.7238607992445361</c:v>
                </c:pt>
                <c:pt idx="3064">
                  <c:v>1.7232115577753975</c:v>
                </c:pt>
                <c:pt idx="3065">
                  <c:v>1.7237660920645985</c:v>
                </c:pt>
                <c:pt idx="3066">
                  <c:v>1.7222569891716273</c:v>
                </c:pt>
                <c:pt idx="3067">
                  <c:v>1.7169645715970243</c:v>
                </c:pt>
                <c:pt idx="3068">
                  <c:v>1.7178630353388642</c:v>
                </c:pt>
                <c:pt idx="3069">
                  <c:v>1.7125706177642612</c:v>
                </c:pt>
                <c:pt idx="3070">
                  <c:v>1.7179402702111433</c:v>
                </c:pt>
                <c:pt idx="3071">
                  <c:v>1.722794005804964</c:v>
                </c:pt>
                <c:pt idx="3072">
                  <c:v>1.7168136839768773</c:v>
                </c:pt>
                <c:pt idx="3073">
                  <c:v>1.7197757622298819</c:v>
                </c:pt>
                <c:pt idx="3074">
                  <c:v>1.7215340344944738</c:v>
                </c:pt>
                <c:pt idx="3075">
                  <c:v>1.7174453851253351</c:v>
                </c:pt>
                <c:pt idx="3076">
                  <c:v>1.7224710627713726</c:v>
                </c:pt>
                <c:pt idx="3077">
                  <c:v>1.7180384537195212</c:v>
                </c:pt>
                <c:pt idx="3078">
                  <c:v>1.7156694667317101</c:v>
                </c:pt>
                <c:pt idx="3079">
                  <c:v>1.7174277389963017</c:v>
                </c:pt>
                <c:pt idx="3080">
                  <c:v>1.7207337164718721</c:v>
                </c:pt>
                <c:pt idx="3081">
                  <c:v>1.7211162180186361</c:v>
                </c:pt>
                <c:pt idx="3082">
                  <c:v>1.7178873771722492</c:v>
                </c:pt>
                <c:pt idx="3083">
                  <c:v>1.7210213748064633</c:v>
                </c:pt>
                <c:pt idx="3084">
                  <c:v>1.7227796092819154</c:v>
                </c:pt>
                <c:pt idx="3085">
                  <c:v>1.7223022494110376</c:v>
                </c:pt>
                <c:pt idx="3086">
                  <c:v>1.7152900636529453</c:v>
                </c:pt>
                <c:pt idx="3087">
                  <c:v>1.7141248297524663</c:v>
                </c:pt>
                <c:pt idx="3088">
                  <c:v>1.7194943990681941</c:v>
                </c:pt>
                <c:pt idx="3089">
                  <c:v>1.7171253591854929</c:v>
                </c:pt>
                <c:pt idx="3090">
                  <c:v>1.7173358506608269</c:v>
                </c:pt>
                <c:pt idx="3091">
                  <c:v>1.7209857122470216</c:v>
                </c:pt>
                <c:pt idx="3092">
                  <c:v>1.7217120979044098</c:v>
                </c:pt>
                <c:pt idx="3093">
                  <c:v>1.7191710630622201</c:v>
                </c:pt>
                <c:pt idx="3094">
                  <c:v>1.7193815394256129</c:v>
                </c:pt>
                <c:pt idx="3095">
                  <c:v>1.718216260183119</c:v>
                </c:pt>
                <c:pt idx="3096">
                  <c:v>1.7204903434986105</c:v>
                </c:pt>
                <c:pt idx="3097">
                  <c:v>1.7188091322911141</c:v>
                </c:pt>
                <c:pt idx="3098">
                  <c:v>1.7202233541827729</c:v>
                </c:pt>
                <c:pt idx="3099">
                  <c:v>1.7140709467173589</c:v>
                </c:pt>
                <c:pt idx="3100">
                  <c:v>1.7132495667036216</c:v>
                </c:pt>
                <c:pt idx="3101">
                  <c:v>1.7143198440245093</c:v>
                </c:pt>
                <c:pt idx="3102">
                  <c:v>1.7165938895570521</c:v>
                </c:pt>
                <c:pt idx="3103">
                  <c:v>1.7130209983377322</c:v>
                </c:pt>
                <c:pt idx="3104">
                  <c:v>1.7120276158054404</c:v>
                </c:pt>
                <c:pt idx="3105">
                  <c:v>1.7175690591603627</c:v>
                </c:pt>
                <c:pt idx="3106">
                  <c:v>1.714855991575736</c:v>
                </c:pt>
                <c:pt idx="3107">
                  <c:v>1.7126588181731632</c:v>
                </c:pt>
                <c:pt idx="3108">
                  <c:v>1.7120093424286937</c:v>
                </c:pt>
                <c:pt idx="3109">
                  <c:v>1.7163469797952031</c:v>
                </c:pt>
                <c:pt idx="3110">
                  <c:v>1.7153535670390287</c:v>
                </c:pt>
                <c:pt idx="3111">
                  <c:v>1.7098889504658707</c:v>
                </c:pt>
                <c:pt idx="3112">
                  <c:v>1.7162901872254128</c:v>
                </c:pt>
                <c:pt idx="3113">
                  <c:v>1.7152967517982309</c:v>
                </c:pt>
                <c:pt idx="3114">
                  <c:v>1.7132714977768675</c:v>
                </c:pt>
                <c:pt idx="3115">
                  <c:v>1.711418216043985</c:v>
                </c:pt>
                <c:pt idx="3116">
                  <c:v>1.706813407987388</c:v>
                </c:pt>
                <c:pt idx="3117">
                  <c:v>1.7099472015763448</c:v>
                </c:pt>
                <c:pt idx="3118">
                  <c:v>1.7098135671128487</c:v>
                </c:pt>
                <c:pt idx="3119">
                  <c:v>1.7089920586259424</c:v>
                </c:pt>
                <c:pt idx="3120">
                  <c:v>1.7057629683860924</c:v>
                </c:pt>
                <c:pt idx="3121">
                  <c:v>1.7131959632796689</c:v>
                </c:pt>
                <c:pt idx="3122">
                  <c:v>1.7158137946735497</c:v>
                </c:pt>
                <c:pt idx="3123">
                  <c:v>1.7082854729051975</c:v>
                </c:pt>
                <c:pt idx="3124">
                  <c:v>1.7098714857110875</c:v>
                </c:pt>
                <c:pt idx="3125">
                  <c:v>1.7121453649813216</c:v>
                </c:pt>
                <c:pt idx="3126">
                  <c:v>1.7108078942931482</c:v>
                </c:pt>
                <c:pt idx="3127">
                  <c:v>1.7051711845192634</c:v>
                </c:pt>
                <c:pt idx="3128">
                  <c:v>1.7060692930722887</c:v>
                </c:pt>
                <c:pt idx="3129">
                  <c:v>1.7104067717392701</c:v>
                </c:pt>
                <c:pt idx="3130">
                  <c:v>1.7113048500616028</c:v>
                </c:pt>
                <c:pt idx="3131">
                  <c:v>1.7149544395895182</c:v>
                </c:pt>
                <c:pt idx="3132">
                  <c:v>1.7187759862877823</c:v>
                </c:pt>
                <c:pt idx="3133">
                  <c:v>1.7170945105748814</c:v>
                </c:pt>
                <c:pt idx="3134">
                  <c:v>1.7107698587627069</c:v>
                </c:pt>
                <c:pt idx="3135">
                  <c:v>1.7065088441327048</c:v>
                </c:pt>
                <c:pt idx="3136">
                  <c:v>1.7055152197746832</c:v>
                </c:pt>
                <c:pt idx="3137">
                  <c:v>1.7081329378110506</c:v>
                </c:pt>
                <c:pt idx="3138">
                  <c:v>1.7117824517668776</c:v>
                </c:pt>
                <c:pt idx="3139">
                  <c:v>1.7085531952709101</c:v>
                </c:pt>
                <c:pt idx="3140">
                  <c:v>1.7066997019337042</c:v>
                </c:pt>
                <c:pt idx="3141">
                  <c:v>1.7084575358777081</c:v>
                </c:pt>
                <c:pt idx="3142">
                  <c:v>1.7083236973627636</c:v>
                </c:pt>
                <c:pt idx="3143">
                  <c:v>1.7014830682423336</c:v>
                </c:pt>
                <c:pt idx="3144">
                  <c:v>1.706164340330957</c:v>
                </c:pt>
                <c:pt idx="3145">
                  <c:v>1.7067183456118258</c:v>
                </c:pt>
                <c:pt idx="3146">
                  <c:v>1.7096799099721542</c:v>
                </c:pt>
                <c:pt idx="3147">
                  <c:v>1.7085142150862707</c:v>
                </c:pt>
                <c:pt idx="3148">
                  <c:v>1.7102719810172522</c:v>
                </c:pt>
                <c:pt idx="3149">
                  <c:v>1.7101380744892858</c:v>
                </c:pt>
                <c:pt idx="3150">
                  <c:v>1.7110359714435595</c:v>
                </c:pt>
                <c:pt idx="3151">
                  <c:v>1.7084944756097744</c:v>
                </c:pt>
                <c:pt idx="3152">
                  <c:v>1.7066408537932085</c:v>
                </c:pt>
                <c:pt idx="3153">
                  <c:v>1.7102902166048592</c:v>
                </c:pt>
                <c:pt idx="3154">
                  <c:v>1.7105002017465831</c:v>
                </c:pt>
                <c:pt idx="3155">
                  <c:v>1.7065829125301535</c:v>
                </c:pt>
                <c:pt idx="3156">
                  <c:v>1.7019777417262947</c:v>
                </c:pt>
                <c:pt idx="3157">
                  <c:v>1.70098389820736</c:v>
                </c:pt>
                <c:pt idx="3158">
                  <c:v>1.7060089712773108</c:v>
                </c:pt>
                <c:pt idx="3159">
                  <c:v>1.7082825180284995</c:v>
                </c:pt>
                <c:pt idx="3160">
                  <c:v>1.7007538259525814</c:v>
                </c:pt>
                <c:pt idx="3161">
                  <c:v>1.69941601519323</c:v>
                </c:pt>
                <c:pt idx="3162">
                  <c:v>1.7070205667255831</c:v>
                </c:pt>
                <c:pt idx="3163">
                  <c:v>1.7125614735168218</c:v>
                </c:pt>
                <c:pt idx="3164">
                  <c:v>1.7112236249743979</c:v>
                </c:pt>
                <c:pt idx="3165">
                  <c:v>1.7048986557575958</c:v>
                </c:pt>
                <c:pt idx="3166">
                  <c:v>1.706312295741699</c:v>
                </c:pt>
                <c:pt idx="3167">
                  <c:v>1.7103054444208783</c:v>
                </c:pt>
                <c:pt idx="3168">
                  <c:v>1.7117190390648238</c:v>
                </c:pt>
                <c:pt idx="3169">
                  <c:v>1.7079735634274418</c:v>
                </c:pt>
                <c:pt idx="3170">
                  <c:v>1.7021644430482026</c:v>
                </c:pt>
                <c:pt idx="3171">
                  <c:v>1.7001386373507807</c:v>
                </c:pt>
                <c:pt idx="3172">
                  <c:v>1.7082589697051365</c:v>
                </c:pt>
                <c:pt idx="3173">
                  <c:v>1.7069210078014849</c:v>
                </c:pt>
                <c:pt idx="3174">
                  <c:v>1.7067868141032976</c:v>
                </c:pt>
                <c:pt idx="3175">
                  <c:v>1.7102639627982612</c:v>
                </c:pt>
                <c:pt idx="3176">
                  <c:v>1.7082380966411257</c:v>
                </c:pt>
                <c:pt idx="3177">
                  <c:v>1.7038046411787908</c:v>
                </c:pt>
                <c:pt idx="3178">
                  <c:v>1.7040143315887517</c:v>
                </c:pt>
                <c:pt idx="3179">
                  <c:v>1.7102429234719418</c:v>
                </c:pt>
                <c:pt idx="3180">
                  <c:v>1.7023700601120832</c:v>
                </c:pt>
                <c:pt idx="3181">
                  <c:v>1.7067069719846883</c:v>
                </c:pt>
                <c:pt idx="3182">
                  <c:v>1.7064007002020491</c:v>
                </c:pt>
                <c:pt idx="3183">
                  <c:v>1.7076421563013959</c:v>
                </c:pt>
                <c:pt idx="3184">
                  <c:v>1.7112911488054807</c:v>
                </c:pt>
                <c:pt idx="3185">
                  <c:v>1.7037621544418287</c:v>
                </c:pt>
                <c:pt idx="3186">
                  <c:v>1.7036278020391606</c:v>
                </c:pt>
                <c:pt idx="3187">
                  <c:v>1.7060729734422719</c:v>
                </c:pt>
                <c:pt idx="3188">
                  <c:v>1.7076582909824738</c:v>
                </c:pt>
                <c:pt idx="3189">
                  <c:v>1.7049443769879824</c:v>
                </c:pt>
                <c:pt idx="3190">
                  <c:v>1.7058417676036932</c:v>
                </c:pt>
                <c:pt idx="3191">
                  <c:v>1.7008922365869117</c:v>
                </c:pt>
                <c:pt idx="3192">
                  <c:v>1.6974903956691674</c:v>
                </c:pt>
                <c:pt idx="3193">
                  <c:v>1.7018271412831785</c:v>
                </c:pt>
                <c:pt idx="3194">
                  <c:v>1.7044441867267224</c:v>
                </c:pt>
                <c:pt idx="3195">
                  <c:v>1.6996665448642341</c:v>
                </c:pt>
                <c:pt idx="3196">
                  <c:v>1.6991881269778681</c:v>
                </c:pt>
                <c:pt idx="3197">
                  <c:v>1.7002574067486769</c:v>
                </c:pt>
                <c:pt idx="3198">
                  <c:v>1.7045940843475609</c:v>
                </c:pt>
                <c:pt idx="3199">
                  <c:v>1.7042875858449427</c:v>
                </c:pt>
                <c:pt idx="3200">
                  <c:v>1.7010575962960046</c:v>
                </c:pt>
                <c:pt idx="3201">
                  <c:v>1.7035025712116865</c:v>
                </c:pt>
                <c:pt idx="3202">
                  <c:v>1.6994127126844929</c:v>
                </c:pt>
                <c:pt idx="3203">
                  <c:v>1.7022015943821158</c:v>
                </c:pt>
                <c:pt idx="3204">
                  <c:v>1.6981116980691877</c:v>
                </c:pt>
                <c:pt idx="3205">
                  <c:v>1.7002126755151223</c:v>
                </c:pt>
                <c:pt idx="3206">
                  <c:v>1.7069567988340955</c:v>
                </c:pt>
                <c:pt idx="3207">
                  <c:v>1.7030388370192708</c:v>
                </c:pt>
                <c:pt idx="3208">
                  <c:v>1.6977451044878562</c:v>
                </c:pt>
                <c:pt idx="3209">
                  <c:v>1.7012217695208358</c:v>
                </c:pt>
                <c:pt idx="3210">
                  <c:v>1.7052143211780417</c:v>
                </c:pt>
                <c:pt idx="3211">
                  <c:v>1.7052515707556699</c:v>
                </c:pt>
                <c:pt idx="3212">
                  <c:v>1.6992699037437935</c:v>
                </c:pt>
                <c:pt idx="3213">
                  <c:v>1.6972435010254507</c:v>
                </c:pt>
                <c:pt idx="3214">
                  <c:v>1.7014079645085143</c:v>
                </c:pt>
                <c:pt idx="3215">
                  <c:v>1.7036807555369635</c:v>
                </c:pt>
                <c:pt idx="3216">
                  <c:v>1.7040618665535894</c:v>
                </c:pt>
                <c:pt idx="3217">
                  <c:v>1.7037550959908343</c:v>
                </c:pt>
                <c:pt idx="3218">
                  <c:v>1.7003528620976742</c:v>
                </c:pt>
                <c:pt idx="3219">
                  <c:v>1.6998740739070235</c:v>
                </c:pt>
                <c:pt idx="3220">
                  <c:v>1.7018028447949038</c:v>
                </c:pt>
                <c:pt idx="3221">
                  <c:v>1.7025278172505274</c:v>
                </c:pt>
                <c:pt idx="3222">
                  <c:v>1.7066921522591838</c:v>
                </c:pt>
                <c:pt idx="3223">
                  <c:v>1.7082769332344638</c:v>
                </c:pt>
                <c:pt idx="3224">
                  <c:v>1.7081420064864017</c:v>
                </c:pt>
                <c:pt idx="3225">
                  <c:v>1.7061154148359812</c:v>
                </c:pt>
                <c:pt idx="3226">
                  <c:v>1.7025410726288528</c:v>
                </c:pt>
                <c:pt idx="3227">
                  <c:v>1.7001705061819832</c:v>
                </c:pt>
                <c:pt idx="3228">
                  <c:v>1.6983158188020069</c:v>
                </c:pt>
                <c:pt idx="3229">
                  <c:v>1.7012762495785356</c:v>
                </c:pt>
                <c:pt idx="3230">
                  <c:v>1.6934026229399668</c:v>
                </c:pt>
                <c:pt idx="3231">
                  <c:v>1.6912039607604459</c:v>
                </c:pt>
                <c:pt idx="3232">
                  <c:v>1.6965718977147344</c:v>
                </c:pt>
                <c:pt idx="3233">
                  <c:v>1.6986724217272728</c:v>
                </c:pt>
                <c:pt idx="3234">
                  <c:v>1.7023206358400869</c:v>
                </c:pt>
                <c:pt idx="3235">
                  <c:v>1.6980582684659908</c:v>
                </c:pt>
                <c:pt idx="3236">
                  <c:v>1.6977511653848094</c:v>
                </c:pt>
                <c:pt idx="3237">
                  <c:v>1.7039788655167394</c:v>
                </c:pt>
                <c:pt idx="3238">
                  <c:v>1.7038437044908701</c:v>
                </c:pt>
                <c:pt idx="3239">
                  <c:v>1.7014729188848827</c:v>
                </c:pt>
                <c:pt idx="3240">
                  <c:v>1.7018536218109939</c:v>
                </c:pt>
                <c:pt idx="3241">
                  <c:v>1.6986229521120237</c:v>
                </c:pt>
                <c:pt idx="3242">
                  <c:v>1.7005513451383485</c:v>
                </c:pt>
                <c:pt idx="3243">
                  <c:v>1.7011039598909985</c:v>
                </c:pt>
                <c:pt idx="3244">
                  <c:v>1.70664365752573</c:v>
                </c:pt>
                <c:pt idx="3245">
                  <c:v>1.7096038011283234</c:v>
                </c:pt>
                <c:pt idx="3246">
                  <c:v>1.7031056353589253</c:v>
                </c:pt>
                <c:pt idx="3247">
                  <c:v>1.7040021191077201</c:v>
                </c:pt>
                <c:pt idx="3248">
                  <c:v>1.699223608164298</c:v>
                </c:pt>
                <c:pt idx="3249">
                  <c:v>1.7049351798413195</c:v>
                </c:pt>
                <c:pt idx="3250">
                  <c:v>1.6968892181688653</c:v>
                </c:pt>
                <c:pt idx="3251">
                  <c:v>1.6989894021057685</c:v>
                </c:pt>
                <c:pt idx="3252">
                  <c:v>1.7045289485981809</c:v>
                </c:pt>
                <c:pt idx="3253">
                  <c:v>1.7035336540908186</c:v>
                </c:pt>
                <c:pt idx="3254">
                  <c:v>1.7018504628896578</c:v>
                </c:pt>
                <c:pt idx="3255">
                  <c:v>1.705326326856645</c:v>
                </c:pt>
                <c:pt idx="3256">
                  <c:v>1.7053627904826982</c:v>
                </c:pt>
                <c:pt idx="3257">
                  <c:v>1.7050552944254198</c:v>
                </c:pt>
                <c:pt idx="3258">
                  <c:v>1.7054356572765148</c:v>
                </c:pt>
                <c:pt idx="3259">
                  <c:v>1.7049561587062538</c:v>
                </c:pt>
                <c:pt idx="3260">
                  <c:v>1.6982857485907141</c:v>
                </c:pt>
                <c:pt idx="3261">
                  <c:v>1.7007296806084831</c:v>
                </c:pt>
                <c:pt idx="3262">
                  <c:v>1.6992183029900843</c:v>
                </c:pt>
                <c:pt idx="3263">
                  <c:v>1.6989106935746736</c:v>
                </c:pt>
                <c:pt idx="3264">
                  <c:v>1.6979151799076362</c:v>
                </c:pt>
                <c:pt idx="3265">
                  <c:v>1.6936522457441168</c:v>
                </c:pt>
                <c:pt idx="3266">
                  <c:v>1.7022869457171008</c:v>
                </c:pt>
                <c:pt idx="3267">
                  <c:v>1.7059345401369341</c:v>
                </c:pt>
                <c:pt idx="3268">
                  <c:v>1.69599656593423</c:v>
                </c:pt>
                <c:pt idx="3269">
                  <c:v>1.6962047297842939</c:v>
                </c:pt>
                <c:pt idx="3270">
                  <c:v>1.7029477044046781</c:v>
                </c:pt>
                <c:pt idx="3271">
                  <c:v>1.7005762991057718</c:v>
                </c:pt>
                <c:pt idx="3272">
                  <c:v>1.7054275710426443</c:v>
                </c:pt>
                <c:pt idx="3273">
                  <c:v>1.7030561203998043</c:v>
                </c:pt>
                <c:pt idx="3274">
                  <c:v>1.704467969324178</c:v>
                </c:pt>
                <c:pt idx="3275">
                  <c:v>1.7002048311123057</c:v>
                </c:pt>
                <c:pt idx="3276">
                  <c:v>1.6974893830007087</c:v>
                </c:pt>
                <c:pt idx="3277">
                  <c:v>1.6966655771155101</c:v>
                </c:pt>
                <c:pt idx="3278">
                  <c:v>1.6970455318760906</c:v>
                </c:pt>
                <c:pt idx="3279">
                  <c:v>1.7036163452814879</c:v>
                </c:pt>
                <c:pt idx="3280">
                  <c:v>1.7074356323699802</c:v>
                </c:pt>
                <c:pt idx="3281">
                  <c:v>1.7019685899228847</c:v>
                </c:pt>
                <c:pt idx="3282">
                  <c:v>1.6992530208959467</c:v>
                </c:pt>
                <c:pt idx="3283">
                  <c:v>1.6987730235486651</c:v>
                </c:pt>
                <c:pt idx="3284">
                  <c:v>1.7024202703362734</c:v>
                </c:pt>
                <c:pt idx="3285">
                  <c:v>1.7048637035770218</c:v>
                </c:pt>
                <c:pt idx="3286">
                  <c:v>1.6985367090239214</c:v>
                </c:pt>
                <c:pt idx="3287">
                  <c:v>1.696336951048502</c:v>
                </c:pt>
                <c:pt idx="3288">
                  <c:v>1.7006719887289854</c:v>
                </c:pt>
                <c:pt idx="3289">
                  <c:v>1.703287311123965</c:v>
                </c:pt>
                <c:pt idx="3290">
                  <c:v>1.7014314221447524</c:v>
                </c:pt>
                <c:pt idx="3291">
                  <c:v>1.6997474827779371</c:v>
                </c:pt>
                <c:pt idx="3292">
                  <c:v>1.7099293816321279</c:v>
                </c:pt>
                <c:pt idx="3293">
                  <c:v>1.7120287116038151</c:v>
                </c:pt>
                <c:pt idx="3294">
                  <c:v>1.7046697473160712</c:v>
                </c:pt>
                <c:pt idx="3295">
                  <c:v>1.7048773821602794</c:v>
                </c:pt>
                <c:pt idx="3296">
                  <c:v>1.6994100298684889</c:v>
                </c:pt>
                <c:pt idx="3297">
                  <c:v>1.6937706826216672</c:v>
                </c:pt>
                <c:pt idx="3298">
                  <c:v>1.6993092995742989</c:v>
                </c:pt>
                <c:pt idx="3299">
                  <c:v>1.7036441105378985</c:v>
                </c:pt>
                <c:pt idx="3300">
                  <c:v>1.7019599897975761</c:v>
                </c:pt>
                <c:pt idx="3301">
                  <c:v>1.7030273575893524</c:v>
                </c:pt>
                <c:pt idx="3302">
                  <c:v>1.6979038138364695</c:v>
                </c:pt>
                <c:pt idx="3303">
                  <c:v>1.6975953806834396</c:v>
                </c:pt>
                <c:pt idx="3304">
                  <c:v>1.6981467787223119</c:v>
                </c:pt>
                <c:pt idx="3305">
                  <c:v>1.6968064891915329</c:v>
                </c:pt>
                <c:pt idx="3306">
                  <c:v>1.6992495067851767</c:v>
                </c:pt>
                <c:pt idx="3307">
                  <c:v>1.7041000532275878</c:v>
                </c:pt>
                <c:pt idx="3308">
                  <c:v>1.69846048682072</c:v>
                </c:pt>
                <c:pt idx="3309">
                  <c:v>1.7005595069447406</c:v>
                </c:pt>
                <c:pt idx="3310">
                  <c:v>1.7038622726006178</c:v>
                </c:pt>
                <c:pt idx="3311">
                  <c:v>1.7008021846556571</c:v>
                </c:pt>
                <c:pt idx="3312">
                  <c:v>1.6980860034929472</c:v>
                </c:pt>
                <c:pt idx="3313">
                  <c:v>1.6938220944445368</c:v>
                </c:pt>
                <c:pt idx="3314">
                  <c:v>1.7024558195375827</c:v>
                </c:pt>
                <c:pt idx="3315">
                  <c:v>1.706274403802559</c:v>
                </c:pt>
                <c:pt idx="3316">
                  <c:v>1.7040740488057855</c:v>
                </c:pt>
                <c:pt idx="3317">
                  <c:v>1.7037653360347913</c:v>
                </c:pt>
                <c:pt idx="3318">
                  <c:v>1.7001891952071959</c:v>
                </c:pt>
                <c:pt idx="3319">
                  <c:v>1.7009122481266401</c:v>
                </c:pt>
                <c:pt idx="3320">
                  <c:v>1.7078261672476764</c:v>
                </c:pt>
                <c:pt idx="3321">
                  <c:v>1.7037340642248193</c:v>
                </c:pt>
                <c:pt idx="3322">
                  <c:v>1.6965464827564583</c:v>
                </c:pt>
                <c:pt idx="3323">
                  <c:v>1.6988171879903198</c:v>
                </c:pt>
                <c:pt idx="3324">
                  <c:v>1.6990242409275913</c:v>
                </c:pt>
                <c:pt idx="3325">
                  <c:v>1.700435054511261</c:v>
                </c:pt>
                <c:pt idx="3326">
                  <c:v>1.7052852230926119</c:v>
                </c:pt>
                <c:pt idx="3327">
                  <c:v>1.7066960064480654</c:v>
                </c:pt>
                <c:pt idx="3328">
                  <c:v>1.7070749409823593</c:v>
                </c:pt>
                <c:pt idx="3329">
                  <c:v>1.699543286472782</c:v>
                </c:pt>
                <c:pt idx="3330">
                  <c:v>1.702845666709895</c:v>
                </c:pt>
                <c:pt idx="3331">
                  <c:v>1.7028806037760515</c:v>
                </c:pt>
                <c:pt idx="3332">
                  <c:v>1.7001640220802214</c:v>
                </c:pt>
                <c:pt idx="3333">
                  <c:v>1.6988231733151846</c:v>
                </c:pt>
                <c:pt idx="3334">
                  <c:v>1.7009216795473958</c:v>
                </c:pt>
                <c:pt idx="3335">
                  <c:v>1.7006126040298826</c:v>
                </c:pt>
                <c:pt idx="3336">
                  <c:v>1.7006474504087903</c:v>
                </c:pt>
                <c:pt idx="3337">
                  <c:v>1.7005102942749009</c:v>
                </c:pt>
                <c:pt idx="3338">
                  <c:v>1.6991693472656542</c:v>
                </c:pt>
                <c:pt idx="3339">
                  <c:v>1.7040192664584948</c:v>
                </c:pt>
                <c:pt idx="3340">
                  <c:v>1.7088691554237383</c:v>
                </c:pt>
                <c:pt idx="3341">
                  <c:v>1.7035728609904845</c:v>
                </c:pt>
                <c:pt idx="3342">
                  <c:v>1.6986204808985477</c:v>
                </c:pt>
                <c:pt idx="3343">
                  <c:v>1.7003748687461038</c:v>
                </c:pt>
                <c:pt idx="3344">
                  <c:v>1.7043648358310202</c:v>
                </c:pt>
                <c:pt idx="3345">
                  <c:v>1.7047434378481259</c:v>
                </c:pt>
                <c:pt idx="3346">
                  <c:v>1.6999629544675054</c:v>
                </c:pt>
                <c:pt idx="3347">
                  <c:v>1.6956983501535308</c:v>
                </c:pt>
                <c:pt idx="3348">
                  <c:v>1.6952170378488183</c:v>
                </c:pt>
                <c:pt idx="3349">
                  <c:v>1.7000667529964018</c:v>
                </c:pt>
                <c:pt idx="3350">
                  <c:v>1.7011331307919648</c:v>
                </c:pt>
                <c:pt idx="3351">
                  <c:v>1.6985881359618276</c:v>
                </c:pt>
                <c:pt idx="3352">
                  <c:v>1.7005143147203334</c:v>
                </c:pt>
                <c:pt idx="3353">
                  <c:v>1.7014086673307922</c:v>
                </c:pt>
                <c:pt idx="3354">
                  <c:v>1.7014431434059722</c:v>
                </c:pt>
                <c:pt idx="3355">
                  <c:v>1.7006177656166952</c:v>
                </c:pt>
                <c:pt idx="3356">
                  <c:v>1.6975567632473001</c:v>
                </c:pt>
                <c:pt idx="3357">
                  <c:v>1.7020623751245842</c:v>
                </c:pt>
                <c:pt idx="3358">
                  <c:v>1.7029566219339956</c:v>
                </c:pt>
                <c:pt idx="3359">
                  <c:v>1.6990357203575095</c:v>
                </c:pt>
                <c:pt idx="3360">
                  <c:v>1.6971784257331222</c:v>
                </c:pt>
                <c:pt idx="3361">
                  <c:v>1.7020278990500233</c:v>
                </c:pt>
                <c:pt idx="3362">
                  <c:v>1.7001705590825686</c:v>
                </c:pt>
                <c:pt idx="3363">
                  <c:v>1.7008927353639323</c:v>
                </c:pt>
                <c:pt idx="3364">
                  <c:v>1.7031626168595555</c:v>
                </c:pt>
                <c:pt idx="3365">
                  <c:v>1.704744601660761</c:v>
                </c:pt>
                <c:pt idx="3366">
                  <c:v>1.7004796194857881</c:v>
                </c:pt>
                <c:pt idx="3367">
                  <c:v>1.7010297479102967</c:v>
                </c:pt>
                <c:pt idx="3368">
                  <c:v>1.7012359166522788</c:v>
                </c:pt>
                <c:pt idx="3369">
                  <c:v>1.7038496369152734</c:v>
                </c:pt>
                <c:pt idx="3370">
                  <c:v>1.7043997048816781</c:v>
                </c:pt>
                <c:pt idx="3371">
                  <c:v>1.7094209464343737</c:v>
                </c:pt>
                <c:pt idx="3372">
                  <c:v>1.7077353822634516</c:v>
                </c:pt>
                <c:pt idx="3373">
                  <c:v>1.7032982917768629</c:v>
                </c:pt>
                <c:pt idx="3374">
                  <c:v>1.7047081304781182</c:v>
                </c:pt>
                <c:pt idx="3375">
                  <c:v>1.6995831281797225</c:v>
                </c:pt>
                <c:pt idx="3376">
                  <c:v>1.7035724604577978</c:v>
                </c:pt>
                <c:pt idx="3377">
                  <c:v>1.708077671801157</c:v>
                </c:pt>
                <c:pt idx="3378">
                  <c:v>1.7072518405808983</c:v>
                </c:pt>
                <c:pt idx="3379">
                  <c:v>1.7019547828670771</c:v>
                </c:pt>
                <c:pt idx="3380">
                  <c:v>1.7071478153321467</c:v>
                </c:pt>
                <c:pt idx="3381">
                  <c:v>1.7033984477216964</c:v>
                </c:pt>
                <c:pt idx="3382">
                  <c:v>1.7015407147785782</c:v>
                </c:pt>
                <c:pt idx="3383">
                  <c:v>1.7003708407435241</c:v>
                </c:pt>
                <c:pt idx="3384">
                  <c:v>1.6997168533322009</c:v>
                </c:pt>
                <c:pt idx="3385">
                  <c:v>1.7047378152699035</c:v>
                </c:pt>
                <c:pt idx="3386">
                  <c:v>1.7070072584480342</c:v>
                </c:pt>
                <c:pt idx="3387">
                  <c:v>1.7032577699191473</c:v>
                </c:pt>
                <c:pt idx="3388">
                  <c:v>1.7058711123210817</c:v>
                </c:pt>
                <c:pt idx="3389">
                  <c:v>1.6998859916558584</c:v>
                </c:pt>
                <c:pt idx="3390">
                  <c:v>1.7012955053961436</c:v>
                </c:pt>
                <c:pt idx="3391">
                  <c:v>1.7035648503287022</c:v>
                </c:pt>
                <c:pt idx="3392">
                  <c:v>1.7025667672044742</c:v>
                </c:pt>
                <c:pt idx="3393">
                  <c:v>1.7010527521127672</c:v>
                </c:pt>
                <c:pt idx="3394">
                  <c:v>1.7021182532696306</c:v>
                </c:pt>
                <c:pt idx="3395">
                  <c:v>1.6992284523475354</c:v>
                </c:pt>
                <c:pt idx="3396">
                  <c:v>1.7016696713199075</c:v>
                </c:pt>
                <c:pt idx="3397">
                  <c:v>1.7003275453832987</c:v>
                </c:pt>
                <c:pt idx="3398">
                  <c:v>1.7003611599341966</c:v>
                </c:pt>
                <c:pt idx="3399">
                  <c:v>1.7071015424255158</c:v>
                </c:pt>
                <c:pt idx="3400">
                  <c:v>1.7066192023373083</c:v>
                </c:pt>
                <c:pt idx="3401">
                  <c:v>1.6999459733758202</c:v>
                </c:pt>
                <c:pt idx="3402">
                  <c:v>1.7072021971479889</c:v>
                </c:pt>
                <c:pt idx="3403">
                  <c:v>1.7039682929543563</c:v>
                </c:pt>
                <c:pt idx="3404">
                  <c:v>1.7000465071821473</c:v>
                </c:pt>
                <c:pt idx="3405">
                  <c:v>1.6997360335772873</c:v>
                </c:pt>
                <c:pt idx="3406">
                  <c:v>1.7051005319932035</c:v>
                </c:pt>
                <c:pt idx="3407">
                  <c:v>1.7085733428379211</c:v>
                </c:pt>
                <c:pt idx="3408">
                  <c:v>1.7024158795868036</c:v>
                </c:pt>
                <c:pt idx="3409">
                  <c:v>1.6966023306726696</c:v>
                </c:pt>
                <c:pt idx="3410">
                  <c:v>1.7021387106865369</c:v>
                </c:pt>
                <c:pt idx="3411">
                  <c:v>1.7095667329230881</c:v>
                </c:pt>
                <c:pt idx="3412">
                  <c:v>1.7039250882813175</c:v>
                </c:pt>
                <c:pt idx="3413">
                  <c:v>1.7024106877707224</c:v>
                </c:pt>
                <c:pt idx="3414">
                  <c:v>1.7038197405204027</c:v>
                </c:pt>
                <c:pt idx="3415">
                  <c:v>1.7036810427121369</c:v>
                </c:pt>
                <c:pt idx="3416">
                  <c:v>1.7007908336989079</c:v>
                </c:pt>
                <c:pt idx="3417">
                  <c:v>1.697384692718819</c:v>
                </c:pt>
                <c:pt idx="3418">
                  <c:v>1.702920914030682</c:v>
                </c:pt>
                <c:pt idx="3419">
                  <c:v>1.7048457702746722</c:v>
                </c:pt>
                <c:pt idx="3420">
                  <c:v>1.7081463670088934</c:v>
                </c:pt>
                <c:pt idx="3421">
                  <c:v>1.7085234651358716</c:v>
                </c:pt>
                <c:pt idx="3422">
                  <c:v>1.7027096592747804</c:v>
                </c:pt>
                <c:pt idx="3423">
                  <c:v>1.7039465659238913</c:v>
                </c:pt>
                <c:pt idx="3424">
                  <c:v>1.7093107015909981</c:v>
                </c:pt>
                <c:pt idx="3425">
                  <c:v>1.7079680390935532</c:v>
                </c:pt>
                <c:pt idx="3426">
                  <c:v>1.7050776260350669</c:v>
                </c:pt>
                <c:pt idx="3427">
                  <c:v>1.6994356942153368</c:v>
                </c:pt>
                <c:pt idx="3428">
                  <c:v>1.7041118802897313</c:v>
                </c:pt>
                <c:pt idx="3429">
                  <c:v>1.707928204944936</c:v>
                </c:pt>
                <c:pt idx="3430">
                  <c:v>1.7076172476742539</c:v>
                </c:pt>
                <c:pt idx="3431">
                  <c:v>1.707650219862402</c:v>
                </c:pt>
                <c:pt idx="3432">
                  <c:v>1.7054475674679552</c:v>
                </c:pt>
                <c:pt idx="3433">
                  <c:v>1.7078880609488996</c:v>
                </c:pt>
                <c:pt idx="3434">
                  <c:v>1.7091247559943061</c:v>
                </c:pt>
                <c:pt idx="3435">
                  <c:v>1.7074379524398988</c:v>
                </c:pt>
                <c:pt idx="3436">
                  <c:v>1.7126298891072127</c:v>
                </c:pt>
                <c:pt idx="3437">
                  <c:v>1.7128347051044819</c:v>
                </c:pt>
                <c:pt idx="3438">
                  <c:v>1.716306911371255</c:v>
                </c:pt>
                <c:pt idx="3439">
                  <c:v>1.7161677525738703</c:v>
                </c:pt>
                <c:pt idx="3440">
                  <c:v>1.7106975436476108</c:v>
                </c:pt>
                <c:pt idx="3441">
                  <c:v>1.7090106342910416</c:v>
                </c:pt>
                <c:pt idx="3442">
                  <c:v>1.7116229186800263</c:v>
                </c:pt>
                <c:pt idx="3443">
                  <c:v>1.7104518657163719</c:v>
                </c:pt>
                <c:pt idx="3444">
                  <c:v>1.7049815736645297</c:v>
                </c:pt>
                <c:pt idx="3445">
                  <c:v>1.702434734871106</c:v>
                </c:pt>
                <c:pt idx="3446">
                  <c:v>1.710377978699364</c:v>
                </c:pt>
                <c:pt idx="3447">
                  <c:v>1.7095507947343924</c:v>
                </c:pt>
                <c:pt idx="3448">
                  <c:v>1.7088955528216376</c:v>
                </c:pt>
                <c:pt idx="3449">
                  <c:v>1.7123675550431536</c:v>
                </c:pt>
                <c:pt idx="3450">
                  <c:v>1.7094766809949291</c:v>
                </c:pt>
                <c:pt idx="3451">
                  <c:v>1.710369106510204</c:v>
                </c:pt>
                <c:pt idx="3452">
                  <c:v>1.7105736277781862</c:v>
                </c:pt>
                <c:pt idx="3453">
                  <c:v>1.708370574852291</c:v>
                </c:pt>
                <c:pt idx="3454">
                  <c:v>1.7132182268775322</c:v>
                </c:pt>
                <c:pt idx="3455">
                  <c:v>1.7160022266024688</c:v>
                </c:pt>
                <c:pt idx="3456">
                  <c:v>1.7177544001865397</c:v>
                </c:pt>
                <c:pt idx="3457">
                  <c:v>1.7124558310241438</c:v>
                </c:pt>
                <c:pt idx="3458">
                  <c:v>1.712144337195969</c:v>
                </c:pt>
                <c:pt idx="3459">
                  <c:v>1.7090813246031455</c:v>
                </c:pt>
                <c:pt idx="3460">
                  <c:v>1.7134129539731635</c:v>
                </c:pt>
                <c:pt idx="3461">
                  <c:v>1.7067385460861084</c:v>
                </c:pt>
                <c:pt idx="3462">
                  <c:v>1.7122739209843925</c:v>
                </c:pt>
                <c:pt idx="3463">
                  <c:v>1.7148858048419287</c:v>
                </c:pt>
                <c:pt idx="3464">
                  <c:v>1.7138863236291157</c:v>
                </c:pt>
                <c:pt idx="3465">
                  <c:v>1.7175299807388185</c:v>
                </c:pt>
                <c:pt idx="3466">
                  <c:v>1.7179062022246205</c:v>
                </c:pt>
                <c:pt idx="3467">
                  <c:v>1.7144991014759157</c:v>
                </c:pt>
                <c:pt idx="3468">
                  <c:v>1.7126396908324388</c:v>
                </c:pt>
                <c:pt idx="3469">
                  <c:v>1.7192067482926692</c:v>
                </c:pt>
                <c:pt idx="3470">
                  <c:v>1.7188950201891635</c:v>
                </c:pt>
                <c:pt idx="3471">
                  <c:v>1.7142840529918986</c:v>
                </c:pt>
                <c:pt idx="3472">
                  <c:v>1.7138003299350955</c:v>
                </c:pt>
                <c:pt idx="3473">
                  <c:v>1.7129726396303226</c:v>
                </c:pt>
                <c:pt idx="3474">
                  <c:v>1.7081896396968115</c:v>
                </c:pt>
                <c:pt idx="3475">
                  <c:v>1.7083937301970809</c:v>
                </c:pt>
                <c:pt idx="3476">
                  <c:v>1.7146167146195617</c:v>
                </c:pt>
                <c:pt idx="3477">
                  <c:v>1.7146487950545921</c:v>
                </c:pt>
                <c:pt idx="3478">
                  <c:v>1.7131331324895045</c:v>
                </c:pt>
                <c:pt idx="3479">
                  <c:v>1.7148848677467963</c:v>
                </c:pt>
                <c:pt idx="3480">
                  <c:v>1.7152608247333851</c:v>
                </c:pt>
                <c:pt idx="3481">
                  <c:v>1.7094458852915893</c:v>
                </c:pt>
                <c:pt idx="3482">
                  <c:v>1.7137770990120265</c:v>
                </c:pt>
                <c:pt idx="3483">
                  <c:v>1.7210317584373878</c:v>
                </c:pt>
                <c:pt idx="3484">
                  <c:v>1.7241591434984045</c:v>
                </c:pt>
                <c:pt idx="3485">
                  <c:v>1.7157645971202944</c:v>
                </c:pt>
                <c:pt idx="3486">
                  <c:v>1.7164843777635512</c:v>
                </c:pt>
                <c:pt idx="3487">
                  <c:v>1.717032171000195</c:v>
                </c:pt>
                <c:pt idx="3488">
                  <c:v>1.7175799566839636</c:v>
                </c:pt>
                <c:pt idx="3489">
                  <c:v>1.7188155861610688</c:v>
                </c:pt>
                <c:pt idx="3490">
                  <c:v>1.7188474172088273</c:v>
                </c:pt>
                <c:pt idx="3491">
                  <c:v>1.7197390718912786</c:v>
                </c:pt>
                <c:pt idx="3492">
                  <c:v>1.7149557318740842</c:v>
                </c:pt>
                <c:pt idx="3493">
                  <c:v>1.717395076655573</c:v>
                </c:pt>
                <c:pt idx="3494">
                  <c:v>1.7169109303901229</c:v>
                </c:pt>
                <c:pt idx="3495">
                  <c:v>1.7157388798711892</c:v>
                </c:pt>
                <c:pt idx="3496">
                  <c:v>1.7195539122393517</c:v>
                </c:pt>
                <c:pt idx="3497">
                  <c:v>1.7180378869257642</c:v>
                </c:pt>
                <c:pt idx="3498">
                  <c:v>1.7144582319890704</c:v>
                </c:pt>
                <c:pt idx="3499">
                  <c:v>1.7101906652398269</c:v>
                </c:pt>
                <c:pt idx="3500">
                  <c:v>1.7181328737292381</c:v>
                </c:pt>
                <c:pt idx="3501">
                  <c:v>1.7229796340013617</c:v>
                </c:pt>
                <c:pt idx="3502">
                  <c:v>1.7221513920209641</c:v>
                </c:pt>
                <c:pt idx="3503">
                  <c:v>1.7178837572586985</c:v>
                </c:pt>
                <c:pt idx="3504">
                  <c:v>1.7241062051174956</c:v>
                </c:pt>
                <c:pt idx="3505">
                  <c:v>1.7246536582828378</c:v>
                </c:pt>
                <c:pt idx="3506">
                  <c:v>1.7217617186663119</c:v>
                </c:pt>
                <c:pt idx="3507">
                  <c:v>1.72402881910104</c:v>
                </c:pt>
                <c:pt idx="3508">
                  <c:v>1.7230284914771246</c:v>
                </c:pt>
                <c:pt idx="3509">
                  <c:v>1.720824372982928</c:v>
                </c:pt>
                <c:pt idx="3510">
                  <c:v>1.7193081058349435</c:v>
                </c:pt>
                <c:pt idx="3511">
                  <c:v>1.7236387678859466</c:v>
                </c:pt>
                <c:pt idx="3512">
                  <c:v>1.7269376037775113</c:v>
                </c:pt>
                <c:pt idx="3513">
                  <c:v>1.7238735558464602</c:v>
                </c:pt>
                <c:pt idx="3514">
                  <c:v>1.727860205307479</c:v>
                </c:pt>
                <c:pt idx="3515">
                  <c:v>1.7278915678045756</c:v>
                </c:pt>
                <c:pt idx="3516">
                  <c:v>1.7325660686179976</c:v>
                </c:pt>
                <c:pt idx="3517">
                  <c:v>1.7269224213096979</c:v>
                </c:pt>
                <c:pt idx="3518">
                  <c:v>1.7285014436757586</c:v>
                </c:pt>
                <c:pt idx="3519">
                  <c:v>1.7288766600534062</c:v>
                </c:pt>
                <c:pt idx="3520">
                  <c:v>1.7335510852947398</c:v>
                </c:pt>
                <c:pt idx="3521">
                  <c:v>1.7316906846488589</c:v>
                </c:pt>
                <c:pt idx="3522">
                  <c:v>1.7348173517781331</c:v>
                </c:pt>
                <c:pt idx="3523">
                  <c:v>1.7389757997062583</c:v>
                </c:pt>
                <c:pt idx="3524">
                  <c:v>1.7365994368653013</c:v>
                </c:pt>
                <c:pt idx="3525">
                  <c:v>1.7340510715119808</c:v>
                </c:pt>
                <c:pt idx="3526">
                  <c:v>1.7309867817465325</c:v>
                </c:pt>
                <c:pt idx="3527">
                  <c:v>1.7346292599267064</c:v>
                </c:pt>
                <c:pt idx="3528">
                  <c:v>1.7353482470537505</c:v>
                </c:pt>
                <c:pt idx="3529">
                  <c:v>1.7281566602591416</c:v>
                </c:pt>
                <c:pt idx="3530">
                  <c:v>1.728703637314756</c:v>
                </c:pt>
                <c:pt idx="3531">
                  <c:v>1.7302824178526108</c:v>
                </c:pt>
                <c:pt idx="3532">
                  <c:v>1.7347846440953893</c:v>
                </c:pt>
                <c:pt idx="3533">
                  <c:v>1.7398027720730973</c:v>
                </c:pt>
                <c:pt idx="3534">
                  <c:v>1.7394898272509229</c:v>
                </c:pt>
                <c:pt idx="3535">
                  <c:v>1.7384890084115294</c:v>
                </c:pt>
                <c:pt idx="3536">
                  <c:v>1.7333608925367838</c:v>
                </c:pt>
                <c:pt idx="3537">
                  <c:v>1.7327039653608898</c:v>
                </c:pt>
                <c:pt idx="3538">
                  <c:v>1.7384098766717875</c:v>
                </c:pt>
                <c:pt idx="3539">
                  <c:v>1.7339695970375038</c:v>
                </c:pt>
                <c:pt idx="3540">
                  <c:v>1.7272936852553684</c:v>
                </c:pt>
                <c:pt idx="3541">
                  <c:v>1.7336874101357205</c:v>
                </c:pt>
                <c:pt idx="3542">
                  <c:v>1.7400811198979405</c:v>
                </c:pt>
                <c:pt idx="3543">
                  <c:v>1.7392521070847191</c:v>
                </c:pt>
                <c:pt idx="3544">
                  <c:v>1.7416904845348113</c:v>
                </c:pt>
                <c:pt idx="3545">
                  <c:v>1.7360463006628279</c:v>
                </c:pt>
                <c:pt idx="3546">
                  <c:v>1.7360770812542263</c:v>
                </c:pt>
                <c:pt idx="3547">
                  <c:v>1.7352479928689168</c:v>
                </c:pt>
                <c:pt idx="3548">
                  <c:v>1.7311514915369048</c:v>
                </c:pt>
                <c:pt idx="3549">
                  <c:v>1.7323859874264957</c:v>
                </c:pt>
                <c:pt idx="3550">
                  <c:v>1.7363719794097279</c:v>
                </c:pt>
                <c:pt idx="3551">
                  <c:v>1.739154157845481</c:v>
                </c:pt>
                <c:pt idx="3552">
                  <c:v>1.7429681397634744</c:v>
                </c:pt>
                <c:pt idx="3553">
                  <c:v>1.7467821216752768</c:v>
                </c:pt>
                <c:pt idx="3554">
                  <c:v>1.7450930509458407</c:v>
                </c:pt>
                <c:pt idx="3555">
                  <c:v>1.7406524765760794</c:v>
                </c:pt>
                <c:pt idx="3556">
                  <c:v>1.7406830682341616</c:v>
                </c:pt>
                <c:pt idx="3557">
                  <c:v>1.7439810426088731</c:v>
                </c:pt>
                <c:pt idx="3558">
                  <c:v>1.7493426314947493</c:v>
                </c:pt>
                <c:pt idx="3559">
                  <c:v>1.7577996534797811</c:v>
                </c:pt>
                <c:pt idx="3560">
                  <c:v>1.7481999105794055</c:v>
                </c:pt>
                <c:pt idx="3561">
                  <c:v>1.7513258446526139</c:v>
                </c:pt>
                <c:pt idx="3562">
                  <c:v>1.7535919248610554</c:v>
                </c:pt>
                <c:pt idx="3563">
                  <c:v>1.7510428491288674</c:v>
                </c:pt>
                <c:pt idx="3564">
                  <c:v>1.7510732896427732</c:v>
                </c:pt>
                <c:pt idx="3565">
                  <c:v>1.7519635613504383</c:v>
                </c:pt>
                <c:pt idx="3566">
                  <c:v>1.754573502998497</c:v>
                </c:pt>
                <c:pt idx="3567">
                  <c:v>1.7556357092055035</c:v>
                </c:pt>
                <c:pt idx="3568">
                  <c:v>1.7523986687658757</c:v>
                </c:pt>
                <c:pt idx="3569">
                  <c:v>1.7577600536003037</c:v>
                </c:pt>
                <c:pt idx="3570">
                  <c:v>1.765700962233701</c:v>
                </c:pt>
                <c:pt idx="3571">
                  <c:v>1.7616040150406074</c:v>
                </c:pt>
                <c:pt idx="3572">
                  <c:v>1.7614623396809219</c:v>
                </c:pt>
                <c:pt idx="3573">
                  <c:v>1.7611486844860711</c:v>
                </c:pt>
                <c:pt idx="3574">
                  <c:v>1.761178943625727</c:v>
                </c:pt>
                <c:pt idx="3575">
                  <c:v>1.7636167543068255</c:v>
                </c:pt>
                <c:pt idx="3576">
                  <c:v>1.7694939124030138</c:v>
                </c:pt>
                <c:pt idx="3577">
                  <c:v>1.7664286779833673</c:v>
                </c:pt>
                <c:pt idx="3578">
                  <c:v>1.7637073654696758</c:v>
                </c:pt>
                <c:pt idx="3579">
                  <c:v>1.7654572113876166</c:v>
                </c:pt>
                <c:pt idx="3580">
                  <c:v>1.7725380848253336</c:v>
                </c:pt>
                <c:pt idx="3581">
                  <c:v>1.7722242860144179</c:v>
                </c:pt>
                <c:pt idx="3582">
                  <c:v>1.7731142403094069</c:v>
                </c:pt>
                <c:pt idx="3583">
                  <c:v>1.7743481089574755</c:v>
                </c:pt>
                <c:pt idx="3584">
                  <c:v>1.7735183404295629</c:v>
                </c:pt>
                <c:pt idx="3585">
                  <c:v>1.7732044660898951</c:v>
                </c:pt>
                <c:pt idx="3586">
                  <c:v>1.7728905614768178</c:v>
                </c:pt>
                <c:pt idx="3587">
                  <c:v>1.7736084528550142</c:v>
                </c:pt>
                <c:pt idx="3588">
                  <c:v>1.779657364076294</c:v>
                </c:pt>
                <c:pt idx="3589">
                  <c:v>1.775044182617463</c:v>
                </c:pt>
                <c:pt idx="3590">
                  <c:v>1.7714628045789635</c:v>
                </c:pt>
                <c:pt idx="3591">
                  <c:v>1.773384418789655</c:v>
                </c:pt>
                <c:pt idx="3592">
                  <c:v>1.7737582748449512</c:v>
                </c:pt>
                <c:pt idx="3593">
                  <c:v>1.7779154456437878</c:v>
                </c:pt>
                <c:pt idx="3594">
                  <c:v>1.7915308728732944</c:v>
                </c:pt>
                <c:pt idx="3595">
                  <c:v>1.7894971245294031</c:v>
                </c:pt>
                <c:pt idx="3596">
                  <c:v>1.7871194089623059</c:v>
                </c:pt>
                <c:pt idx="3597">
                  <c:v>1.7912765041085728</c:v>
                </c:pt>
                <c:pt idx="3598">
                  <c:v>1.7954335691052477</c:v>
                </c:pt>
                <c:pt idx="3599">
                  <c:v>1.7963232135466269</c:v>
                </c:pt>
                <c:pt idx="3600">
                  <c:v>1.7949772485297346</c:v>
                </c:pt>
                <c:pt idx="3601">
                  <c:v>1.80033804391178</c:v>
                </c:pt>
                <c:pt idx="3602">
                  <c:v>1.7977882653659814</c:v>
                </c:pt>
                <c:pt idx="3603">
                  <c:v>1.7942066379587822</c:v>
                </c:pt>
                <c:pt idx="3604">
                  <c:v>1.8047264583049041</c:v>
                </c:pt>
                <c:pt idx="3605">
                  <c:v>1.8100871856491636</c:v>
                </c:pt>
                <c:pt idx="3606">
                  <c:v>1.802206281396211</c:v>
                </c:pt>
                <c:pt idx="3607">
                  <c:v>1.8091146913052054</c:v>
                </c:pt>
                <c:pt idx="3608">
                  <c:v>1.8108640158271219</c:v>
                </c:pt>
                <c:pt idx="3609">
                  <c:v>1.810893640122853</c:v>
                </c:pt>
                <c:pt idx="3610">
                  <c:v>1.8171141155235269</c:v>
                </c:pt>
                <c:pt idx="3611">
                  <c:v>1.8248822962094695</c:v>
                </c:pt>
                <c:pt idx="3612">
                  <c:v>1.8204406713771573</c:v>
                </c:pt>
                <c:pt idx="3613">
                  <c:v>1.8197823461207261</c:v>
                </c:pt>
                <c:pt idx="3614">
                  <c:v>1.8270345569658544</c:v>
                </c:pt>
                <c:pt idx="3615">
                  <c:v>1.8280958790035731</c:v>
                </c:pt>
                <c:pt idx="3616">
                  <c:v>1.8312208154967387</c:v>
                </c:pt>
                <c:pt idx="3617">
                  <c:v>1.8336578477549932</c:v>
                </c:pt>
                <c:pt idx="3618">
                  <c:v>1.8362668296369122</c:v>
                </c:pt>
                <c:pt idx="3619">
                  <c:v>1.8433469926709982</c:v>
                </c:pt>
                <c:pt idx="3620">
                  <c:v>1.8476756369528173</c:v>
                </c:pt>
                <c:pt idx="3621">
                  <c:v>1.8435777829070468</c:v>
                </c:pt>
                <c:pt idx="3622">
                  <c:v>1.8436071578340787</c:v>
                </c:pt>
                <c:pt idx="3623">
                  <c:v>1.8472478676075772</c:v>
                </c:pt>
                <c:pt idx="3624">
                  <c:v>1.854155982768712</c:v>
                </c:pt>
                <c:pt idx="3625">
                  <c:v>1.8567648361898437</c:v>
                </c:pt>
                <c:pt idx="3626">
                  <c:v>1.8631569967397321</c:v>
                </c:pt>
                <c:pt idx="3627">
                  <c:v>1.8630143162409376</c:v>
                </c:pt>
                <c:pt idx="3628">
                  <c:v>1.8707821870732706</c:v>
                </c:pt>
                <c:pt idx="3629">
                  <c:v>1.8725311337037913</c:v>
                </c:pt>
                <c:pt idx="3630">
                  <c:v>1.8770315613222031</c:v>
                </c:pt>
                <c:pt idx="3631">
                  <c:v>1.8758570018124163</c:v>
                </c:pt>
                <c:pt idx="3632">
                  <c:v>1.8676316844070766</c:v>
                </c:pt>
                <c:pt idx="3633">
                  <c:v>1.8829660939062618</c:v>
                </c:pt>
                <c:pt idx="3634">
                  <c:v>1.8860906978871919</c:v>
                </c:pt>
                <c:pt idx="3635">
                  <c:v>1.8885274278447117</c:v>
                </c:pt>
                <c:pt idx="3636">
                  <c:v>1.8902762536292292</c:v>
                </c:pt>
                <c:pt idx="3637">
                  <c:v>1.8992477338771117</c:v>
                </c:pt>
                <c:pt idx="3638">
                  <c:v>1.9004806049884737</c:v>
                </c:pt>
                <c:pt idx="3639">
                  <c:v>1.9017134533793014</c:v>
                </c:pt>
                <c:pt idx="3640">
                  <c:v>1.9091371982542313</c:v>
                </c:pt>
                <c:pt idx="3641">
                  <c:v>1.9069306236578811</c:v>
                </c:pt>
                <c:pt idx="3642">
                  <c:v>1.9152141619064764</c:v>
                </c:pt>
                <c:pt idx="3643">
                  <c:v>1.9161029977568469</c:v>
                </c:pt>
                <c:pt idx="3644">
                  <c:v>1.9142403147930416</c:v>
                </c:pt>
                <c:pt idx="3645">
                  <c:v>1.9249313517005713</c:v>
                </c:pt>
                <c:pt idx="3646">
                  <c:v>1.9333867941936709</c:v>
                </c:pt>
                <c:pt idx="3647">
                  <c:v>1.9344475267356707</c:v>
                </c:pt>
                <c:pt idx="3648">
                  <c:v>1.9387756873858415</c:v>
                </c:pt>
                <c:pt idx="3649">
                  <c:v>1.9327856393736624</c:v>
                </c:pt>
                <c:pt idx="3650">
                  <c:v>1.9419288954671707</c:v>
                </c:pt>
                <c:pt idx="3651">
                  <c:v>1.947460748676427</c:v>
                </c:pt>
                <c:pt idx="3652">
                  <c:v>1.9567759090763488</c:v>
                </c:pt>
                <c:pt idx="3653">
                  <c:v>1.961619865603569</c:v>
                </c:pt>
                <c:pt idx="3654">
                  <c:v>1.9578653439680342</c:v>
                </c:pt>
                <c:pt idx="3655">
                  <c:v>1.9718236124232529</c:v>
                </c:pt>
                <c:pt idx="3656">
                  <c:v>1.9823425031466362</c:v>
                </c:pt>
                <c:pt idx="3657">
                  <c:v>1.9834030619105973</c:v>
                </c:pt>
                <c:pt idx="3658">
                  <c:v>1.9751772759793595</c:v>
                </c:pt>
                <c:pt idx="3659">
                  <c:v>1.979333267848667</c:v>
                </c:pt>
                <c:pt idx="3660">
                  <c:v>1.9922596118518245</c:v>
                </c:pt>
                <c:pt idx="3661">
                  <c:v>1.9967594802479269</c:v>
                </c:pt>
                <c:pt idx="3662">
                  <c:v>1.9892215154699731</c:v>
                </c:pt>
                <c:pt idx="3663">
                  <c:v>1.9993963407827726</c:v>
                </c:pt>
                <c:pt idx="3664">
                  <c:v>1.9978772472126867</c:v>
                </c:pt>
                <c:pt idx="3665">
                  <c:v>2.0121792486281622</c:v>
                </c:pt>
                <c:pt idx="3666">
                  <c:v>2.0326721464658313</c:v>
                </c:pt>
                <c:pt idx="3667">
                  <c:v>2.0218666780509542</c:v>
                </c:pt>
                <c:pt idx="3668">
                  <c:v>2.0186278238316819</c:v>
                </c:pt>
                <c:pt idx="3669">
                  <c:v>2.0284585987777395</c:v>
                </c:pt>
                <c:pt idx="3670">
                  <c:v>2.0293469509345528</c:v>
                </c:pt>
                <c:pt idx="3671">
                  <c:v>2.0393496603366157</c:v>
                </c:pt>
                <c:pt idx="3672">
                  <c:v>2.0533076264910997</c:v>
                </c:pt>
                <c:pt idx="3673">
                  <c:v>2.0519603465310157</c:v>
                </c:pt>
                <c:pt idx="3674">
                  <c:v>2.0554281771819287</c:v>
                </c:pt>
                <c:pt idx="3675">
                  <c:v>2.0702459216043279</c:v>
                </c:pt>
                <c:pt idx="3676">
                  <c:v>2.0673508684450064</c:v>
                </c:pt>
                <c:pt idx="3677">
                  <c:v>2.0675512332233725</c:v>
                </c:pt>
                <c:pt idx="3678">
                  <c:v>2.0675796106136977</c:v>
                </c:pt>
                <c:pt idx="3679">
                  <c:v>2.0703594614390388</c:v>
                </c:pt>
                <c:pt idx="3680">
                  <c:v>2.0739991661229555</c:v>
                </c:pt>
                <c:pt idx="3681">
                  <c:v>2.0760910975457261</c:v>
                </c:pt>
                <c:pt idx="3682">
                  <c:v>2.0850618070288847</c:v>
                </c:pt>
                <c:pt idx="3683">
                  <c:v>2.0986756321202154</c:v>
                </c:pt>
                <c:pt idx="3684">
                  <c:v>2.1030031503426319</c:v>
                </c:pt>
                <c:pt idx="3685">
                  <c:v>2.1124896708704992</c:v>
                </c:pt>
                <c:pt idx="3686">
                  <c:v>2.1128618491969586</c:v>
                </c:pt>
                <c:pt idx="3687">
                  <c:v>2.1168453397731675</c:v>
                </c:pt>
                <c:pt idx="3688">
                  <c:v>2.1258159131807544</c:v>
                </c:pt>
                <c:pt idx="3689">
                  <c:v>2.1148381173127264</c:v>
                </c:pt>
                <c:pt idx="3690">
                  <c:v>2.1232927663205676</c:v>
                </c:pt>
                <c:pt idx="3691">
                  <c:v>2.1281360199970321</c:v>
                </c:pt>
                <c:pt idx="3692">
                  <c:v>2.130055812912349</c:v>
                </c:pt>
                <c:pt idx="3693">
                  <c:v>2.129911923272525</c:v>
                </c:pt>
                <c:pt idx="3694">
                  <c:v>2.1436975544209824</c:v>
                </c:pt>
                <c:pt idx="3695">
                  <c:v>2.1492286216978558</c:v>
                </c:pt>
                <c:pt idx="3696">
                  <c:v>2.1461612410234743</c:v>
                </c:pt>
                <c:pt idx="3697">
                  <c:v>2.1561634970053896</c:v>
                </c:pt>
                <c:pt idx="3698">
                  <c:v>2.1659937278348882</c:v>
                </c:pt>
                <c:pt idx="3699">
                  <c:v>2.1569074154677286</c:v>
                </c:pt>
                <c:pt idx="3700">
                  <c:v>2.1450695238633917</c:v>
                </c:pt>
                <c:pt idx="3701">
                  <c:v>2.1659057465584213</c:v>
                </c:pt>
                <c:pt idx="3702">
                  <c:v>2.1736723023856537</c:v>
                </c:pt>
                <c:pt idx="3703">
                  <c:v>2.1694010250388303</c:v>
                </c:pt>
                <c:pt idx="3704">
                  <c:v>2.1845622001826599</c:v>
                </c:pt>
                <c:pt idx="3705">
                  <c:v>2.1868257109524833</c:v>
                </c:pt>
                <c:pt idx="3706">
                  <c:v>2.1813505369332171</c:v>
                </c:pt>
                <c:pt idx="3707">
                  <c:v>2.178111025242349</c:v>
                </c:pt>
                <c:pt idx="3708">
                  <c:v>2.1812343142800876</c:v>
                </c:pt>
                <c:pt idx="3709">
                  <c:v>2.1852174118591505</c:v>
                </c:pt>
                <c:pt idx="3710">
                  <c:v>2.1905762725907847</c:v>
                </c:pt>
                <c:pt idx="3711">
                  <c:v>2.1924957329938661</c:v>
                </c:pt>
                <c:pt idx="3712">
                  <c:v>2.1894280726773756</c:v>
                </c:pt>
                <c:pt idx="3713">
                  <c:v>2.1916914398187526</c:v>
                </c:pt>
                <c:pt idx="3714">
                  <c:v>2.2015213910061426</c:v>
                </c:pt>
                <c:pt idx="3715">
                  <c:v>2.2068801685942403</c:v>
                </c:pt>
                <c:pt idx="3716">
                  <c:v>2.2086275358071195</c:v>
                </c:pt>
                <c:pt idx="3717">
                  <c:v>2.2169097817711489</c:v>
                </c:pt>
                <c:pt idx="3718">
                  <c:v>2.218485169086954</c:v>
                </c:pt>
                <c:pt idx="3719">
                  <c:v>2.2078507282877871</c:v>
                </c:pt>
                <c:pt idx="3720">
                  <c:v>2.2020314283730267</c:v>
                </c:pt>
                <c:pt idx="3721">
                  <c:v>2.2010272162868199</c:v>
                </c:pt>
                <c:pt idx="3722">
                  <c:v>2.1962397123014248</c:v>
                </c:pt>
                <c:pt idx="3723">
                  <c:v>2.2132922197648015</c:v>
                </c:pt>
                <c:pt idx="3724">
                  <c:v>2.2064410181185146</c:v>
                </c:pt>
                <c:pt idx="3725">
                  <c:v>2.1959784740109769</c:v>
                </c:pt>
                <c:pt idx="3726">
                  <c:v>2.1989294431484394</c:v>
                </c:pt>
                <c:pt idx="3727">
                  <c:v>2.1975812411804005</c:v>
                </c:pt>
                <c:pt idx="3728">
                  <c:v>2.2039715653291641</c:v>
                </c:pt>
                <c:pt idx="3729">
                  <c:v>2.2009036027119393</c:v>
                </c:pt>
                <c:pt idx="3730">
                  <c:v>2.2195037096584236</c:v>
                </c:pt>
                <c:pt idx="3731">
                  <c:v>2.2038820121879312</c:v>
                </c:pt>
                <c:pt idx="3732">
                  <c:v>2.2004700596888744</c:v>
                </c:pt>
                <c:pt idx="3733">
                  <c:v>2.2023891346476852</c:v>
                </c:pt>
                <c:pt idx="3734">
                  <c:v>2.2092953000526583</c:v>
                </c:pt>
                <c:pt idx="3735">
                  <c:v>2.2074310073978021</c:v>
                </c:pt>
                <c:pt idx="3736">
                  <c:v>2.200751536217981</c:v>
                </c:pt>
                <c:pt idx="3737">
                  <c:v>2.1866774532125293</c:v>
                </c:pt>
                <c:pt idx="3738">
                  <c:v>2.2078569781682025</c:v>
                </c:pt>
                <c:pt idx="3739">
                  <c:v>2.200833516982732</c:v>
                </c:pt>
                <c:pt idx="3740">
                  <c:v>2.1836639404489322</c:v>
                </c:pt>
                <c:pt idx="3741">
                  <c:v>2.1821434866184033</c:v>
                </c:pt>
                <c:pt idx="3742">
                  <c:v>2.1869858486222316</c:v>
                </c:pt>
                <c:pt idx="3743">
                  <c:v>2.1935479107284275</c:v>
                </c:pt>
                <c:pt idx="3744">
                  <c:v>2.177238097356792</c:v>
                </c:pt>
                <c:pt idx="3745">
                  <c:v>2.1635078229641662</c:v>
                </c:pt>
                <c:pt idx="3746">
                  <c:v>2.1688659959507945</c:v>
                </c:pt>
                <c:pt idx="3747">
                  <c:v>2.1647659502711294</c:v>
                </c:pt>
                <c:pt idx="3748">
                  <c:v>2.1658248766854138</c:v>
                </c:pt>
                <c:pt idx="3749">
                  <c:v>2.1598331358386478</c:v>
                </c:pt>
                <c:pt idx="3750">
                  <c:v>2.1571087551241757</c:v>
                </c:pt>
                <c:pt idx="3751">
                  <c:v>2.169173673403991</c:v>
                </c:pt>
                <c:pt idx="3752">
                  <c:v>2.1606023256642466</c:v>
                </c:pt>
                <c:pt idx="3753">
                  <c:v>2.1436044644911618</c:v>
                </c:pt>
                <c:pt idx="3754">
                  <c:v>2.1494784485224994</c:v>
                </c:pt>
                <c:pt idx="3755">
                  <c:v>2.1491615361935521</c:v>
                </c:pt>
                <c:pt idx="3756">
                  <c:v>2.1313037908884818</c:v>
                </c:pt>
                <c:pt idx="3757">
                  <c:v>2.1401011677669985</c:v>
                </c:pt>
                <c:pt idx="3758">
                  <c:v>2.1411599807643373</c:v>
                </c:pt>
                <c:pt idx="3759">
                  <c:v>2.1262256207535715</c:v>
                </c:pt>
                <c:pt idx="3760">
                  <c:v>2.1303798441976314</c:v>
                </c:pt>
                <c:pt idx="3761">
                  <c:v>2.113037902384395</c:v>
                </c:pt>
                <c:pt idx="3762">
                  <c:v>2.1067019903248831</c:v>
                </c:pt>
                <c:pt idx="3763">
                  <c:v>2.1101682112847451</c:v>
                </c:pt>
                <c:pt idx="3764">
                  <c:v>2.1199973538192172</c:v>
                </c:pt>
                <c:pt idx="3765">
                  <c:v>2.1043750064300042</c:v>
                </c:pt>
                <c:pt idx="3766">
                  <c:v>2.0959753891567257</c:v>
                </c:pt>
                <c:pt idx="3767">
                  <c:v>2.0958302374438365</c:v>
                </c:pt>
                <c:pt idx="3768">
                  <c:v>2.0874305899590571</c:v>
                </c:pt>
                <c:pt idx="3769">
                  <c:v>2.0800626930244825</c:v>
                </c:pt>
                <c:pt idx="3770">
                  <c:v>2.0752743652185104</c:v>
                </c:pt>
                <c:pt idx="3771">
                  <c:v>2.0663587101904493</c:v>
                </c:pt>
                <c:pt idx="3772">
                  <c:v>2.066557419960513</c:v>
                </c:pt>
                <c:pt idx="3773">
                  <c:v>2.0686477794566085</c:v>
                </c:pt>
                <c:pt idx="3774">
                  <c:v>2.0662669049923195</c:v>
                </c:pt>
                <c:pt idx="3775">
                  <c:v>2.0503004996215806</c:v>
                </c:pt>
                <c:pt idx="3776">
                  <c:v>2.0400090209560378</c:v>
                </c:pt>
                <c:pt idx="3777">
                  <c:v>2.0446788287347326</c:v>
                </c:pt>
                <c:pt idx="3778">
                  <c:v>2.0352472039277654</c:v>
                </c:pt>
                <c:pt idx="3779">
                  <c:v>2.0294268610971384</c:v>
                </c:pt>
                <c:pt idx="3780">
                  <c:v>2.0267019664156996</c:v>
                </c:pt>
                <c:pt idx="3781">
                  <c:v>2.0267285527840602</c:v>
                </c:pt>
                <c:pt idx="3782">
                  <c:v>2.0284748090432871</c:v>
                </c:pt>
                <c:pt idx="3783">
                  <c:v>2.0178392951167528</c:v>
                </c:pt>
                <c:pt idx="3784">
                  <c:v>2.0094393377783639</c:v>
                </c:pt>
                <c:pt idx="3785">
                  <c:v>2.0125612967052513</c:v>
                </c:pt>
                <c:pt idx="3786">
                  <c:v>2.0038173872494065</c:v>
                </c:pt>
                <c:pt idx="3787">
                  <c:v>1.9988567697546593</c:v>
                </c:pt>
                <c:pt idx="3788">
                  <c:v>1.9957877945568863</c:v>
                </c:pt>
                <c:pt idx="3789">
                  <c:v>2.0023490707306992</c:v>
                </c:pt>
                <c:pt idx="3790">
                  <c:v>1.9855225470269342</c:v>
                </c:pt>
                <c:pt idx="3791">
                  <c:v>1.9824535263880922</c:v>
                </c:pt>
                <c:pt idx="3792">
                  <c:v>1.9771488736942622</c:v>
                </c:pt>
                <c:pt idx="3793">
                  <c:v>1.9685768231656706</c:v>
                </c:pt>
                <c:pt idx="3794">
                  <c:v>1.9579411127405635</c:v>
                </c:pt>
                <c:pt idx="3795">
                  <c:v>1.9600310717485465</c:v>
                </c:pt>
                <c:pt idx="3796">
                  <c:v>1.9619490660271148</c:v>
                </c:pt>
                <c:pt idx="3797">
                  <c:v>1.9561284435543791</c:v>
                </c:pt>
                <c:pt idx="3798">
                  <c:v>1.9503078059139838</c:v>
                </c:pt>
                <c:pt idx="3799">
                  <c:v>1.9475825863350933</c:v>
                </c:pt>
                <c:pt idx="3800">
                  <c:v>1.9472649031176044</c:v>
                </c:pt>
                <c:pt idx="3801">
                  <c:v>1.9400684343487613</c:v>
                </c:pt>
                <c:pt idx="3802">
                  <c:v>1.9387189174375314</c:v>
                </c:pt>
                <c:pt idx="3803">
                  <c:v>1.9332421337272141</c:v>
                </c:pt>
                <c:pt idx="3804">
                  <c:v>1.9226062646298185</c:v>
                </c:pt>
                <c:pt idx="3805">
                  <c:v>1.9236642463775231</c:v>
                </c:pt>
                <c:pt idx="3806">
                  <c:v>1.9235184371930378</c:v>
                </c:pt>
                <c:pt idx="3807">
                  <c:v>1.9120226764107819</c:v>
                </c:pt>
                <c:pt idx="3808">
                  <c:v>1.9099851721211047</c:v>
                </c:pt>
                <c:pt idx="3809">
                  <c:v>1.9162021636652264</c:v>
                </c:pt>
                <c:pt idx="3810">
                  <c:v>1.909693425353256</c:v>
                </c:pt>
                <c:pt idx="3811">
                  <c:v>1.9011210725239298</c:v>
                </c:pt>
                <c:pt idx="3812">
                  <c:v>1.9013191096547384</c:v>
                </c:pt>
                <c:pt idx="3813">
                  <c:v>1.8958421294458481</c:v>
                </c:pt>
                <c:pt idx="3814">
                  <c:v>1.8926007436513876</c:v>
                </c:pt>
                <c:pt idx="3815">
                  <c:v>1.8988176293933476</c:v>
                </c:pt>
                <c:pt idx="3816">
                  <c:v>1.8969519915837989</c:v>
                </c:pt>
                <c:pt idx="3817">
                  <c:v>1.889755250725722</c:v>
                </c:pt>
                <c:pt idx="3818">
                  <c:v>1.8877176028695071</c:v>
                </c:pt>
                <c:pt idx="3819">
                  <c:v>1.871578454389845</c:v>
                </c:pt>
                <c:pt idx="3820">
                  <c:v>1.8743558793183424</c:v>
                </c:pt>
                <c:pt idx="3821">
                  <c:v>1.8685348487427098</c:v>
                </c:pt>
                <c:pt idx="3822">
                  <c:v>1.8740637320004723</c:v>
                </c:pt>
                <c:pt idx="3823">
                  <c:v>1.8684146434956292</c:v>
                </c:pt>
                <c:pt idx="3824">
                  <c:v>1.8631094844496161</c:v>
                </c:pt>
                <c:pt idx="3825">
                  <c:v>1.861415637529535</c:v>
                </c:pt>
                <c:pt idx="3826">
                  <c:v>1.8574861584925568</c:v>
                </c:pt>
                <c:pt idx="3827">
                  <c:v>1.8561362183726802</c:v>
                </c:pt>
                <c:pt idx="3828">
                  <c:v>1.8487673541129002</c:v>
                </c:pt>
                <c:pt idx="3829">
                  <c:v>1.8420863336650295</c:v>
                </c:pt>
                <c:pt idx="3830">
                  <c:v>1.8426280055687174</c:v>
                </c:pt>
                <c:pt idx="3831">
                  <c:v>1.8481567603037836</c:v>
                </c:pt>
                <c:pt idx="3832">
                  <c:v>1.8550612404889537</c:v>
                </c:pt>
                <c:pt idx="3833">
                  <c:v>1.8416733613928591</c:v>
                </c:pt>
                <c:pt idx="3834">
                  <c:v>1.8303491119198705</c:v>
                </c:pt>
                <c:pt idx="3835">
                  <c:v>1.8362217205850144</c:v>
                </c:pt>
                <c:pt idx="3836">
                  <c:v>1.8360754126631305</c:v>
                </c:pt>
                <c:pt idx="3837">
                  <c:v>1.8343813767973516</c:v>
                </c:pt>
                <c:pt idx="3838">
                  <c:v>1.8277002052300682</c:v>
                </c:pt>
                <c:pt idx="3839">
                  <c:v>1.8227387186594015</c:v>
                </c:pt>
                <c:pt idx="3840">
                  <c:v>1.8205287206295009</c:v>
                </c:pt>
                <c:pt idx="3841">
                  <c:v>1.825541384739658</c:v>
                </c:pt>
                <c:pt idx="3842">
                  <c:v>1.8267707341681834</c:v>
                </c:pt>
                <c:pt idx="3843">
                  <c:v>1.8195735776543347</c:v>
                </c:pt>
                <c:pt idx="3844">
                  <c:v>1.8218346928007243</c:v>
                </c:pt>
                <c:pt idx="3845">
                  <c:v>1.8149814506399553</c:v>
                </c:pt>
                <c:pt idx="3846">
                  <c:v>1.8110516541964921</c:v>
                </c:pt>
                <c:pt idx="3847">
                  <c:v>1.8105612278700802</c:v>
                </c:pt>
                <c:pt idx="3848">
                  <c:v>1.8114465344847386</c:v>
                </c:pt>
                <c:pt idx="3849">
                  <c:v>1.8094083349590897</c:v>
                </c:pt>
                <c:pt idx="3850">
                  <c:v>1.8061663672217856</c:v>
                </c:pt>
                <c:pt idx="3851">
                  <c:v>1.8027523893759063</c:v>
                </c:pt>
                <c:pt idx="3852">
                  <c:v>1.8048414037173095</c:v>
                </c:pt>
                <c:pt idx="3853">
                  <c:v>1.8029751310947906</c:v>
                </c:pt>
                <c:pt idx="3854">
                  <c:v>1.7935421988975073</c:v>
                </c:pt>
                <c:pt idx="3855">
                  <c:v>1.7933955660162628</c:v>
                </c:pt>
                <c:pt idx="3856">
                  <c:v>1.7973761772754804</c:v>
                </c:pt>
                <c:pt idx="3857">
                  <c:v>1.8049681157663802</c:v>
                </c:pt>
                <c:pt idx="3858">
                  <c:v>1.7996623747775233</c:v>
                </c:pt>
                <c:pt idx="3859">
                  <c:v>1.7936687447214146</c:v>
                </c:pt>
                <c:pt idx="3860">
                  <c:v>1.7864713086273658</c:v>
                </c:pt>
                <c:pt idx="3861">
                  <c:v>1.8023176976348132</c:v>
                </c:pt>
                <c:pt idx="3862">
                  <c:v>1.7920247830562581</c:v>
                </c:pt>
                <c:pt idx="3863">
                  <c:v>1.792393938561097</c:v>
                </c:pt>
                <c:pt idx="3864">
                  <c:v>1.7855403789938429</c:v>
                </c:pt>
                <c:pt idx="3865">
                  <c:v>1.7891769020600334</c:v>
                </c:pt>
                <c:pt idx="3866">
                  <c:v>1.7861066194719439</c:v>
                </c:pt>
                <c:pt idx="3867">
                  <c:v>1.7814886013251756</c:v>
                </c:pt>
                <c:pt idx="3868">
                  <c:v>1.7859849253798155</c:v>
                </c:pt>
                <c:pt idx="3869">
                  <c:v>1.7841183807299716</c:v>
                </c:pt>
                <c:pt idx="3870">
                  <c:v>1.7774366800899708</c:v>
                </c:pt>
                <c:pt idx="3871">
                  <c:v>1.7752261682169208</c:v>
                </c:pt>
                <c:pt idx="3872">
                  <c:v>1.7790345426574894</c:v>
                </c:pt>
                <c:pt idx="3873">
                  <c:v>1.78714213352081</c:v>
                </c:pt>
                <c:pt idx="3874">
                  <c:v>1.7840717224100244</c:v>
                </c:pt>
                <c:pt idx="3875">
                  <c:v>1.7825490165225992</c:v>
                </c:pt>
                <c:pt idx="3876">
                  <c:v>1.7841217361257362</c:v>
                </c:pt>
                <c:pt idx="3877">
                  <c:v>1.7812232519799895</c:v>
                </c:pt>
                <c:pt idx="3878">
                  <c:v>1.7791845763136587</c:v>
                </c:pt>
                <c:pt idx="3879">
                  <c:v>1.7780057469530279</c:v>
                </c:pt>
                <c:pt idx="3880">
                  <c:v>1.7792344540157079</c:v>
                </c:pt>
                <c:pt idx="3881">
                  <c:v>1.7715207685625531</c:v>
                </c:pt>
                <c:pt idx="3882">
                  <c:v>1.7751570270923849</c:v>
                </c:pt>
                <c:pt idx="3883">
                  <c:v>1.7770735553083488</c:v>
                </c:pt>
                <c:pt idx="3884">
                  <c:v>1.7738310131810759</c:v>
                </c:pt>
                <c:pt idx="3885">
                  <c:v>1.7721361838919476</c:v>
                </c:pt>
                <c:pt idx="3886">
                  <c:v>1.7783518982572537</c:v>
                </c:pt>
                <c:pt idx="3887">
                  <c:v>1.7685744773169223</c:v>
                </c:pt>
                <c:pt idx="3888">
                  <c:v>1.7672235321074639</c:v>
                </c:pt>
                <c:pt idx="3889">
                  <c:v>1.7737831381672238</c:v>
                </c:pt>
                <c:pt idx="3890">
                  <c:v>1.7700245960495444</c:v>
                </c:pt>
                <c:pt idx="3891">
                  <c:v>1.7697054014521998</c:v>
                </c:pt>
                <c:pt idx="3892">
                  <c:v>1.7742013249568183</c:v>
                </c:pt>
                <c:pt idx="3893">
                  <c:v>1.7754298355209253</c:v>
                </c:pt>
                <c:pt idx="3894">
                  <c:v>1.7728750011299905</c:v>
                </c:pt>
                <c:pt idx="3895">
                  <c:v>1.7796064736698789</c:v>
                </c:pt>
                <c:pt idx="3896">
                  <c:v>1.7792872110347486</c:v>
                </c:pt>
                <c:pt idx="3897">
                  <c:v>1.7744967294211667</c:v>
                </c:pt>
                <c:pt idx="3898">
                  <c:v>1.7709100311249901</c:v>
                </c:pt>
                <c:pt idx="3899">
                  <c:v>1.7726543300751803</c:v>
                </c:pt>
                <c:pt idx="3900">
                  <c:v>1.765800181074116</c:v>
                </c:pt>
                <c:pt idx="3901">
                  <c:v>1.7770027516226352</c:v>
                </c:pt>
                <c:pt idx="3902">
                  <c:v>1.780466697866975</c:v>
                </c:pt>
                <c:pt idx="3903">
                  <c:v>1.7794594477914887</c:v>
                </c:pt>
                <c:pt idx="3904">
                  <c:v>1.7796559659895663</c:v>
                </c:pt>
                <c:pt idx="3905">
                  <c:v>1.7774448797265479</c:v>
                </c:pt>
                <c:pt idx="3906">
                  <c:v>1.7716224510641878</c:v>
                </c:pt>
                <c:pt idx="3907">
                  <c:v>1.7783537271055032</c:v>
                </c:pt>
                <c:pt idx="3908">
                  <c:v>1.7737350439342641</c:v>
                </c:pt>
                <c:pt idx="3909">
                  <c:v>1.7713519325188289</c:v>
                </c:pt>
                <c:pt idx="3910">
                  <c:v>1.7658733879361388</c:v>
                </c:pt>
                <c:pt idx="3911">
                  <c:v>1.7691652107787754</c:v>
                </c:pt>
                <c:pt idx="3912">
                  <c:v>1.7722850612772132</c:v>
                </c:pt>
                <c:pt idx="3913">
                  <c:v>1.7757488412344808</c:v>
                </c:pt>
                <c:pt idx="3914">
                  <c:v>1.7778368428715183</c:v>
                </c:pt>
                <c:pt idx="3915">
                  <c:v>1.7725301723837406</c:v>
                </c:pt>
                <c:pt idx="3916">
                  <c:v>1.7728984663655354</c:v>
                </c:pt>
                <c:pt idx="3917">
                  <c:v>1.7736106670856258</c:v>
                </c:pt>
                <c:pt idx="3918">
                  <c:v>1.7753546788408316</c:v>
                </c:pt>
                <c:pt idx="3919">
                  <c:v>1.7750350307614307</c:v>
                </c:pt>
                <c:pt idx="3920">
                  <c:v>1.7750593121408593</c:v>
                </c:pt>
                <c:pt idx="3921">
                  <c:v>1.7764593264613584</c:v>
                </c:pt>
                <c:pt idx="3922">
                  <c:v>1.7721843612065344</c:v>
                </c:pt>
                <c:pt idx="3923">
                  <c:v>1.7799471988523572</c:v>
                </c:pt>
                <c:pt idx="3924">
                  <c:v>1.7730926569160559</c:v>
                </c:pt>
                <c:pt idx="3925">
                  <c:v>1.7789637994566865</c:v>
                </c:pt>
                <c:pt idx="3926">
                  <c:v>1.7815675215039302</c:v>
                </c:pt>
                <c:pt idx="3927">
                  <c:v>1.7858909059510741</c:v>
                </c:pt>
                <c:pt idx="3928">
                  <c:v>1.775940862809732</c:v>
                </c:pt>
                <c:pt idx="3929">
                  <c:v>1.7720097136587012</c:v>
                </c:pt>
                <c:pt idx="3930">
                  <c:v>1.7770209418558456</c:v>
                </c:pt>
                <c:pt idx="3931">
                  <c:v>1.7813442658799878</c:v>
                </c:pt>
                <c:pt idx="3932">
                  <c:v>1.781368358313719</c:v>
                </c:pt>
                <c:pt idx="3933">
                  <c:v>1.7731379247021504</c:v>
                </c:pt>
                <c:pt idx="3934">
                  <c:v>1.7809005810170593</c:v>
                </c:pt>
                <c:pt idx="3935">
                  <c:v>1.7888352019994744</c:v>
                </c:pt>
                <c:pt idx="3936">
                  <c:v>1.7912667930921398</c:v>
                </c:pt>
                <c:pt idx="3937">
                  <c:v>1.7813165912785094</c:v>
                </c:pt>
                <c:pt idx="3938">
                  <c:v>1.7760095504522115</c:v>
                </c:pt>
                <c:pt idx="3939">
                  <c:v>1.7768933758366061</c:v>
                </c:pt>
                <c:pt idx="3940">
                  <c:v>1.7753696119275639</c:v>
                </c:pt>
                <c:pt idx="3941">
                  <c:v>1.7790049182998493</c:v>
                </c:pt>
                <c:pt idx="3942">
                  <c:v>1.7783409553792564</c:v>
                </c:pt>
                <c:pt idx="3943">
                  <c:v>1.7879951405122849</c:v>
                </c:pt>
                <c:pt idx="3944">
                  <c:v>1.790254630861873</c:v>
                </c:pt>
                <c:pt idx="3945">
                  <c:v>1.7944057709374928</c:v>
                </c:pt>
                <c:pt idx="3946">
                  <c:v>1.7884107276269972</c:v>
                </c:pt>
                <c:pt idx="3947">
                  <c:v>1.7886065354214438</c:v>
                </c:pt>
                <c:pt idx="3948">
                  <c:v>1.7932735319209325</c:v>
                </c:pt>
                <c:pt idx="3949">
                  <c:v>1.7941571985711302</c:v>
                </c:pt>
                <c:pt idx="3950">
                  <c:v>1.7950408426246112</c:v>
                </c:pt>
                <c:pt idx="3951">
                  <c:v>1.7979881011335388</c:v>
                </c:pt>
                <c:pt idx="3952">
                  <c:v>1.7928528058794573</c:v>
                </c:pt>
                <c:pt idx="3953">
                  <c:v>1.7961439787414644</c:v>
                </c:pt>
                <c:pt idx="3954">
                  <c:v>1.7899768346878913</c:v>
                </c:pt>
                <c:pt idx="3955">
                  <c:v>1.784325577269688</c:v>
                </c:pt>
                <c:pt idx="3956">
                  <c:v>1.78778866948195</c:v>
                </c:pt>
                <c:pt idx="3957">
                  <c:v>1.7898759834977997</c:v>
                </c:pt>
                <c:pt idx="3958">
                  <c:v>1.7940269195219714</c:v>
                </c:pt>
                <c:pt idx="3959">
                  <c:v>1.7964581402761164</c:v>
                </c:pt>
                <c:pt idx="3960">
                  <c:v>1.7901189332438419</c:v>
                </c:pt>
                <c:pt idx="3961">
                  <c:v>1.7916902850336609</c:v>
                </c:pt>
                <c:pt idx="3962">
                  <c:v>1.7920578232945734</c:v>
                </c:pt>
                <c:pt idx="3963">
                  <c:v>1.7941450541049782</c:v>
                </c:pt>
                <c:pt idx="3964">
                  <c:v>1.802423143635109</c:v>
                </c:pt>
                <c:pt idx="3965">
                  <c:v>1.7996952109643904</c:v>
                </c:pt>
                <c:pt idx="3966">
                  <c:v>1.7962793740587608</c:v>
                </c:pt>
                <c:pt idx="3967">
                  <c:v>1.7983665293404134</c:v>
                </c:pt>
                <c:pt idx="3968">
                  <c:v>1.8014854881043063</c:v>
                </c:pt>
                <c:pt idx="3969">
                  <c:v>1.800649144736618</c:v>
                </c:pt>
                <c:pt idx="3970">
                  <c:v>1.799640821595673</c:v>
                </c:pt>
                <c:pt idx="3971">
                  <c:v>1.8118740846727803</c:v>
                </c:pt>
                <c:pt idx="3972">
                  <c:v>1.801235472272056</c:v>
                </c:pt>
                <c:pt idx="3973">
                  <c:v>1.8045263202366117</c:v>
                </c:pt>
                <c:pt idx="3974">
                  <c:v>1.8117724248297711</c:v>
                </c:pt>
                <c:pt idx="3975">
                  <c:v>1.8088723687573494</c:v>
                </c:pt>
                <c:pt idx="3976">
                  <c:v>1.8070040935085423</c:v>
                </c:pt>
                <c:pt idx="3977">
                  <c:v>1.8010085589516143</c:v>
                </c:pt>
                <c:pt idx="3978">
                  <c:v>1.8000001149027571</c:v>
                </c:pt>
                <c:pt idx="3979">
                  <c:v>1.8017431366741317</c:v>
                </c:pt>
                <c:pt idx="3980">
                  <c:v>1.8019384381163954</c:v>
                </c:pt>
                <c:pt idx="3981">
                  <c:v>1.8035094724997294</c:v>
                </c:pt>
                <c:pt idx="3982">
                  <c:v>1.8040486731893222</c:v>
                </c:pt>
                <c:pt idx="3983">
                  <c:v>1.8075113421929376</c:v>
                </c:pt>
                <c:pt idx="3984">
                  <c:v>1.7977323796612497</c:v>
                </c:pt>
                <c:pt idx="3985">
                  <c:v>1.8023987942178947</c:v>
                </c:pt>
                <c:pt idx="3986">
                  <c:v>1.809128808186145</c:v>
                </c:pt>
                <c:pt idx="3987">
                  <c:v>1.8076043112148459</c:v>
                </c:pt>
                <c:pt idx="3988">
                  <c:v>1.8119267283367841</c:v>
                </c:pt>
                <c:pt idx="3989">
                  <c:v>1.8177968657878332</c:v>
                </c:pt>
                <c:pt idx="3990">
                  <c:v>1.8111132531560465</c:v>
                </c:pt>
                <c:pt idx="3991">
                  <c:v>1.8073530863034746</c:v>
                </c:pt>
                <c:pt idx="3992">
                  <c:v>1.8068603247766302</c:v>
                </c:pt>
                <c:pt idx="3993">
                  <c:v>1.8089470719553864</c:v>
                </c:pt>
                <c:pt idx="3994">
                  <c:v>1.8106898745695623</c:v>
                </c:pt>
                <c:pt idx="3995">
                  <c:v>1.806757682502665</c:v>
                </c:pt>
                <c:pt idx="3996">
                  <c:v>1.8052330344119532</c:v>
                </c:pt>
                <c:pt idx="3997">
                  <c:v>1.8073197362734581</c:v>
                </c:pt>
                <c:pt idx="3998">
                  <c:v>1.8054511208976316</c:v>
                </c:pt>
                <c:pt idx="3999">
                  <c:v>1.8094294347207924</c:v>
                </c:pt>
                <c:pt idx="4000">
                  <c:v>1.8063570133689346</c:v>
                </c:pt>
                <c:pt idx="4001">
                  <c:v>1.8089595564866492</c:v>
                </c:pt>
                <c:pt idx="4002">
                  <c:v>1.8089825380286368</c:v>
                </c:pt>
                <c:pt idx="4003">
                  <c:v>1.8022987063015605</c:v>
                </c:pt>
                <c:pt idx="4004">
                  <c:v>1.8014618188173133</c:v>
                </c:pt>
                <c:pt idx="4005">
                  <c:v>1.811802895604705</c:v>
                </c:pt>
                <c:pt idx="4006">
                  <c:v>1.8070106833921595</c:v>
                </c:pt>
                <c:pt idx="4007">
                  <c:v>1.8004987861210886</c:v>
                </c:pt>
                <c:pt idx="4008">
                  <c:v>1.7932989770622312</c:v>
                </c:pt>
                <c:pt idx="4009">
                  <c:v>1.8055316431526531</c:v>
                </c:pt>
                <c:pt idx="4010">
                  <c:v>1.8057264760690188</c:v>
                </c:pt>
                <c:pt idx="4011">
                  <c:v>1.8011061605481029</c:v>
                </c:pt>
                <c:pt idx="4012">
                  <c:v>1.8061160965225902</c:v>
                </c:pt>
                <c:pt idx="4013">
                  <c:v>1.7989162118730719</c:v>
                </c:pt>
                <c:pt idx="4014">
                  <c:v>1.8015185509393385</c:v>
                </c:pt>
                <c:pt idx="4015">
                  <c:v>1.7972420969013756</c:v>
                </c:pt>
                <c:pt idx="4016">
                  <c:v>1.8001883352149712</c:v>
                </c:pt>
                <c:pt idx="4017">
                  <c:v>1.7957399013418429</c:v>
                </c:pt>
                <c:pt idx="4018">
                  <c:v>1.7974823260646233</c:v>
                </c:pt>
                <c:pt idx="4019">
                  <c:v>1.7969891489439163</c:v>
                </c:pt>
                <c:pt idx="4020">
                  <c:v>1.7989035081846105</c:v>
                </c:pt>
                <c:pt idx="4021">
                  <c:v>1.7990981672610289</c:v>
                </c:pt>
                <c:pt idx="4022">
                  <c:v>1.8015284131370932</c:v>
                </c:pt>
                <c:pt idx="4023">
                  <c:v>1.7965639641678079</c:v>
                </c:pt>
                <c:pt idx="4024">
                  <c:v>1.7995100966792419</c:v>
                </c:pt>
                <c:pt idx="4025">
                  <c:v>1.7976410580947684</c:v>
                </c:pt>
                <c:pt idx="4026">
                  <c:v>1.7990394173450563</c:v>
                </c:pt>
                <c:pt idx="4027">
                  <c:v>1.7987180915987273</c:v>
                </c:pt>
                <c:pt idx="4028">
                  <c:v>1.7987406725906938</c:v>
                </c:pt>
                <c:pt idx="4029">
                  <c:v>1.7899928182433653</c:v>
                </c:pt>
                <c:pt idx="4030">
                  <c:v>1.7917350691881071</c:v>
                </c:pt>
                <c:pt idx="4031">
                  <c:v>1.795196974917965</c:v>
                </c:pt>
                <c:pt idx="4032">
                  <c:v>1.7890286141704868</c:v>
                </c:pt>
                <c:pt idx="4033">
                  <c:v>1.7844079585844601</c:v>
                </c:pt>
                <c:pt idx="4034">
                  <c:v>1.7809910788248726</c:v>
                </c:pt>
                <c:pt idx="4035">
                  <c:v>1.784108994672899</c:v>
                </c:pt>
                <c:pt idx="4036">
                  <c:v>1.782239789863262</c:v>
                </c:pt>
                <c:pt idx="4037">
                  <c:v>1.7814023884739567</c:v>
                </c:pt>
                <c:pt idx="4038">
                  <c:v>1.7805649795936851</c:v>
                </c:pt>
                <c:pt idx="4039">
                  <c:v>1.7814472406661888</c:v>
                </c:pt>
                <c:pt idx="4040">
                  <c:v>1.7821575067358677</c:v>
                </c:pt>
                <c:pt idx="4041">
                  <c:v>1.7828677803584219</c:v>
                </c:pt>
                <c:pt idx="4042">
                  <c:v>1.7873613384511071</c:v>
                </c:pt>
                <c:pt idx="4043">
                  <c:v>1.7897912593678109</c:v>
                </c:pt>
                <c:pt idx="4044">
                  <c:v>1.7877499613679719</c:v>
                </c:pt>
                <c:pt idx="4045">
                  <c:v>1.7786579357459893</c:v>
                </c:pt>
                <c:pt idx="4046">
                  <c:v>1.7819476576511424</c:v>
                </c:pt>
                <c:pt idx="4047">
                  <c:v>1.778702538507613</c:v>
                </c:pt>
                <c:pt idx="4048">
                  <c:v>1.7782089154577245</c:v>
                </c:pt>
                <c:pt idx="4049">
                  <c:v>1.77668345116122</c:v>
                </c:pt>
                <c:pt idx="4050">
                  <c:v>1.777049629099781</c:v>
                </c:pt>
                <c:pt idx="4051">
                  <c:v>1.7781036810617521</c:v>
                </c:pt>
                <c:pt idx="4052">
                  <c:v>1.7793296750945127</c:v>
                </c:pt>
                <c:pt idx="4053">
                  <c:v>1.768001926597313</c:v>
                </c:pt>
                <c:pt idx="4054">
                  <c:v>1.7719794016179642</c:v>
                </c:pt>
                <c:pt idx="4055">
                  <c:v>1.771657629942454</c:v>
                </c:pt>
                <c:pt idx="4056">
                  <c:v>1.7732275080548845</c:v>
                </c:pt>
                <c:pt idx="4057">
                  <c:v>1.7711860211093475</c:v>
                </c:pt>
                <c:pt idx="4058">
                  <c:v>1.7675968062818248</c:v>
                </c:pt>
                <c:pt idx="4059">
                  <c:v>1.7695105685358339</c:v>
                </c:pt>
                <c:pt idx="4060">
                  <c:v>1.7686728119756676</c:v>
                </c:pt>
                <c:pt idx="4061">
                  <c:v>1.7614722094191702</c:v>
                </c:pt>
                <c:pt idx="4062">
                  <c:v>1.7604624579366606</c:v>
                </c:pt>
                <c:pt idx="4063">
                  <c:v>1.761516328518191</c:v>
                </c:pt>
                <c:pt idx="4064">
                  <c:v>1.7605065392465418</c:v>
                </c:pt>
                <c:pt idx="4065">
                  <c:v>1.7648277925323195</c:v>
                </c:pt>
                <c:pt idx="4066">
                  <c:v>1.7633020788671154</c:v>
                </c:pt>
                <c:pt idx="4067">
                  <c:v>1.7633240628104878</c:v>
                </c:pt>
                <c:pt idx="4068">
                  <c:v>1.760422555775021</c:v>
                </c:pt>
                <c:pt idx="4069">
                  <c:v>1.7564892301144184</c:v>
                </c:pt>
                <c:pt idx="4070">
                  <c:v>1.7637338686325914</c:v>
                </c:pt>
                <c:pt idx="4071">
                  <c:v>1.7561891703673371</c:v>
                </c:pt>
                <c:pt idx="4072">
                  <c:v>1.7495043032772695</c:v>
                </c:pt>
                <c:pt idx="4073">
                  <c:v>1.7555451131545947</c:v>
                </c:pt>
                <c:pt idx="4074">
                  <c:v>1.7612419557963324</c:v>
                </c:pt>
                <c:pt idx="4075">
                  <c:v>1.7545570433580588</c:v>
                </c:pt>
                <c:pt idx="4076">
                  <c:v>1.751139528748356</c:v>
                </c:pt>
                <c:pt idx="4077">
                  <c:v>1.758556026212355</c:v>
                </c:pt>
                <c:pt idx="4078">
                  <c:v>1.7523869626141209</c:v>
                </c:pt>
                <c:pt idx="4079">
                  <c:v>1.7537845208200842</c:v>
                </c:pt>
                <c:pt idx="4080">
                  <c:v>1.7491631548799536</c:v>
                </c:pt>
                <c:pt idx="4081">
                  <c:v>1.7486690330740937</c:v>
                </c:pt>
                <c:pt idx="4082">
                  <c:v>1.7461112589741203</c:v>
                </c:pt>
                <c:pt idx="4083">
                  <c:v>1.7488845123196328</c:v>
                </c:pt>
                <c:pt idx="4084">
                  <c:v>1.7471865542952865</c:v>
                </c:pt>
                <c:pt idx="4085">
                  <c:v>1.743424959088768</c:v>
                </c:pt>
                <c:pt idx="4086">
                  <c:v>1.7408671245286478</c:v>
                </c:pt>
                <c:pt idx="4087">
                  <c:v>1.7501751357483522</c:v>
                </c:pt>
                <c:pt idx="4088">
                  <c:v>1.7489930341169204</c:v>
                </c:pt>
                <c:pt idx="4089">
                  <c:v>1.7452313784502551</c:v>
                </c:pt>
                <c:pt idx="4090">
                  <c:v>1.7394060704894763</c:v>
                </c:pt>
                <c:pt idx="4091">
                  <c:v>1.7383958806863784</c:v>
                </c:pt>
                <c:pt idx="4092">
                  <c:v>1.7423727813232521</c:v>
                </c:pt>
                <c:pt idx="4093">
                  <c:v>1.7425663521665526</c:v>
                </c:pt>
                <c:pt idx="4094">
                  <c:v>1.7384606763632187</c:v>
                </c:pt>
                <c:pt idx="4095">
                  <c:v>1.7412337558935471</c:v>
                </c:pt>
                <c:pt idx="4096">
                  <c:v>1.7393636442126608</c:v>
                </c:pt>
                <c:pt idx="4097">
                  <c:v>1.7440283433008565</c:v>
                </c:pt>
                <c:pt idx="4098">
                  <c:v>1.7349355165974043</c:v>
                </c:pt>
                <c:pt idx="4099">
                  <c:v>1.7339252134330787</c:v>
                </c:pt>
                <c:pt idx="4100">
                  <c:v>1.728959615751956</c:v>
                </c:pt>
                <c:pt idx="4101">
                  <c:v>1.7303568414394932</c:v>
                </c:pt>
                <c:pt idx="4102">
                  <c:v>1.7319260318502543</c:v>
                </c:pt>
                <c:pt idx="4103">
                  <c:v>1.7295399126260862</c:v>
                </c:pt>
                <c:pt idx="4104">
                  <c:v>1.7372999465703416</c:v>
                </c:pt>
                <c:pt idx="4105">
                  <c:v>1.7380092453395786</c:v>
                </c:pt>
                <c:pt idx="4106">
                  <c:v>1.732355682944825</c:v>
                </c:pt>
                <c:pt idx="4107">
                  <c:v>1.7334088809304367</c:v>
                </c:pt>
                <c:pt idx="4108">
                  <c:v>1.7322264770168427</c:v>
                </c:pt>
                <c:pt idx="4109">
                  <c:v>1.7277766450384142</c:v>
                </c:pt>
                <c:pt idx="4110">
                  <c:v>1.7305494902996028</c:v>
                </c:pt>
                <c:pt idx="4111">
                  <c:v>1.7345261113191308</c:v>
                </c:pt>
                <c:pt idx="4112">
                  <c:v>1.7297322969869824</c:v>
                </c:pt>
                <c:pt idx="4113">
                  <c:v>1.7371482654463637</c:v>
                </c:pt>
                <c:pt idx="4114">
                  <c:v>1.7216923433097813</c:v>
                </c:pt>
                <c:pt idx="4115">
                  <c:v>1.7208537781586062</c:v>
                </c:pt>
                <c:pt idx="4116">
                  <c:v>1.729129540022607</c:v>
                </c:pt>
                <c:pt idx="4117">
                  <c:v>1.7291507833941837</c:v>
                </c:pt>
                <c:pt idx="4118">
                  <c:v>1.72263719331948</c:v>
                </c:pt>
                <c:pt idx="4119">
                  <c:v>1.7303970081065367</c:v>
                </c:pt>
                <c:pt idx="4120">
                  <c:v>1.734717430105535</c:v>
                </c:pt>
                <c:pt idx="4121">
                  <c:v>1.7311272630647476</c:v>
                </c:pt>
                <c:pt idx="4122">
                  <c:v>1.7234098292124913</c:v>
                </c:pt>
                <c:pt idx="4123">
                  <c:v>1.72824611516347</c:v>
                </c:pt>
                <c:pt idx="4124">
                  <c:v>1.7256877289277248</c:v>
                </c:pt>
                <c:pt idx="4125">
                  <c:v>1.7220975014267907</c:v>
                </c:pt>
                <c:pt idx="4126">
                  <c:v>1.7226345180601275</c:v>
                </c:pt>
                <c:pt idx="4127">
                  <c:v>1.7236874288755182</c:v>
                </c:pt>
                <c:pt idx="4128">
                  <c:v>1.7230206319613759</c:v>
                </c:pt>
                <c:pt idx="4129">
                  <c:v>1.7233856385232829</c:v>
                </c:pt>
                <c:pt idx="4130">
                  <c:v>1.7196233707270365</c:v>
                </c:pt>
                <c:pt idx="4131">
                  <c:v>1.7213640951056906</c:v>
                </c:pt>
                <c:pt idx="4132">
                  <c:v>1.7253404062777997</c:v>
                </c:pt>
                <c:pt idx="4133">
                  <c:v>1.7257053448266846</c:v>
                </c:pt>
                <c:pt idx="4134">
                  <c:v>1.7255543665225082</c:v>
                </c:pt>
                <c:pt idx="4135">
                  <c:v>1.7171488697197164</c:v>
                </c:pt>
                <c:pt idx="4136">
                  <c:v>1.7180296797796479</c:v>
                </c:pt>
                <c:pt idx="4137">
                  <c:v>1.7178786561272656</c:v>
                </c:pt>
                <c:pt idx="4138">
                  <c:v>1.7173836879103033</c:v>
                </c:pt>
                <c:pt idx="4139">
                  <c:v>1.7253151726912974</c:v>
                </c:pt>
                <c:pt idx="4140">
                  <c:v>1.7184573282045943</c:v>
                </c:pt>
                <c:pt idx="4141">
                  <c:v>1.7146949017051052</c:v>
                </c:pt>
                <c:pt idx="4142">
                  <c:v>1.714715774769116</c:v>
                </c:pt>
                <c:pt idx="4143">
                  <c:v>1.7162843606031712</c:v>
                </c:pt>
                <c:pt idx="4144">
                  <c:v>1.7176809514839291</c:v>
                </c:pt>
                <c:pt idx="4145">
                  <c:v>1.7204532904053165</c:v>
                </c:pt>
                <c:pt idx="4146">
                  <c:v>1.7154870050163336</c:v>
                </c:pt>
                <c:pt idx="4147">
                  <c:v>1.7136161527265061</c:v>
                </c:pt>
                <c:pt idx="4148">
                  <c:v>1.7162164740235888</c:v>
                </c:pt>
                <c:pt idx="4149">
                  <c:v>1.7213963191258315</c:v>
                </c:pt>
                <c:pt idx="4150">
                  <c:v>1.7198693584995035</c:v>
                </c:pt>
                <c:pt idx="4151">
                  <c:v>1.7169666347206047</c:v>
                </c:pt>
                <c:pt idx="4152">
                  <c:v>1.7162994826170286</c:v>
                </c:pt>
                <c:pt idx="4153">
                  <c:v>1.7159762599660915</c:v>
                </c:pt>
                <c:pt idx="4154">
                  <c:v>1.7165128685089137</c:v>
                </c:pt>
                <c:pt idx="4155">
                  <c:v>1.7146419028640494</c:v>
                </c:pt>
                <c:pt idx="4156">
                  <c:v>1.7165542292236187</c:v>
                </c:pt>
                <c:pt idx="4157">
                  <c:v>1.7064287224029409</c:v>
                </c:pt>
                <c:pt idx="4158">
                  <c:v>1.7074811722267362</c:v>
                </c:pt>
                <c:pt idx="4159">
                  <c:v>1.7138646570612741</c:v>
                </c:pt>
                <c:pt idx="4160">
                  <c:v>1.7183564618777978</c:v>
                </c:pt>
                <c:pt idx="4161">
                  <c:v>1.7132179926022013</c:v>
                </c:pt>
                <c:pt idx="4162">
                  <c:v>1.7122067599018098</c:v>
                </c:pt>
                <c:pt idx="4163">
                  <c:v>1.7127432399714628</c:v>
                </c:pt>
                <c:pt idx="4164">
                  <c:v>1.7137956142231698</c:v>
                </c:pt>
                <c:pt idx="4165">
                  <c:v>1.7145040363450397</c:v>
                </c:pt>
                <c:pt idx="4166">
                  <c:v>1.7114291211204611</c:v>
                </c:pt>
                <c:pt idx="4167">
                  <c:v>1.7143730998119033</c:v>
                </c:pt>
                <c:pt idx="4168">
                  <c:v>1.7180049525267558</c:v>
                </c:pt>
                <c:pt idx="4169">
                  <c:v>1.7178534603299029</c:v>
                </c:pt>
                <c:pt idx="4170">
                  <c:v>1.711683051546022</c:v>
                </c:pt>
                <c:pt idx="4171">
                  <c:v>1.7084361035790063</c:v>
                </c:pt>
                <c:pt idx="4172">
                  <c:v>1.7094883569104196</c:v>
                </c:pt>
                <c:pt idx="4173">
                  <c:v>1.7150117913939997</c:v>
                </c:pt>
                <c:pt idx="4174">
                  <c:v>1.71537614047812</c:v>
                </c:pt>
                <c:pt idx="4175">
                  <c:v>1.7105814041689713</c:v>
                </c:pt>
                <c:pt idx="4176">
                  <c:v>1.7135252619401196</c:v>
                </c:pt>
                <c:pt idx="4177">
                  <c:v>1.7145774397056355</c:v>
                </c:pt>
                <c:pt idx="4178">
                  <c:v>1.710986448924753</c:v>
                </c:pt>
                <c:pt idx="4179">
                  <c:v>1.71117875770737</c:v>
                </c:pt>
                <c:pt idx="4180">
                  <c:v>1.711543023666527</c:v>
                </c:pt>
                <c:pt idx="4181">
                  <c:v>1.7137989318483677</c:v>
                </c:pt>
                <c:pt idx="4182">
                  <c:v>1.7084881955488125</c:v>
                </c:pt>
                <c:pt idx="4183">
                  <c:v>1.7138395141588012</c:v>
                </c:pt>
                <c:pt idx="4184">
                  <c:v>1.7107643419878844</c:v>
                </c:pt>
                <c:pt idx="4185">
                  <c:v>1.7126762526978732</c:v>
                </c:pt>
                <c:pt idx="4186">
                  <c:v>1.7126964909551043</c:v>
                </c:pt>
                <c:pt idx="4187">
                  <c:v>1.7111690013303498</c:v>
                </c:pt>
                <c:pt idx="4188">
                  <c:v>1.7113611816397978</c:v>
                </c:pt>
                <c:pt idx="4189">
                  <c:v>1.7117253191195947</c:v>
                </c:pt>
                <c:pt idx="4190">
                  <c:v>1.7158727486162071</c:v>
                </c:pt>
                <c:pt idx="4191">
                  <c:v>1.7141732338018905</c:v>
                </c:pt>
                <c:pt idx="4192">
                  <c:v>1.715053235233668</c:v>
                </c:pt>
                <c:pt idx="4193">
                  <c:v>1.7104302142604715</c:v>
                </c:pt>
                <c:pt idx="4194">
                  <c:v>1.7106223038858901</c:v>
                </c:pt>
                <c:pt idx="4195">
                  <c:v>1.7094386379054218</c:v>
                </c:pt>
                <c:pt idx="4196">
                  <c:v>1.707911012248432</c:v>
                </c:pt>
                <c:pt idx="4197">
                  <c:v>1.711886386325409</c:v>
                </c:pt>
                <c:pt idx="4198">
                  <c:v>1.7082951008152396</c:v>
                </c:pt>
                <c:pt idx="4199">
                  <c:v>1.7076272836748108</c:v>
                </c:pt>
                <c:pt idx="4200">
                  <c:v>1.7073033884341458</c:v>
                </c:pt>
                <c:pt idx="4201">
                  <c:v>1.7064635687813532</c:v>
                </c:pt>
                <c:pt idx="4202">
                  <c:v>1.7075153989103105</c:v>
                </c:pt>
                <c:pt idx="4203">
                  <c:v>1.7083952340859703</c:v>
                </c:pt>
                <c:pt idx="4204">
                  <c:v>1.7078993212148095</c:v>
                </c:pt>
                <c:pt idx="4205">
                  <c:v>1.7068874688257707</c:v>
                </c:pt>
                <c:pt idx="4206">
                  <c:v>1.7110346867118686</c:v>
                </c:pt>
                <c:pt idx="4207">
                  <c:v>1.7089910006105162</c:v>
                </c:pt>
                <c:pt idx="4208">
                  <c:v>1.7021321736841897</c:v>
                </c:pt>
                <c:pt idx="4209">
                  <c:v>1.7045596536162528</c:v>
                </c:pt>
                <c:pt idx="4210">
                  <c:v>1.7061272721269598</c:v>
                </c:pt>
                <c:pt idx="4211">
                  <c:v>1.7056312458989047</c:v>
                </c:pt>
                <c:pt idx="4212">
                  <c:v>1.7068549047281374</c:v>
                </c:pt>
                <c:pt idx="4213">
                  <c:v>1.708250505612682</c:v>
                </c:pt>
                <c:pt idx="4214">
                  <c:v>1.7077544491502199</c:v>
                </c:pt>
                <c:pt idx="4215">
                  <c:v>1.7069144330112362</c:v>
                </c:pt>
                <c:pt idx="4216">
                  <c:v>1.7067622757837215</c:v>
                </c:pt>
                <c:pt idx="4217">
                  <c:v>1.7088457053434709</c:v>
                </c:pt>
                <c:pt idx="4218">
                  <c:v>1.7117889585379134</c:v>
                </c:pt>
                <c:pt idx="4219">
                  <c:v>1.7090572321570328</c:v>
                </c:pt>
                <c:pt idx="4220">
                  <c:v>1.7101088053458429</c:v>
                </c:pt>
                <c:pt idx="4221">
                  <c:v>1.7121921744516362</c:v>
                </c:pt>
                <c:pt idx="4222">
                  <c:v>1.7132437174041817</c:v>
                </c:pt>
                <c:pt idx="4223">
                  <c:v>1.7082763362168241</c:v>
                </c:pt>
                <c:pt idx="4224">
                  <c:v>1.7093278489454873</c:v>
                </c:pt>
                <c:pt idx="4225">
                  <c:v>1.7043604375243417</c:v>
                </c:pt>
                <c:pt idx="4226">
                  <c:v>1.70214452219498</c:v>
                </c:pt>
                <c:pt idx="4227">
                  <c:v>1.7090429338832707</c:v>
                </c:pt>
                <c:pt idx="4228">
                  <c:v>1.7133618066513647</c:v>
                </c:pt>
                <c:pt idx="4229">
                  <c:v>1.708738279344558</c:v>
                </c:pt>
                <c:pt idx="4230">
                  <c:v>1.7070382052955504</c:v>
                </c:pt>
                <c:pt idx="4231">
                  <c:v>1.7092934106575894</c:v>
                </c:pt>
                <c:pt idx="4232">
                  <c:v>1.71068874703673</c:v>
                </c:pt>
                <c:pt idx="4233">
                  <c:v>1.7043454666552798</c:v>
                </c:pt>
                <c:pt idx="4234">
                  <c:v>1.7096960748833057</c:v>
                </c:pt>
                <c:pt idx="4235">
                  <c:v>1.7098875901620918</c:v>
                </c:pt>
                <c:pt idx="4236">
                  <c:v>1.7019965516673441</c:v>
                </c:pt>
                <c:pt idx="4237">
                  <c:v>1.704595603350249</c:v>
                </c:pt>
                <c:pt idx="4238">
                  <c:v>1.7020355847505879</c:v>
                </c:pt>
                <c:pt idx="4239">
                  <c:v>1.7082459561568744</c:v>
                </c:pt>
                <c:pt idx="4240">
                  <c:v>1.7082654311341572</c:v>
                </c:pt>
                <c:pt idx="4241">
                  <c:v>1.7069091429526784</c:v>
                </c:pt>
                <c:pt idx="4242">
                  <c:v>1.7033172528620886</c:v>
                </c:pt>
                <c:pt idx="4243">
                  <c:v>1.6995533678151677</c:v>
                </c:pt>
                <c:pt idx="4244">
                  <c:v>1.7052477694697263</c:v>
                </c:pt>
                <c:pt idx="4245">
                  <c:v>1.7073307984992654</c:v>
                </c:pt>
                <c:pt idx="4246">
                  <c:v>1.7001275055537064</c:v>
                </c:pt>
                <c:pt idx="4247">
                  <c:v>1.7042741339785688</c:v>
                </c:pt>
                <c:pt idx="4248">
                  <c:v>1.7053253217453952</c:v>
                </c:pt>
                <c:pt idx="4249">
                  <c:v>1.7082681441826493</c:v>
                </c:pt>
                <c:pt idx="4250">
                  <c:v>1.70244053882234</c:v>
                </c:pt>
                <c:pt idx="4251">
                  <c:v>1.7072749959256881</c:v>
                </c:pt>
                <c:pt idx="4252">
                  <c:v>1.705746591872475</c:v>
                </c:pt>
                <c:pt idx="4253">
                  <c:v>1.7073136058027616</c:v>
                </c:pt>
                <c:pt idx="4254">
                  <c:v>1.706473045547219</c:v>
                </c:pt>
                <c:pt idx="4255">
                  <c:v>1.7040847498407188</c:v>
                </c:pt>
                <c:pt idx="4256">
                  <c:v>1.7011805372842528</c:v>
                </c:pt>
                <c:pt idx="4257">
                  <c:v>1.7034353723387259</c:v>
                </c:pt>
                <c:pt idx="4258">
                  <c:v>1.7074098924498677</c:v>
                </c:pt>
                <c:pt idx="4259">
                  <c:v>1.7005503475842456</c:v>
                </c:pt>
                <c:pt idx="4260">
                  <c:v>1.7052127114882289</c:v>
                </c:pt>
                <c:pt idx="4261">
                  <c:v>1.707295521359331</c:v>
                </c:pt>
                <c:pt idx="4262">
                  <c:v>1.7057669737166741</c:v>
                </c:pt>
                <c:pt idx="4263">
                  <c:v>1.7040664537911077</c:v>
                </c:pt>
                <c:pt idx="4264">
                  <c:v>1.7085567849543872</c:v>
                </c:pt>
                <c:pt idx="4265">
                  <c:v>1.7042766958791697</c:v>
                </c:pt>
                <c:pt idx="4266">
                  <c:v>1.7024041583255838</c:v>
                </c:pt>
                <c:pt idx="4267">
                  <c:v>1.7020793259873104</c:v>
                </c:pt>
                <c:pt idx="4268">
                  <c:v>1.7024423525567911</c:v>
                </c:pt>
                <c:pt idx="4269">
                  <c:v>1.7067606509745383</c:v>
                </c:pt>
                <c:pt idx="4270">
                  <c:v>1.7088433474906035</c:v>
                </c:pt>
                <c:pt idx="4271">
                  <c:v>1.7083464899652443</c:v>
                </c:pt>
                <c:pt idx="4272">
                  <c:v>1.7044102396580172</c:v>
                </c:pt>
                <c:pt idx="4273">
                  <c:v>1.7018497298385447</c:v>
                </c:pt>
                <c:pt idx="4274">
                  <c:v>1.7032444843119867</c:v>
                </c:pt>
                <c:pt idx="4275">
                  <c:v>1.7061869591151584</c:v>
                </c:pt>
                <c:pt idx="4276">
                  <c:v>1.704658214985691</c:v>
                </c:pt>
                <c:pt idx="4277">
                  <c:v>1.7053650576509169</c:v>
                </c:pt>
                <c:pt idx="4278">
                  <c:v>1.703492353838737</c:v>
                </c:pt>
                <c:pt idx="4279">
                  <c:v>1.7047150831275697</c:v>
                </c:pt>
                <c:pt idx="4280">
                  <c:v>1.7061097544723338</c:v>
                </c:pt>
                <c:pt idx="4281">
                  <c:v>1.7075044258146215</c:v>
                </c:pt>
                <c:pt idx="4282">
                  <c:v>1.7008165358317382</c:v>
                </c:pt>
                <c:pt idx="4283">
                  <c:v>1.7006634490607282</c:v>
                </c:pt>
                <c:pt idx="4284">
                  <c:v>1.7027459490844115</c:v>
                </c:pt>
                <c:pt idx="4285">
                  <c:v>1.7063761618824731</c:v>
                </c:pt>
                <c:pt idx="4286">
                  <c:v>1.6976245818126223</c:v>
                </c:pt>
                <c:pt idx="4287">
                  <c:v>1.6976434144252979</c:v>
                </c:pt>
                <c:pt idx="4288">
                  <c:v>1.7028213022061218</c:v>
                </c:pt>
                <c:pt idx="4289">
                  <c:v>1.7004325379542844</c:v>
                </c:pt>
                <c:pt idx="4290">
                  <c:v>1.7038907104504712</c:v>
                </c:pt>
                <c:pt idx="4291">
                  <c:v>1.7037375178779186</c:v>
                </c:pt>
                <c:pt idx="4292">
                  <c:v>1.7025524991576904</c:v>
                </c:pt>
                <c:pt idx="4293">
                  <c:v>1.7018833746182778</c:v>
                </c:pt>
                <c:pt idx="4294">
                  <c:v>1.7008702979533616</c:v>
                </c:pt>
                <c:pt idx="4295">
                  <c:v>1.7055321781946182</c:v>
                </c:pt>
                <c:pt idx="4296">
                  <c:v>1.6976403235188413</c:v>
                </c:pt>
                <c:pt idx="4297">
                  <c:v>1.6978309848286968</c:v>
                </c:pt>
                <c:pt idx="4298">
                  <c:v>1.7078238698487653</c:v>
                </c:pt>
                <c:pt idx="4299">
                  <c:v>1.7066387528866795</c:v>
                </c:pt>
                <c:pt idx="4300">
                  <c:v>1.7044218173316503</c:v>
                </c:pt>
                <c:pt idx="4301">
                  <c:v>1.7039245517176338</c:v>
                </c:pt>
                <c:pt idx="4302">
                  <c:v>1.7025674171262903</c:v>
                </c:pt>
                <c:pt idx="4303">
                  <c:v>1.7003504437846599</c:v>
                </c:pt>
                <c:pt idx="4304">
                  <c:v>1.697789510760193</c:v>
                </c:pt>
                <c:pt idx="4305">
                  <c:v>1.6991838495865308</c:v>
                </c:pt>
                <c:pt idx="4306">
                  <c:v>1.7026417953655861</c:v>
                </c:pt>
                <c:pt idx="4307">
                  <c:v>1.7004247615664709</c:v>
                </c:pt>
                <c:pt idx="4308">
                  <c:v>1.7054304125599717</c:v>
                </c:pt>
                <c:pt idx="4309">
                  <c:v>1.7016656282032818</c:v>
                </c:pt>
                <c:pt idx="4310">
                  <c:v>1.7044356546162931</c:v>
                </c:pt>
                <c:pt idx="4311">
                  <c:v>1.7025625049275546</c:v>
                </c:pt>
                <c:pt idx="4312">
                  <c:v>1.7051605288275831</c:v>
                </c:pt>
                <c:pt idx="4313">
                  <c:v>1.7020835655926037</c:v>
                </c:pt>
                <c:pt idx="4314">
                  <c:v>1.7000384133907585</c:v>
                </c:pt>
                <c:pt idx="4315">
                  <c:v>1.7017765531979281</c:v>
                </c:pt>
                <c:pt idx="4316">
                  <c:v>1.7062661890973767</c:v>
                </c:pt>
                <c:pt idx="4317">
                  <c:v>1.7033611376863977</c:v>
                </c:pt>
                <c:pt idx="4318">
                  <c:v>1.7014878897539445</c:v>
                </c:pt>
                <c:pt idx="4319">
                  <c:v>1.7042577952509954</c:v>
                </c:pt>
                <c:pt idx="4320">
                  <c:v>1.7032443709538543</c:v>
                </c:pt>
                <c:pt idx="4321">
                  <c:v>1.7027468332797011</c:v>
                </c:pt>
                <c:pt idx="4322">
                  <c:v>1.7025932250600442</c:v>
                </c:pt>
                <c:pt idx="4323">
                  <c:v>1.6986562870455759</c:v>
                </c:pt>
                <c:pt idx="4324">
                  <c:v>1.7003943059369711</c:v>
                </c:pt>
                <c:pt idx="4325">
                  <c:v>1.6998967153626037</c:v>
                </c:pt>
                <c:pt idx="4326">
                  <c:v>1.7018066914241001</c:v>
                </c:pt>
                <c:pt idx="4327">
                  <c:v>1.7037166372566992</c:v>
                </c:pt>
                <c:pt idx="4328">
                  <c:v>1.7078621698846106</c:v>
                </c:pt>
                <c:pt idx="4329">
                  <c:v>1.7053009043411602</c:v>
                </c:pt>
                <c:pt idx="4330">
                  <c:v>1.7018797773775918</c:v>
                </c:pt>
                <c:pt idx="4331">
                  <c:v>1.6993184816065443</c:v>
                </c:pt>
                <c:pt idx="4332">
                  <c:v>1.6974450447432512</c:v>
                </c:pt>
                <c:pt idx="4333">
                  <c:v>1.7010746076170205</c:v>
                </c:pt>
                <c:pt idx="4334">
                  <c:v>1.7017806870016787</c:v>
                </c:pt>
                <c:pt idx="4335">
                  <c:v>1.7014549326814523</c:v>
                </c:pt>
                <c:pt idx="4336">
                  <c:v>1.7013011355309557</c:v>
                </c:pt>
                <c:pt idx="4337">
                  <c:v>1.7042427714814719</c:v>
                </c:pt>
                <c:pt idx="4338">
                  <c:v>1.7049487904090788</c:v>
                </c:pt>
                <c:pt idx="4339">
                  <c:v>1.7030752628592798</c:v>
                </c:pt>
                <c:pt idx="4340">
                  <c:v>1.7041251961257271</c:v>
                </c:pt>
                <c:pt idx="4341">
                  <c:v>1.7032834569375599</c:v>
                </c:pt>
                <c:pt idx="4342">
                  <c:v>1.7053651785668771</c:v>
                </c:pt>
                <c:pt idx="4343">
                  <c:v>1.7019438853440954</c:v>
                </c:pt>
                <c:pt idx="4344">
                  <c:v>1.7033376951645773</c:v>
                </c:pt>
                <c:pt idx="4345">
                  <c:v>1.7092026936863867</c:v>
                </c:pt>
                <c:pt idx="4346">
                  <c:v>1.7021700202825529</c:v>
                </c:pt>
                <c:pt idx="4347">
                  <c:v>1.7001244146473735</c:v>
                </c:pt>
                <c:pt idx="4348">
                  <c:v>1.6984227384660715</c:v>
                </c:pt>
                <c:pt idx="4349">
                  <c:v>1.6994725583743864</c:v>
                </c:pt>
                <c:pt idx="4350">
                  <c:v>1.6986306982708781</c:v>
                </c:pt>
                <c:pt idx="4351">
                  <c:v>1.6946933823947306</c:v>
                </c:pt>
                <c:pt idx="4352">
                  <c:v>1.6983226958793702</c:v>
                </c:pt>
                <c:pt idx="4353">
                  <c:v>1.698512609023076</c:v>
                </c:pt>
                <c:pt idx="4354">
                  <c:v>1.69646692025829</c:v>
                </c:pt>
                <c:pt idx="4355">
                  <c:v>1.699236349650566</c:v>
                </c:pt>
                <c:pt idx="4356">
                  <c:v>1.703725448984474</c:v>
                </c:pt>
                <c:pt idx="4357">
                  <c:v>1.7047751555346566</c:v>
                </c:pt>
                <c:pt idx="4358">
                  <c:v>1.6960226232571132</c:v>
                </c:pt>
                <c:pt idx="4359">
                  <c:v>1.6965564053970255</c:v>
                </c:pt>
                <c:pt idx="4360">
                  <c:v>1.7017333182954348</c:v>
                </c:pt>
                <c:pt idx="4361">
                  <c:v>1.7034708610817455</c:v>
                </c:pt>
                <c:pt idx="4362">
                  <c:v>1.695234177642384</c:v>
                </c:pt>
                <c:pt idx="4363">
                  <c:v>1.6950800253018348</c:v>
                </c:pt>
                <c:pt idx="4364">
                  <c:v>1.6992250818237331</c:v>
                </c:pt>
                <c:pt idx="4365">
                  <c:v>1.7006186271407298</c:v>
                </c:pt>
                <c:pt idx="4366">
                  <c:v>1.6996045907076929</c:v>
                </c:pt>
                <c:pt idx="4367">
                  <c:v>1.6999662947623486</c:v>
                </c:pt>
                <c:pt idx="4368">
                  <c:v>1.700156018975586</c:v>
                </c:pt>
                <c:pt idx="4369">
                  <c:v>1.7029252594368987</c:v>
                </c:pt>
                <c:pt idx="4370">
                  <c:v>1.7005354145013518</c:v>
                </c:pt>
                <c:pt idx="4371">
                  <c:v>1.7012410026668174</c:v>
                </c:pt>
                <c:pt idx="4372">
                  <c:v>1.6995390166389011</c:v>
                </c:pt>
                <c:pt idx="4373">
                  <c:v>1.7004165468594932</c:v>
                </c:pt>
                <c:pt idx="4374">
                  <c:v>1.7004342156589147</c:v>
                </c:pt>
                <c:pt idx="4375">
                  <c:v>1.6977003732543017</c:v>
                </c:pt>
                <c:pt idx="4376">
                  <c:v>1.6978899916662442</c:v>
                </c:pt>
                <c:pt idx="4377">
                  <c:v>1.6970477839298916</c:v>
                </c:pt>
                <c:pt idx="4378">
                  <c:v>1.6948298130347774</c:v>
                </c:pt>
                <c:pt idx="4379">
                  <c:v>1.6951913583876146</c:v>
                </c:pt>
                <c:pt idx="4380">
                  <c:v>1.7007119589085997</c:v>
                </c:pt>
                <c:pt idx="4381">
                  <c:v>1.7026211943617122</c:v>
                </c:pt>
                <c:pt idx="4382">
                  <c:v>1.7005751352926415</c:v>
                </c:pt>
                <c:pt idx="4383">
                  <c:v>1.7014525445972735</c:v>
                </c:pt>
                <c:pt idx="4384">
                  <c:v>1.6990625182880956</c:v>
                </c:pt>
                <c:pt idx="4385">
                  <c:v>1.6995959603531157</c:v>
                </c:pt>
                <c:pt idx="4386">
                  <c:v>1.7011611983373476</c:v>
                </c:pt>
                <c:pt idx="4387">
                  <c:v>1.7006627915823225</c:v>
                </c:pt>
                <c:pt idx="4388">
                  <c:v>1.7013681681453221</c:v>
                </c:pt>
                <c:pt idx="4389">
                  <c:v>1.6972583887645964</c:v>
                </c:pt>
                <c:pt idx="4390">
                  <c:v>1.6983076721098467</c:v>
                </c:pt>
                <c:pt idx="4391">
                  <c:v>1.6955736181024579</c:v>
                </c:pt>
                <c:pt idx="4392">
                  <c:v>1.6935274305625085</c:v>
                </c:pt>
                <c:pt idx="4393">
                  <c:v>1.6935448575281524</c:v>
                </c:pt>
                <c:pt idx="4394">
                  <c:v>1.6963137730296094</c:v>
                </c:pt>
                <c:pt idx="4395">
                  <c:v>1.6999425272797439</c:v>
                </c:pt>
                <c:pt idx="4396">
                  <c:v>1.7028833848357083</c:v>
                </c:pt>
                <c:pt idx="4397">
                  <c:v>1.702040912596428</c:v>
                </c:pt>
                <c:pt idx="4398">
                  <c:v>1.7001666217666809</c:v>
                </c:pt>
                <c:pt idx="4399">
                  <c:v>1.7010438194690323</c:v>
                </c:pt>
                <c:pt idx="4400">
                  <c:v>1.7022649390686713</c:v>
                </c:pt>
                <c:pt idx="4401">
                  <c:v>1.7019383232241627</c:v>
                </c:pt>
                <c:pt idx="4402">
                  <c:v>1.6997200349252255</c:v>
                </c:pt>
                <c:pt idx="4403">
                  <c:v>1.7018009630449542</c:v>
                </c:pt>
                <c:pt idx="4404">
                  <c:v>1.69837886875618</c:v>
                </c:pt>
                <c:pt idx="4405">
                  <c:v>1.6970203965351602</c:v>
                </c:pt>
                <c:pt idx="4406">
                  <c:v>1.6989293145848832</c:v>
                </c:pt>
                <c:pt idx="4407">
                  <c:v>1.7013541192575941</c:v>
                </c:pt>
                <c:pt idx="4408">
                  <c:v>1.698963798216653</c:v>
                </c:pt>
                <c:pt idx="4409">
                  <c:v>1.6921022582461682</c:v>
                </c:pt>
                <c:pt idx="4410">
                  <c:v>1.6934952216543091</c:v>
                </c:pt>
                <c:pt idx="4411">
                  <c:v>1.6964358902796195</c:v>
                </c:pt>
                <c:pt idx="4412">
                  <c:v>1.700408354824142</c:v>
                </c:pt>
                <c:pt idx="4413">
                  <c:v>1.695438434404962</c:v>
                </c:pt>
                <c:pt idx="4414">
                  <c:v>1.6964874003468229</c:v>
                </c:pt>
                <c:pt idx="4415">
                  <c:v>1.6999439253669668</c:v>
                </c:pt>
                <c:pt idx="4416">
                  <c:v>1.6978974355361265</c:v>
                </c:pt>
                <c:pt idx="4417">
                  <c:v>1.7004940840204967</c:v>
                </c:pt>
                <c:pt idx="4418">
                  <c:v>1.7025748232095095</c:v>
                </c:pt>
                <c:pt idx="4419">
                  <c:v>1.69794875667249</c:v>
                </c:pt>
                <c:pt idx="4420">
                  <c:v>1.6977938637236187</c:v>
                </c:pt>
                <c:pt idx="4421">
                  <c:v>1.697810935502305</c:v>
                </c:pt>
                <c:pt idx="4422">
                  <c:v>1.697656027439016</c:v>
                </c:pt>
                <c:pt idx="4423">
                  <c:v>1.698876852306892</c:v>
                </c:pt>
                <c:pt idx="4424">
                  <c:v>1.6930469419935581</c:v>
                </c:pt>
                <c:pt idx="4425">
                  <c:v>1.6932359255981022</c:v>
                </c:pt>
                <c:pt idx="4426">
                  <c:v>1.6996157829626235</c:v>
                </c:pt>
                <c:pt idx="4427">
                  <c:v>1.6998047438957888</c:v>
                </c:pt>
                <c:pt idx="4428">
                  <c:v>1.6991338509648066</c:v>
                </c:pt>
                <c:pt idx="4429">
                  <c:v>1.6993227892267169</c:v>
                </c:pt>
                <c:pt idx="4430">
                  <c:v>1.6986518660666519</c:v>
                </c:pt>
                <c:pt idx="4431">
                  <c:v>1.6974650336119723</c:v>
                </c:pt>
                <c:pt idx="4432">
                  <c:v>1.6976539265300106</c:v>
                </c:pt>
                <c:pt idx="4433">
                  <c:v>1.6969829655839015</c:v>
                </c:pt>
                <c:pt idx="4434">
                  <c:v>1.6940763951720916</c:v>
                </c:pt>
                <c:pt idx="4435">
                  <c:v>1.6975326783608724</c:v>
                </c:pt>
                <c:pt idx="4436">
                  <c:v>1.7020207423546951</c:v>
                </c:pt>
                <c:pt idx="4437">
                  <c:v>1.6994580787251981</c:v>
                </c:pt>
                <c:pt idx="4438">
                  <c:v>1.6967234276970122</c:v>
                </c:pt>
                <c:pt idx="4439">
                  <c:v>1.6963963357471097</c:v>
                </c:pt>
                <c:pt idx="4440">
                  <c:v>1.6965851304214332</c:v>
                </c:pt>
                <c:pt idx="4441">
                  <c:v>1.7017610155369662</c:v>
                </c:pt>
                <c:pt idx="4442">
                  <c:v>1.6964467878026013</c:v>
                </c:pt>
                <c:pt idx="4443">
                  <c:v>1.6961196429522369</c:v>
                </c:pt>
                <c:pt idx="4444">
                  <c:v>1.6978561050552095</c:v>
                </c:pt>
                <c:pt idx="4445">
                  <c:v>1.700796342918379</c:v>
                </c:pt>
                <c:pt idx="4446">
                  <c:v>1.6975456843506875</c:v>
                </c:pt>
                <c:pt idx="4447">
                  <c:v>1.6960147108390455</c:v>
                </c:pt>
                <c:pt idx="4448">
                  <c:v>1.6951715886785683</c:v>
                </c:pt>
                <c:pt idx="4449">
                  <c:v>1.698455718209571</c:v>
                </c:pt>
                <c:pt idx="4450">
                  <c:v>1.6974406086505285</c:v>
                </c:pt>
                <c:pt idx="4451">
                  <c:v>1.6971133579986217</c:v>
                </c:pt>
                <c:pt idx="4452">
                  <c:v>1.6957542887562478</c:v>
                </c:pt>
                <c:pt idx="4453">
                  <c:v>1.6978345896265916</c:v>
                </c:pt>
                <c:pt idx="4454">
                  <c:v>1.6997428955404188</c:v>
                </c:pt>
                <c:pt idx="4455">
                  <c:v>1.6971800051940999</c:v>
                </c:pt>
                <c:pt idx="4456">
                  <c:v>1.7039034217079041</c:v>
                </c:pt>
                <c:pt idx="4457">
                  <c:v>1.7009965716787487</c:v>
                </c:pt>
                <c:pt idx="4458">
                  <c:v>1.6963700139219176</c:v>
                </c:pt>
                <c:pt idx="4459">
                  <c:v>1.703437322103555</c:v>
                </c:pt>
                <c:pt idx="4460">
                  <c:v>1.7024220916285524</c:v>
                </c:pt>
                <c:pt idx="4461">
                  <c:v>1.7003750274479223</c:v>
                </c:pt>
                <c:pt idx="4462">
                  <c:v>1.7027991519707246</c:v>
                </c:pt>
                <c:pt idx="4463">
                  <c:v>1.7009240374027395</c:v>
                </c:pt>
                <c:pt idx="4464">
                  <c:v>1.6971572503801395</c:v>
                </c:pt>
                <c:pt idx="4465">
                  <c:v>1.6949381761294418</c:v>
                </c:pt>
                <c:pt idx="4466">
                  <c:v>1.6935789255146751</c:v>
                </c:pt>
                <c:pt idx="4467">
                  <c:v>1.6996143319748149</c:v>
                </c:pt>
                <c:pt idx="4468">
                  <c:v>1.7025542826633062</c:v>
                </c:pt>
                <c:pt idx="4469">
                  <c:v>1.7010230295343187</c:v>
                </c:pt>
                <c:pt idx="4470">
                  <c:v>1.6989758519956799</c:v>
                </c:pt>
                <c:pt idx="4471">
                  <c:v>1.6946930725479306</c:v>
                </c:pt>
                <c:pt idx="4472">
                  <c:v>1.6940216279398377</c:v>
                </c:pt>
                <c:pt idx="4473">
                  <c:v>1.6961016794210522</c:v>
                </c:pt>
                <c:pt idx="4474">
                  <c:v>1.6980097435037018</c:v>
                </c:pt>
                <c:pt idx="4475">
                  <c:v>1.6976821981206507</c:v>
                </c:pt>
                <c:pt idx="4476">
                  <c:v>1.6933993582158497</c:v>
                </c:pt>
                <c:pt idx="4477">
                  <c:v>1.6966831401133891</c:v>
                </c:pt>
                <c:pt idx="4478">
                  <c:v>1.6991070530342207</c:v>
                </c:pt>
                <c:pt idx="4479">
                  <c:v>1.7022188399766052</c:v>
                </c:pt>
                <c:pt idx="4480">
                  <c:v>1.6941526324897107</c:v>
                </c:pt>
                <c:pt idx="4481">
                  <c:v>1.6927932005013133</c:v>
                </c:pt>
                <c:pt idx="4482">
                  <c:v>1.694701166339629</c:v>
                </c:pt>
                <c:pt idx="4483">
                  <c:v>1.6957492707572075</c:v>
                </c:pt>
                <c:pt idx="4484">
                  <c:v>1.7005806898553035</c:v>
                </c:pt>
                <c:pt idx="4485">
                  <c:v>1.6995651419766638</c:v>
                </c:pt>
                <c:pt idx="4486">
                  <c:v>1.6944223348490877</c:v>
                </c:pt>
                <c:pt idx="4487">
                  <c:v>1.7004574919217077</c:v>
                </c:pt>
                <c:pt idx="4488">
                  <c:v>1.6996138785411092</c:v>
                </c:pt>
                <c:pt idx="4489">
                  <c:v>1.6956748245024131</c:v>
                </c:pt>
                <c:pt idx="4490">
                  <c:v>1.6955190624726699</c:v>
                </c:pt>
                <c:pt idx="4491">
                  <c:v>1.6991466075661115</c:v>
                </c:pt>
                <c:pt idx="4492">
                  <c:v>1.6998506691713708</c:v>
                </c:pt>
                <c:pt idx="4493">
                  <c:v>1.6953956529362366</c:v>
                </c:pt>
                <c:pt idx="4494">
                  <c:v>1.6985072509484005</c:v>
                </c:pt>
                <c:pt idx="4495">
                  <c:v>1.6978355191657533</c:v>
                </c:pt>
                <c:pt idx="4496">
                  <c:v>1.7014630038015242</c:v>
                </c:pt>
                <c:pt idx="4497">
                  <c:v>1.7052624456070251</c:v>
                </c:pt>
                <c:pt idx="4498">
                  <c:v>1.7049346206060094</c:v>
                </c:pt>
                <c:pt idx="4499">
                  <c:v>1.6973840881408748</c:v>
                </c:pt>
                <c:pt idx="4500">
                  <c:v>1.6965403311729992</c:v>
                </c:pt>
                <c:pt idx="4501">
                  <c:v>1.6962124683859394</c:v>
                </c:pt>
                <c:pt idx="4502">
                  <c:v>1.6948527718939952</c:v>
                </c:pt>
                <c:pt idx="4503">
                  <c:v>1.6950407957305424</c:v>
                </c:pt>
                <c:pt idx="4504">
                  <c:v>1.6981522803839548</c:v>
                </c:pt>
                <c:pt idx="4505">
                  <c:v>1.6973084554011999</c:v>
                </c:pt>
                <c:pt idx="4506">
                  <c:v>1.7002479526562331</c:v>
                </c:pt>
                <c:pt idx="4507">
                  <c:v>1.7014677270688012</c:v>
                </c:pt>
                <c:pt idx="4508">
                  <c:v>1.7040632570837273</c:v>
                </c:pt>
                <c:pt idx="4509">
                  <c:v>1.6944489740782884</c:v>
                </c:pt>
                <c:pt idx="4510">
                  <c:v>1.6934331239078286</c:v>
                </c:pt>
                <c:pt idx="4511">
                  <c:v>1.6949967975481008</c:v>
                </c:pt>
                <c:pt idx="4512">
                  <c:v>1.6987960655377987</c:v>
                </c:pt>
                <c:pt idx="4513">
                  <c:v>1.6994998701969677</c:v>
                </c:pt>
                <c:pt idx="4514">
                  <c:v>1.6976241283788547</c:v>
                </c:pt>
                <c:pt idx="4515">
                  <c:v>1.6957483790040901</c:v>
                </c:pt>
                <c:pt idx="4516">
                  <c:v>1.6983438032174736</c:v>
                </c:pt>
                <c:pt idx="4517">
                  <c:v>1.69595211431864</c:v>
                </c:pt>
                <c:pt idx="4518">
                  <c:v>1.697859641837606</c:v>
                </c:pt>
                <c:pt idx="4519">
                  <c:v>1.6987353507667238</c:v>
                </c:pt>
                <c:pt idx="4520">
                  <c:v>1.6970314981033994</c:v>
                </c:pt>
                <c:pt idx="4521">
                  <c:v>1.6979071843602718</c:v>
                </c:pt>
                <c:pt idx="4522">
                  <c:v>1.69861087566137</c:v>
                </c:pt>
                <c:pt idx="4523">
                  <c:v>1.6998304687004933</c:v>
                </c:pt>
                <c:pt idx="4524">
                  <c:v>1.7001902003185696</c:v>
                </c:pt>
                <c:pt idx="4525">
                  <c:v>1.7050211206398309</c:v>
                </c:pt>
                <c:pt idx="4526">
                  <c:v>1.7024573687697251</c:v>
                </c:pt>
                <c:pt idx="4527">
                  <c:v>1.6990337479204349</c:v>
                </c:pt>
                <c:pt idx="4528">
                  <c:v>1.6993934341954442</c:v>
                </c:pt>
                <c:pt idx="4529">
                  <c:v>1.6954538889366266</c:v>
                </c:pt>
                <c:pt idx="4530">
                  <c:v>1.6975332451533915</c:v>
                </c:pt>
                <c:pt idx="4531">
                  <c:v>1.696173201028603</c:v>
                </c:pt>
                <c:pt idx="4532">
                  <c:v>1.6944692198927285</c:v>
                </c:pt>
                <c:pt idx="4533">
                  <c:v>1.6960326290269774</c:v>
                </c:pt>
                <c:pt idx="4534">
                  <c:v>1.7010354007173545</c:v>
                </c:pt>
                <c:pt idx="4535">
                  <c:v>1.7017389408736574</c:v>
                </c:pt>
                <c:pt idx="4536">
                  <c:v>1.7014106624388741</c:v>
                </c:pt>
                <c:pt idx="4537">
                  <c:v>1.7003944873104782</c:v>
                </c:pt>
                <c:pt idx="4538">
                  <c:v>1.6998942139201068</c:v>
                </c:pt>
                <c:pt idx="4539">
                  <c:v>1.7011136180286377</c:v>
                </c:pt>
                <c:pt idx="4540">
                  <c:v>1.7013011884320366</c:v>
                </c:pt>
                <c:pt idx="4541">
                  <c:v>1.7001129956756211</c:v>
                </c:pt>
                <c:pt idx="4542">
                  <c:v>1.7027081175998469</c:v>
                </c:pt>
                <c:pt idx="4543">
                  <c:v>1.6946411543908317</c:v>
                </c:pt>
                <c:pt idx="4544">
                  <c:v>1.6946567071662111</c:v>
                </c:pt>
                <c:pt idx="4545">
                  <c:v>1.7013790429966773</c:v>
                </c:pt>
                <c:pt idx="4546">
                  <c:v>1.7031142657136884</c:v>
                </c:pt>
                <c:pt idx="4547">
                  <c:v>1.7012381384772444</c:v>
                </c:pt>
                <c:pt idx="4548">
                  <c:v>1.6947188275818417</c:v>
                </c:pt>
                <c:pt idx="4549">
                  <c:v>1.6940464458767592</c:v>
                </c:pt>
                <c:pt idx="4550">
                  <c:v>1.7002528195111588</c:v>
                </c:pt>
                <c:pt idx="4551">
                  <c:v>1.6992364781237352</c:v>
                </c:pt>
                <c:pt idx="4552">
                  <c:v>1.6985640737470262</c:v>
                </c:pt>
                <c:pt idx="4553">
                  <c:v>1.6999552687664454</c:v>
                </c:pt>
                <c:pt idx="4554">
                  <c:v>1.7006585897630733</c:v>
                </c:pt>
                <c:pt idx="4555">
                  <c:v>1.6986103919987672</c:v>
                </c:pt>
                <c:pt idx="4556">
                  <c:v>1.697422025426363</c:v>
                </c:pt>
                <c:pt idx="4557">
                  <c:v>1.7000169659772675</c:v>
                </c:pt>
                <c:pt idx="4558">
                  <c:v>1.6936695140065179</c:v>
                </c:pt>
                <c:pt idx="4559">
                  <c:v>1.6921371726376027</c:v>
                </c:pt>
                <c:pt idx="4560">
                  <c:v>1.6985153900833518</c:v>
                </c:pt>
                <c:pt idx="4561">
                  <c:v>1.6954353057124611</c:v>
                </c:pt>
                <c:pt idx="4562">
                  <c:v>1.6990620043966573</c:v>
                </c:pt>
                <c:pt idx="4563">
                  <c:v>1.6995932473082143</c:v>
                </c:pt>
                <c:pt idx="4564">
                  <c:v>1.7015002307075258</c:v>
                </c:pt>
                <c:pt idx="4565">
                  <c:v>1.696356471369038</c:v>
                </c:pt>
                <c:pt idx="4566">
                  <c:v>1.6980914598119565</c:v>
                </c:pt>
                <c:pt idx="4567">
                  <c:v>1.6999984054248523</c:v>
                </c:pt>
                <c:pt idx="4568">
                  <c:v>1.7005295878784292</c:v>
                </c:pt>
                <c:pt idx="4569">
                  <c:v>1.6984812314121807</c:v>
                </c:pt>
                <c:pt idx="4570">
                  <c:v>1.6941972579223417</c:v>
                </c:pt>
                <c:pt idx="4571">
                  <c:v>1.698683689554725</c:v>
                </c:pt>
                <c:pt idx="4572">
                  <c:v>1.6999027006873448</c:v>
                </c:pt>
                <c:pt idx="4573">
                  <c:v>1.6969944525710285</c:v>
                </c:pt>
                <c:pt idx="4574">
                  <c:v>1.6980414687474412</c:v>
                </c:pt>
                <c:pt idx="4575">
                  <c:v>1.6994324068210793</c:v>
                </c:pt>
                <c:pt idx="4576">
                  <c:v>1.6953203451577792</c:v>
                </c:pt>
                <c:pt idx="4577">
                  <c:v>1.6986029254572583</c:v>
                </c:pt>
                <c:pt idx="4578">
                  <c:v>1.6936309872605988</c:v>
                </c:pt>
                <c:pt idx="4579">
                  <c:v>1.6974294541812087</c:v>
                </c:pt>
                <c:pt idx="4580">
                  <c:v>1.6969286744570413</c:v>
                </c:pt>
                <c:pt idx="4581">
                  <c:v>1.695568055982525</c:v>
                </c:pt>
                <c:pt idx="4582">
                  <c:v>1.6957551351661122</c:v>
                </c:pt>
                <c:pt idx="4583">
                  <c:v>1.6981778011437734</c:v>
                </c:pt>
                <c:pt idx="4584">
                  <c:v>1.6980209206440289</c:v>
                </c:pt>
                <c:pt idx="4585">
                  <c:v>1.6947685919294733</c:v>
                </c:pt>
                <c:pt idx="4586">
                  <c:v>1.6951275980533358</c:v>
                </c:pt>
                <c:pt idx="4587">
                  <c:v>1.6977221834146827</c:v>
                </c:pt>
                <c:pt idx="4588">
                  <c:v>1.6979091945827713</c:v>
                </c:pt>
                <c:pt idx="4589">
                  <c:v>1.6917333521533648</c:v>
                </c:pt>
                <c:pt idx="4590">
                  <c:v>1.6963915293505356</c:v>
                </c:pt>
                <c:pt idx="4591">
                  <c:v>1.7036292303553426</c:v>
                </c:pt>
                <c:pt idx="4592">
                  <c:v>1.6990010704659075</c:v>
                </c:pt>
                <c:pt idx="4593">
                  <c:v>1.69712439910919</c:v>
                </c:pt>
                <c:pt idx="4594">
                  <c:v>1.6997189013409923</c:v>
                </c:pt>
                <c:pt idx="4595">
                  <c:v>1.698874025903363</c:v>
                </c:pt>
                <c:pt idx="4596">
                  <c:v>1.7007806389982041</c:v>
                </c:pt>
                <c:pt idx="4597">
                  <c:v>1.7006236073542831</c:v>
                </c:pt>
                <c:pt idx="4598">
                  <c:v>1.6954794701541158</c:v>
                </c:pt>
                <c:pt idx="4599">
                  <c:v>1.6960102898607405</c:v>
                </c:pt>
                <c:pt idx="4600">
                  <c:v>1.6965411020101564</c:v>
                </c:pt>
                <c:pt idx="4601">
                  <c:v>1.6987915916584129</c:v>
                </c:pt>
                <c:pt idx="4602">
                  <c:v>1.6962269404779808</c:v>
                </c:pt>
                <c:pt idx="4603">
                  <c:v>1.697273624136586</c:v>
                </c:pt>
                <c:pt idx="4604">
                  <c:v>1.6953968243066997</c:v>
                </c:pt>
                <c:pt idx="4605">
                  <c:v>1.7040101222122936</c:v>
                </c:pt>
                <c:pt idx="4606">
                  <c:v>1.7007575441092275</c:v>
                </c:pt>
                <c:pt idx="4607">
                  <c:v>1.6992246510615918</c:v>
                </c:pt>
                <c:pt idx="4608">
                  <c:v>1.7018190021488462</c:v>
                </c:pt>
                <c:pt idx="4609">
                  <c:v>1.7026936455084247</c:v>
                </c:pt>
                <c:pt idx="4610">
                  <c:v>1.6999569313566583</c:v>
                </c:pt>
                <c:pt idx="4611">
                  <c:v>1.6961883986145485</c:v>
                </c:pt>
                <c:pt idx="4612">
                  <c:v>1.693967571086451</c:v>
                </c:pt>
                <c:pt idx="4613">
                  <c:v>1.6975936803071208</c:v>
                </c:pt>
                <c:pt idx="4614">
                  <c:v>1.7022515854466311</c:v>
                </c:pt>
                <c:pt idx="4615">
                  <c:v>1.6998587554054891</c:v>
                </c:pt>
                <c:pt idx="4616">
                  <c:v>1.6948863788876842</c:v>
                </c:pt>
                <c:pt idx="4617">
                  <c:v>1.695932903844285</c:v>
                </c:pt>
                <c:pt idx="4618">
                  <c:v>1.6923362526966597</c:v>
                </c:pt>
                <c:pt idx="4619">
                  <c:v>1.6954463770518649</c:v>
                </c:pt>
                <c:pt idx="4620">
                  <c:v>1.6970087735182744</c:v>
                </c:pt>
                <c:pt idx="4621">
                  <c:v>1.6922083163822359</c:v>
                </c:pt>
                <c:pt idx="4622">
                  <c:v>1.698241878881442</c:v>
                </c:pt>
                <c:pt idx="4623">
                  <c:v>1.6944732101088924</c:v>
                </c:pt>
                <c:pt idx="4624">
                  <c:v>1.6986150925944179</c:v>
                </c:pt>
                <c:pt idx="4625">
                  <c:v>1.7000054714331791</c:v>
                </c:pt>
                <c:pt idx="4626">
                  <c:v>1.6927973872024302</c:v>
                </c:pt>
                <c:pt idx="4627">
                  <c:v>1.7034740577897449</c:v>
                </c:pt>
                <c:pt idx="4628">
                  <c:v>1.6940303489811066</c:v>
                </c:pt>
                <c:pt idx="4629">
                  <c:v>1.6957646119301206</c:v>
                </c:pt>
                <c:pt idx="4630">
                  <c:v>1.7005943155377279</c:v>
                </c:pt>
                <c:pt idx="4631">
                  <c:v>1.7031883945644739</c:v>
                </c:pt>
                <c:pt idx="4632">
                  <c:v>1.6982158366729763</c:v>
                </c:pt>
                <c:pt idx="4633">
                  <c:v>1.696854613620516</c:v>
                </c:pt>
                <c:pt idx="4634">
                  <c:v>1.6984168513849212</c:v>
                </c:pt>
                <c:pt idx="4635">
                  <c:v>1.6994631798542164</c:v>
                </c:pt>
                <c:pt idx="4636">
                  <c:v>1.6924269469968549</c:v>
                </c:pt>
                <c:pt idx="4637">
                  <c:v>1.6979444414951086</c:v>
                </c:pt>
                <c:pt idx="4638">
                  <c:v>1.6976149765760638</c:v>
                </c:pt>
                <c:pt idx="4639">
                  <c:v>1.6941900558837608</c:v>
                </c:pt>
                <c:pt idx="4640">
                  <c:v>1.694720414599409</c:v>
                </c:pt>
                <c:pt idx="4641">
                  <c:v>1.694390919451529</c:v>
                </c:pt>
                <c:pt idx="4642">
                  <c:v>1.6975007944151286</c:v>
                </c:pt>
                <c:pt idx="4643">
                  <c:v>1.7009545912760158</c:v>
                </c:pt>
                <c:pt idx="4644">
                  <c:v>1.7037204990003132</c:v>
                </c:pt>
                <c:pt idx="4645">
                  <c:v>1.7025311122016225</c:v>
                </c:pt>
                <c:pt idx="4646">
                  <c:v>1.6963546122907147</c:v>
                </c:pt>
                <c:pt idx="4647">
                  <c:v>1.6998083638081014</c:v>
                </c:pt>
                <c:pt idx="4648">
                  <c:v>1.6951795691115155</c:v>
                </c:pt>
                <c:pt idx="4649">
                  <c:v>1.6976014869236458</c:v>
                </c:pt>
                <c:pt idx="4650">
                  <c:v>1.7000233896211729</c:v>
                </c:pt>
                <c:pt idx="4651">
                  <c:v>1.700381655137023</c:v>
                </c:pt>
                <c:pt idx="4652">
                  <c:v>1.7007399130958503</c:v>
                </c:pt>
                <c:pt idx="4653">
                  <c:v>1.6952512116344074</c:v>
                </c:pt>
                <c:pt idx="4654">
                  <c:v>1.6947496006147931</c:v>
                </c:pt>
                <c:pt idx="4655">
                  <c:v>1.6990631077522409</c:v>
                </c:pt>
                <c:pt idx="4656">
                  <c:v>1.7018288794461605</c:v>
                </c:pt>
                <c:pt idx="4657">
                  <c:v>1.6994355884141656</c:v>
                </c:pt>
                <c:pt idx="4658">
                  <c:v>1.7009975541183722</c:v>
                </c:pt>
                <c:pt idx="4659">
                  <c:v>1.7020436105274068</c:v>
                </c:pt>
                <c:pt idx="4660">
                  <c:v>1.6975866369699253</c:v>
                </c:pt>
                <c:pt idx="4661">
                  <c:v>1.704995524307924</c:v>
                </c:pt>
                <c:pt idx="4662">
                  <c:v>1.7019142912388159</c:v>
                </c:pt>
                <c:pt idx="4663">
                  <c:v>1.6936739803311713</c:v>
                </c:pt>
                <c:pt idx="4664">
                  <c:v>1.692656346655715</c:v>
                </c:pt>
                <c:pt idx="4665">
                  <c:v>1.6957659646742145</c:v>
                </c:pt>
                <c:pt idx="4666">
                  <c:v>1.6952642251814312</c:v>
                </c:pt>
                <c:pt idx="4667">
                  <c:v>1.6988897147091202</c:v>
                </c:pt>
                <c:pt idx="4668">
                  <c:v>1.6999356728738213</c:v>
                </c:pt>
                <c:pt idx="4669">
                  <c:v>1.6963384549367724</c:v>
                </c:pt>
                <c:pt idx="4670">
                  <c:v>1.6954927255324412</c:v>
                </c:pt>
                <c:pt idx="4671">
                  <c:v>1.7032454365227747</c:v>
                </c:pt>
                <c:pt idx="4672">
                  <c:v>1.6979284957436322</c:v>
                </c:pt>
                <c:pt idx="4673">
                  <c:v>1.6969107713835272</c:v>
                </c:pt>
                <c:pt idx="4674">
                  <c:v>1.7013960316454475</c:v>
                </c:pt>
                <c:pt idx="4675">
                  <c:v>1.6962510253644085</c:v>
                </c:pt>
                <c:pt idx="4676">
                  <c:v>1.6978128021378371</c:v>
                </c:pt>
                <c:pt idx="4677">
                  <c:v>1.7012662286942537</c:v>
                </c:pt>
                <c:pt idx="4678">
                  <c:v>1.6983567865356621</c:v>
                </c:pt>
                <c:pt idx="4679">
                  <c:v>1.6992306515008746</c:v>
                </c:pt>
                <c:pt idx="4680">
                  <c:v>1.6978688994425586</c:v>
                </c:pt>
                <c:pt idx="4681">
                  <c:v>1.7021821269620419</c:v>
                </c:pt>
                <c:pt idx="4682">
                  <c:v>1.6997885487558022</c:v>
                </c:pt>
                <c:pt idx="4683">
                  <c:v>1.7011782776726239</c:v>
                </c:pt>
                <c:pt idx="4684">
                  <c:v>1.701880117453227</c:v>
                </c:pt>
                <c:pt idx="4685">
                  <c:v>1.6975948441197559</c:v>
                </c:pt>
                <c:pt idx="4686">
                  <c:v>1.6998443891147428</c:v>
                </c:pt>
                <c:pt idx="4687">
                  <c:v>1.7020939189953119</c:v>
                </c:pt>
                <c:pt idx="4688">
                  <c:v>1.7041714614763872</c:v>
                </c:pt>
                <c:pt idx="4689">
                  <c:v>1.7034975003115653</c:v>
                </c:pt>
                <c:pt idx="4690">
                  <c:v>1.6978364260326693</c:v>
                </c:pt>
                <c:pt idx="4691">
                  <c:v>1.7000859105698616</c:v>
                </c:pt>
                <c:pt idx="4692">
                  <c:v>1.7006156949362154</c:v>
                </c:pt>
                <c:pt idx="4693">
                  <c:v>1.6990818421205829</c:v>
                </c:pt>
                <c:pt idx="4694">
                  <c:v>1.7001275131109153</c:v>
                </c:pt>
                <c:pt idx="4695">
                  <c:v>1.701345141270606</c:v>
                </c:pt>
                <c:pt idx="4696">
                  <c:v>1.6960279359885357</c:v>
                </c:pt>
                <c:pt idx="4697">
                  <c:v>1.6962137304429084</c:v>
                </c:pt>
                <c:pt idx="4698">
                  <c:v>1.6977752578278267</c:v>
                </c:pt>
                <c:pt idx="4699">
                  <c:v>1.7001966315197456</c:v>
                </c:pt>
                <c:pt idx="4700">
                  <c:v>1.6984907384050243</c:v>
                </c:pt>
                <c:pt idx="4701">
                  <c:v>1.7010840465949848</c:v>
                </c:pt>
                <c:pt idx="4702">
                  <c:v>1.7016137251599817</c:v>
                </c:pt>
                <c:pt idx="4703">
                  <c:v>1.6981881016460199</c:v>
                </c:pt>
                <c:pt idx="4704">
                  <c:v>1.695278379870083</c:v>
                </c:pt>
                <c:pt idx="4705">
                  <c:v>1.6964959022284167</c:v>
                </c:pt>
                <c:pt idx="4706">
                  <c:v>1.6978853741998907</c:v>
                </c:pt>
                <c:pt idx="4707">
                  <c:v>1.6996187831822029</c:v>
                </c:pt>
                <c:pt idx="4708">
                  <c:v>1.7010082400388877</c:v>
                </c:pt>
                <c:pt idx="4709">
                  <c:v>1.7025696540656738</c:v>
                </c:pt>
                <c:pt idx="4710">
                  <c:v>1.7006916753081154</c:v>
                </c:pt>
                <c:pt idx="4711">
                  <c:v>1.6979538502442375</c:v>
                </c:pt>
                <c:pt idx="4712">
                  <c:v>1.6967637303950529</c:v>
                </c:pt>
                <c:pt idx="4713">
                  <c:v>1.6945417843975732</c:v>
                </c:pt>
                <c:pt idx="4714">
                  <c:v>1.6985107121593279</c:v>
                </c:pt>
                <c:pt idx="4715">
                  <c:v>1.7007599397499964</c:v>
                </c:pt>
                <c:pt idx="4716">
                  <c:v>1.6987099358078288</c:v>
                </c:pt>
                <c:pt idx="4717">
                  <c:v>1.6992394481142317</c:v>
                </c:pt>
                <c:pt idx="4718">
                  <c:v>1.6970174492162904</c:v>
                </c:pt>
                <c:pt idx="4719">
                  <c:v>1.6972030093965704</c:v>
                </c:pt>
                <c:pt idx="4720">
                  <c:v>1.6997961135412116</c:v>
                </c:pt>
                <c:pt idx="4721">
                  <c:v>1.6980899861525214</c:v>
                </c:pt>
                <c:pt idx="4722">
                  <c:v>1.6977596068087326</c:v>
                </c:pt>
                <c:pt idx="4723">
                  <c:v>1.7031041843711168</c:v>
                </c:pt>
                <c:pt idx="4724">
                  <c:v>1.7015699990376769</c:v>
                </c:pt>
                <c:pt idx="4725">
                  <c:v>1.698660058102065</c:v>
                </c:pt>
                <c:pt idx="4726">
                  <c:v>1.6969538778128512</c:v>
                </c:pt>
                <c:pt idx="4727">
                  <c:v>1.7007507048172892</c:v>
                </c:pt>
                <c:pt idx="4728">
                  <c:v>1.7028278165368427</c:v>
                </c:pt>
                <c:pt idx="4729">
                  <c:v>1.7002617672693114</c:v>
                </c:pt>
                <c:pt idx="4730">
                  <c:v>1.6983835769096585</c:v>
                </c:pt>
                <c:pt idx="4731">
                  <c:v>1.7014924769914626</c:v>
                </c:pt>
                <c:pt idx="4732">
                  <c:v>1.704945306526525</c:v>
                </c:pt>
                <c:pt idx="4733">
                  <c:v>1.7025511766424317</c:v>
                </c:pt>
                <c:pt idx="4734">
                  <c:v>1.700500983769796</c:v>
                </c:pt>
                <c:pt idx="4735">
                  <c:v>1.703265893939681</c:v>
                </c:pt>
                <c:pt idx="4736">
                  <c:v>1.7008717413839614</c:v>
                </c:pt>
                <c:pt idx="4737">
                  <c:v>1.7007131680651069</c:v>
                </c:pt>
                <c:pt idx="4738">
                  <c:v>1.7053697129033145</c:v>
                </c:pt>
                <c:pt idx="4739">
                  <c:v>1.7029755225615506</c:v>
                </c:pt>
                <c:pt idx="4740">
                  <c:v>1.6990336118906761</c:v>
                </c:pt>
                <c:pt idx="4741">
                  <c:v>1.7026583079089623</c:v>
                </c:pt>
                <c:pt idx="4742">
                  <c:v>1.7014678706563879</c:v>
                </c:pt>
                <c:pt idx="4743">
                  <c:v>1.7006213628570719</c:v>
                </c:pt>
                <c:pt idx="4744">
                  <c:v>1.7009786232619817</c:v>
                </c:pt>
                <c:pt idx="4745">
                  <c:v>1.7025396518698797</c:v>
                </c:pt>
                <c:pt idx="4746">
                  <c:v>1.7003173506825329</c:v>
                </c:pt>
                <c:pt idx="4747">
                  <c:v>1.7015344271647412</c:v>
                </c:pt>
                <c:pt idx="4748">
                  <c:v>1.6974204535225943</c:v>
                </c:pt>
                <c:pt idx="4749">
                  <c:v>1.6982935703222759</c:v>
                </c:pt>
                <c:pt idx="4750">
                  <c:v>1.6995106165754015</c:v>
                </c:pt>
                <c:pt idx="4751">
                  <c:v>1.7046829271216892</c:v>
                </c:pt>
                <c:pt idx="4752">
                  <c:v>1.6981613490580678</c:v>
                </c:pt>
                <c:pt idx="4753">
                  <c:v>1.6995503373666911</c:v>
                </c:pt>
                <c:pt idx="4754">
                  <c:v>1.7035188343665524</c:v>
                </c:pt>
                <c:pt idx="4755">
                  <c:v>1.7047358201618217</c:v>
                </c:pt>
                <c:pt idx="4756">
                  <c:v>1.7047490226396851</c:v>
                </c:pt>
                <c:pt idx="4757">
                  <c:v>1.7052781117411557</c:v>
                </c:pt>
                <c:pt idx="4758">
                  <c:v>1.7061511378537124</c:v>
                </c:pt>
                <c:pt idx="4759">
                  <c:v>1.7016931062845193</c:v>
                </c:pt>
                <c:pt idx="4760">
                  <c:v>1.7008464246693999</c:v>
                </c:pt>
                <c:pt idx="4761">
                  <c:v>1.6981080630424576</c:v>
                </c:pt>
                <c:pt idx="4762">
                  <c:v>1.6964015048915644</c:v>
                </c:pt>
                <c:pt idx="4763">
                  <c:v>1.7012297650682005</c:v>
                </c:pt>
                <c:pt idx="4764">
                  <c:v>1.7065739118678245</c:v>
                </c:pt>
                <c:pt idx="4765">
                  <c:v>1.7021158198421988</c:v>
                </c:pt>
                <c:pt idx="4766">
                  <c:v>1.7007531684735564</c:v>
                </c:pt>
                <c:pt idx="4767">
                  <c:v>1.7045495647164726</c:v>
                </c:pt>
                <c:pt idx="4768">
                  <c:v>1.6999194777338347</c:v>
                </c:pt>
                <c:pt idx="4769">
                  <c:v>1.7040597958734192</c:v>
                </c:pt>
                <c:pt idx="4770">
                  <c:v>1.7025251268773764</c:v>
                </c:pt>
                <c:pt idx="4771">
                  <c:v>1.6975510650969894</c:v>
                </c:pt>
                <c:pt idx="4772">
                  <c:v>1.7016913530077387</c:v>
                </c:pt>
                <c:pt idx="4773">
                  <c:v>1.6949975834996758</c:v>
                </c:pt>
                <c:pt idx="4774">
                  <c:v>1.6977621006938353</c:v>
                </c:pt>
                <c:pt idx="4775">
                  <c:v>1.6984629731486136</c:v>
                </c:pt>
                <c:pt idx="4776">
                  <c:v>1.7062145656720413</c:v>
                </c:pt>
                <c:pt idx="4777">
                  <c:v>1.7036480176247655</c:v>
                </c:pt>
                <c:pt idx="4778">
                  <c:v>1.7000496358746482</c:v>
                </c:pt>
                <c:pt idx="4779">
                  <c:v>1.7048777297925042</c:v>
                </c:pt>
                <c:pt idx="4780">
                  <c:v>1.700247514337007</c:v>
                </c:pt>
                <c:pt idx="4781">
                  <c:v>1.6999165153004232</c:v>
                </c:pt>
                <c:pt idx="4782">
                  <c:v>1.7050885084436309</c:v>
                </c:pt>
                <c:pt idx="4783">
                  <c:v>1.7042415849965913</c:v>
                </c:pt>
                <c:pt idx="4784">
                  <c:v>1.6990954300167156</c:v>
                </c:pt>
                <c:pt idx="4785">
                  <c:v>1.6996242319437558</c:v>
                </c:pt>
                <c:pt idx="4786">
                  <c:v>1.7020446836535361</c:v>
                </c:pt>
                <c:pt idx="4787">
                  <c:v>1.7015416594321575</c:v>
                </c:pt>
                <c:pt idx="4788">
                  <c:v>1.7024143605841158</c:v>
                </c:pt>
                <c:pt idx="4789">
                  <c:v>1.7003635933616903</c:v>
                </c:pt>
                <c:pt idx="4790">
                  <c:v>1.6984847833089947</c:v>
                </c:pt>
                <c:pt idx="4791">
                  <c:v>1.6993574617893263</c:v>
                </c:pt>
                <c:pt idx="4792">
                  <c:v>1.700402104996473</c:v>
                </c:pt>
                <c:pt idx="4793">
                  <c:v>1.7029944534179411</c:v>
                </c:pt>
                <c:pt idx="4794">
                  <c:v>1.7030072629197077</c:v>
                </c:pt>
                <c:pt idx="4795">
                  <c:v>1.7052556516589588</c:v>
                </c:pt>
                <c:pt idx="4796">
                  <c:v>1.7085358514302296</c:v>
                </c:pt>
                <c:pt idx="4797">
                  <c:v>1.701669867807956</c:v>
                </c:pt>
                <c:pt idx="4798">
                  <c:v>1.7027144430003471</c:v>
                </c:pt>
                <c:pt idx="4799">
                  <c:v>1.7032431088968853</c:v>
                </c:pt>
                <c:pt idx="4800">
                  <c:v>1.7027399486451289</c:v>
                </c:pt>
                <c:pt idx="4801">
                  <c:v>1.7061920602459721</c:v>
                </c:pt>
                <c:pt idx="4802">
                  <c:v>1.707236597652938</c:v>
                </c:pt>
                <c:pt idx="4803">
                  <c:v>1.7046697775449065</c:v>
                </c:pt>
                <c:pt idx="4804">
                  <c:v>1.703478697927725</c:v>
                </c:pt>
                <c:pt idx="4805">
                  <c:v>1.7012557997194573</c:v>
                </c:pt>
                <c:pt idx="4806">
                  <c:v>1.6990328939539807</c:v>
                </c:pt>
                <c:pt idx="4807">
                  <c:v>1.6980137488349023</c:v>
                </c:pt>
                <c:pt idx="4808">
                  <c:v>1.6942431000686886</c:v>
                </c:pt>
                <c:pt idx="4809">
                  <c:v>1.7011345062070662</c:v>
                </c:pt>
                <c:pt idx="4810">
                  <c:v>1.7068221290261807</c:v>
                </c:pt>
                <c:pt idx="4811">
                  <c:v>1.7035673517710135</c:v>
                </c:pt>
                <c:pt idx="4812">
                  <c:v>1.7058155666938424</c:v>
                </c:pt>
                <c:pt idx="4813">
                  <c:v>1.7017009355732897</c:v>
                </c:pt>
                <c:pt idx="4814">
                  <c:v>1.6979302187915775</c:v>
                </c:pt>
                <c:pt idx="4815">
                  <c:v>1.7027579424051489</c:v>
                </c:pt>
                <c:pt idx="4816">
                  <c:v>1.7032864344858842</c:v>
                </c:pt>
                <c:pt idx="4817">
                  <c:v>1.7051906670537551</c:v>
                </c:pt>
                <c:pt idx="4818">
                  <c:v>1.7052032271670117</c:v>
                </c:pt>
                <c:pt idx="4819">
                  <c:v>1.6979930949299475</c:v>
                </c:pt>
                <c:pt idx="4820">
                  <c:v>1.7011010805870079</c:v>
                </c:pt>
                <c:pt idx="4821">
                  <c:v>1.7019734567777485</c:v>
                </c:pt>
                <c:pt idx="4822">
                  <c:v>1.7002662864917646</c:v>
                </c:pt>
                <c:pt idx="4823">
                  <c:v>1.703890151215161</c:v>
                </c:pt>
                <c:pt idx="4824">
                  <c:v>1.7073420361003586</c:v>
                </c:pt>
                <c:pt idx="4825">
                  <c:v>1.7054628708554433</c:v>
                </c:pt>
                <c:pt idx="4826">
                  <c:v>1.7010041591355989</c:v>
                </c:pt>
                <c:pt idx="4827">
                  <c:v>1.7022204194375827</c:v>
                </c:pt>
                <c:pt idx="4828">
                  <c:v>1.7072199793030665</c:v>
                </c:pt>
                <c:pt idx="4829">
                  <c:v>1.7027612449140719</c:v>
                </c:pt>
                <c:pt idx="4830">
                  <c:v>1.7015699083511711</c:v>
                </c:pt>
                <c:pt idx="4831">
                  <c:v>1.7084610953311117</c:v>
                </c:pt>
                <c:pt idx="4832">
                  <c:v>1.7012508270630509</c:v>
                </c:pt>
                <c:pt idx="4833">
                  <c:v>1.7007473342934869</c:v>
                </c:pt>
                <c:pt idx="4834">
                  <c:v>1.702135498864739</c:v>
                </c:pt>
                <c:pt idx="4835">
                  <c:v>1.7050713610928563</c:v>
                </c:pt>
                <c:pt idx="4836">
                  <c:v>1.7064595029943392</c:v>
                </c:pt>
                <c:pt idx="4837">
                  <c:v>1.6997650835623554</c:v>
                </c:pt>
                <c:pt idx="4838">
                  <c:v>1.703732734152352</c:v>
                </c:pt>
                <c:pt idx="4839">
                  <c:v>1.7016814605960067</c:v>
                </c:pt>
                <c:pt idx="4840">
                  <c:v>1.7015218368226497</c:v>
                </c:pt>
                <c:pt idx="4841">
                  <c:v>1.7042856738661576</c:v>
                </c:pt>
                <c:pt idx="4842">
                  <c:v>1.7092850977031206</c:v>
                </c:pt>
                <c:pt idx="4843">
                  <c:v>1.7036224439644851</c:v>
                </c:pt>
                <c:pt idx="4844">
                  <c:v>1.7038067269733788</c:v>
                </c:pt>
                <c:pt idx="4845">
                  <c:v>1.7055387076397566</c:v>
                </c:pt>
                <c:pt idx="4846">
                  <c:v>1.7041752476479131</c:v>
                </c:pt>
                <c:pt idx="4847">
                  <c:v>1.7000602613374312</c:v>
                </c:pt>
                <c:pt idx="4848">
                  <c:v>1.7024800933542308</c:v>
                </c:pt>
                <c:pt idx="4849">
                  <c:v>1.7116067084268602</c:v>
                </c:pt>
                <c:pt idx="4850">
                  <c:v>1.7069757977078417</c:v>
                </c:pt>
                <c:pt idx="4851">
                  <c:v>1.7068160605757332</c:v>
                </c:pt>
                <c:pt idx="4852">
                  <c:v>1.7080320714842543</c:v>
                </c:pt>
                <c:pt idx="4853">
                  <c:v>1.7061526341847739</c:v>
                </c:pt>
                <c:pt idx="4854">
                  <c:v>1.7099481613486753</c:v>
                </c:pt>
                <c:pt idx="4855">
                  <c:v>1.7065209810459816</c:v>
                </c:pt>
                <c:pt idx="4856">
                  <c:v>1.7106604225412945</c:v>
                </c:pt>
                <c:pt idx="4857">
                  <c:v>1.7141119749074467</c:v>
                </c:pt>
                <c:pt idx="4858">
                  <c:v>1.7050097999119169</c:v>
                </c:pt>
                <c:pt idx="4859">
                  <c:v>1.7089772464595039</c:v>
                </c:pt>
                <c:pt idx="4860">
                  <c:v>1.7074416705965452</c:v>
                </c:pt>
                <c:pt idx="4861">
                  <c:v>1.7126128777849587</c:v>
                </c:pt>
                <c:pt idx="4862">
                  <c:v>1.7047144407635817</c:v>
                </c:pt>
                <c:pt idx="4863">
                  <c:v>1.7036947515236107</c:v>
                </c:pt>
                <c:pt idx="4864">
                  <c:v>1.7074901728828742</c:v>
                </c:pt>
                <c:pt idx="4865">
                  <c:v>1.7073303072775965</c:v>
                </c:pt>
                <c:pt idx="4866">
                  <c:v>1.7039030211745982</c:v>
                </c:pt>
                <c:pt idx="4867">
                  <c:v>1.7006476997973006</c:v>
                </c:pt>
                <c:pt idx="4868">
                  <c:v>1.7027233907584998</c:v>
                </c:pt>
                <c:pt idx="4869">
                  <c:v>1.7039392354121412</c:v>
                </c:pt>
                <c:pt idx="4870">
                  <c:v>1.7073906668598569</c:v>
                </c:pt>
                <c:pt idx="4871">
                  <c:v>1.7049951464468638</c:v>
                </c:pt>
                <c:pt idx="4872">
                  <c:v>1.7068988424529081</c:v>
                </c:pt>
                <c:pt idx="4873">
                  <c:v>1.7065669214341861</c:v>
                </c:pt>
                <c:pt idx="4874">
                  <c:v>1.7101902873793857</c:v>
                </c:pt>
                <c:pt idx="4875">
                  <c:v>1.7065909458610857</c:v>
                </c:pt>
                <c:pt idx="4876">
                  <c:v>1.7098703521235732</c:v>
                </c:pt>
                <c:pt idx="4877">
                  <c:v>1.7102262748981878</c:v>
                </c:pt>
                <c:pt idx="4878">
                  <c:v>1.7136776307781487</c:v>
                </c:pt>
                <c:pt idx="4879">
                  <c:v>1.7104221884824142</c:v>
                </c:pt>
                <c:pt idx="4880">
                  <c:v>1.7069947739043896</c:v>
                </c:pt>
                <c:pt idx="4881">
                  <c:v>1.7075226236192798</c:v>
                </c:pt>
                <c:pt idx="4882">
                  <c:v>1.706846682463889</c:v>
                </c:pt>
                <c:pt idx="4883">
                  <c:v>1.7094381466899438</c:v>
                </c:pt>
                <c:pt idx="4884">
                  <c:v>1.7134053514037531</c:v>
                </c:pt>
                <c:pt idx="4885">
                  <c:v>1.7147930171942702</c:v>
                </c:pt>
                <c:pt idx="4886">
                  <c:v>1.7086140309567071</c:v>
                </c:pt>
                <c:pt idx="4887">
                  <c:v>1.7072501704297003</c:v>
                </c:pt>
                <c:pt idx="4888">
                  <c:v>1.7072620503966389</c:v>
                </c:pt>
                <c:pt idx="4889">
                  <c:v>1.7095095171508419</c:v>
                </c:pt>
                <c:pt idx="4890">
                  <c:v>1.709005472705653</c:v>
                </c:pt>
                <c:pt idx="4891">
                  <c:v>1.7093612594480323</c:v>
                </c:pt>
                <c:pt idx="4892">
                  <c:v>1.7128124868548242</c:v>
                </c:pt>
                <c:pt idx="4893">
                  <c:v>1.7135121879379014</c:v>
                </c:pt>
                <c:pt idx="4894">
                  <c:v>1.7138679520092737</c:v>
                </c:pt>
                <c:pt idx="4895">
                  <c:v>1.7087207012347376</c:v>
                </c:pt>
                <c:pt idx="4896">
                  <c:v>1.7142355053573639</c:v>
                </c:pt>
                <c:pt idx="4897">
                  <c:v>1.7145912392048535</c:v>
                </c:pt>
                <c:pt idx="4898">
                  <c:v>1.7194181617511941</c:v>
                </c:pt>
                <c:pt idx="4899">
                  <c:v>1.7127231452993419</c:v>
                </c:pt>
                <c:pt idx="4900">
                  <c:v>1.7149705138166398</c:v>
                </c:pt>
                <c:pt idx="4901">
                  <c:v>1.7167019579156195</c:v>
                </c:pt>
                <c:pt idx="4902">
                  <c:v>1.7158538555446226</c:v>
                </c:pt>
                <c:pt idx="4903">
                  <c:v>1.7165534810556116</c:v>
                </c:pt>
                <c:pt idx="4904">
                  <c:v>1.716909146883888</c:v>
                </c:pt>
                <c:pt idx="4905">
                  <c:v>1.714857230965412</c:v>
                </c:pt>
                <c:pt idx="4906">
                  <c:v>1.7191681686456692</c:v>
                </c:pt>
                <c:pt idx="4907">
                  <c:v>1.7136768599391341</c:v>
                </c:pt>
                <c:pt idx="4908">
                  <c:v>1.7133446139610518</c:v>
                </c:pt>
                <c:pt idx="4909">
                  <c:v>1.7142161437413088</c:v>
                </c:pt>
                <c:pt idx="4910">
                  <c:v>1.7197308269498319</c:v>
                </c:pt>
                <c:pt idx="4911">
                  <c:v>1.7169909841068647</c:v>
                </c:pt>
                <c:pt idx="4912">
                  <c:v>1.713563259687612</c:v>
                </c:pt>
                <c:pt idx="4913">
                  <c:v>1.7180460940780713</c:v>
                </c:pt>
                <c:pt idx="4914">
                  <c:v>1.7213251451511247</c:v>
                </c:pt>
                <c:pt idx="4915">
                  <c:v>1.7225405439300647</c:v>
                </c:pt>
                <c:pt idx="4916">
                  <c:v>1.7239279149912949</c:v>
                </c:pt>
                <c:pt idx="4917">
                  <c:v>1.7151691102130939</c:v>
                </c:pt>
                <c:pt idx="4918">
                  <c:v>1.7232632492137552</c:v>
                </c:pt>
                <c:pt idx="4919">
                  <c:v>1.7155362327996624</c:v>
                </c:pt>
                <c:pt idx="4920">
                  <c:v>1.7169235660779438</c:v>
                </c:pt>
                <c:pt idx="4921">
                  <c:v>1.7203745138611994</c:v>
                </c:pt>
                <c:pt idx="4922">
                  <c:v>1.7152270061403252</c:v>
                </c:pt>
                <c:pt idx="4923">
                  <c:v>1.7200536868522691</c:v>
                </c:pt>
                <c:pt idx="4924">
                  <c:v>1.7236765766939321</c:v>
                </c:pt>
                <c:pt idx="4925">
                  <c:v>1.719216912766395</c:v>
                </c:pt>
                <c:pt idx="4926">
                  <c:v>1.7295465781065551</c:v>
                </c:pt>
                <c:pt idx="4927">
                  <c:v>1.7352330673412508</c:v>
                </c:pt>
                <c:pt idx="4928">
                  <c:v>1.7285377788311191</c:v>
                </c:pt>
                <c:pt idx="4929">
                  <c:v>1.7270015606023148</c:v>
                </c:pt>
                <c:pt idx="4930">
                  <c:v>1.7282168233490198</c:v>
                </c:pt>
                <c:pt idx="4931">
                  <c:v>1.7263366454375031</c:v>
                </c:pt>
                <c:pt idx="4932">
                  <c:v>1.7268640266079225</c:v>
                </c:pt>
                <c:pt idx="4933">
                  <c:v>1.7254997277603277</c:v>
                </c:pt>
                <c:pt idx="4934">
                  <c:v>1.7261990585420299</c:v>
                </c:pt>
                <c:pt idx="4935">
                  <c:v>1.7265544372000856</c:v>
                </c:pt>
                <c:pt idx="4936">
                  <c:v>1.7260499619871839</c:v>
                </c:pt>
                <c:pt idx="4937">
                  <c:v>1.7312204512438547</c:v>
                </c:pt>
                <c:pt idx="4938">
                  <c:v>1.7246970443319836</c:v>
                </c:pt>
                <c:pt idx="4939">
                  <c:v>1.7286637275940506</c:v>
                </c:pt>
                <c:pt idx="4940">
                  <c:v>1.7260955925341601</c:v>
                </c:pt>
                <c:pt idx="4941">
                  <c:v>1.7335016459070876</c:v>
                </c:pt>
                <c:pt idx="4942">
                  <c:v>1.7348887675810458</c:v>
                </c:pt>
                <c:pt idx="4943">
                  <c:v>1.7357599799610086</c:v>
                </c:pt>
                <c:pt idx="4944">
                  <c:v>1.7318160515122829</c:v>
                </c:pt>
                <c:pt idx="4945">
                  <c:v>1.7304516544215924</c:v>
                </c:pt>
                <c:pt idx="4946">
                  <c:v>1.7359659975588142</c:v>
                </c:pt>
                <c:pt idx="4947">
                  <c:v>1.7306462908331943</c:v>
                </c:pt>
                <c:pt idx="4948">
                  <c:v>1.7375363744581704</c:v>
                </c:pt>
                <c:pt idx="4949">
                  <c:v>1.739611309695392</c:v>
                </c:pt>
                <c:pt idx="4950">
                  <c:v>1.7348074820336941</c:v>
                </c:pt>
                <c:pt idx="4951">
                  <c:v>1.7367104374295592</c:v>
                </c:pt>
                <c:pt idx="4952">
                  <c:v>1.7399891257603037</c:v>
                </c:pt>
                <c:pt idx="4953">
                  <c:v>1.7398284364149308</c:v>
                </c:pt>
                <c:pt idx="4954">
                  <c:v>1.7372601728818713</c:v>
                </c:pt>
                <c:pt idx="4955">
                  <c:v>1.7355517405363801</c:v>
                </c:pt>
                <c:pt idx="4956">
                  <c:v>1.7458811262591947</c:v>
                </c:pt>
                <c:pt idx="4957">
                  <c:v>1.7403893565610644</c:v>
                </c:pt>
                <c:pt idx="4958">
                  <c:v>1.7381649846976952</c:v>
                </c:pt>
                <c:pt idx="4959">
                  <c:v>1.737316368427831</c:v>
                </c:pt>
                <c:pt idx="4960">
                  <c:v>1.7383593943930324</c:v>
                </c:pt>
                <c:pt idx="4961">
                  <c:v>1.7402622590986772</c:v>
                </c:pt>
                <c:pt idx="4962">
                  <c:v>1.7431969197274961</c:v>
                </c:pt>
                <c:pt idx="4963">
                  <c:v>1.7447558247566195</c:v>
                </c:pt>
                <c:pt idx="4964">
                  <c:v>1.7511298554962991</c:v>
                </c:pt>
                <c:pt idx="4965">
                  <c:v>1.748733458443368</c:v>
                </c:pt>
                <c:pt idx="4966">
                  <c:v>1.746680990843076</c:v>
                </c:pt>
                <c:pt idx="4967">
                  <c:v>1.7525390745058116</c:v>
                </c:pt>
                <c:pt idx="4968">
                  <c:v>1.7508305288052837</c:v>
                </c:pt>
                <c:pt idx="4969">
                  <c:v>1.746026542446534</c:v>
                </c:pt>
                <c:pt idx="4970">
                  <c:v>1.7479293089090833</c:v>
                </c:pt>
                <c:pt idx="4971">
                  <c:v>1.7500040627720548</c:v>
                </c:pt>
                <c:pt idx="4972">
                  <c:v>1.748467444011802</c:v>
                </c:pt>
                <c:pt idx="4973">
                  <c:v>1.7520898879800018</c:v>
                </c:pt>
                <c:pt idx="4974">
                  <c:v>1.7572600371591802</c:v>
                </c:pt>
                <c:pt idx="4975">
                  <c:v>1.7562393050219154</c:v>
                </c:pt>
                <c:pt idx="4976">
                  <c:v>1.7574541521190397</c:v>
                </c:pt>
                <c:pt idx="4977">
                  <c:v>1.7595288379689891</c:v>
                </c:pt>
                <c:pt idx="4978">
                  <c:v>1.7578202091373067</c:v>
                </c:pt>
                <c:pt idx="4979">
                  <c:v>1.7602388017688877</c:v>
                </c:pt>
                <c:pt idx="4980">
                  <c:v>1.7619695279423155</c:v>
                </c:pt>
                <c:pt idx="4981">
                  <c:v>1.7569934634929232</c:v>
                </c:pt>
                <c:pt idx="4982">
                  <c:v>1.7614756630766031</c:v>
                </c:pt>
                <c:pt idx="4983">
                  <c:v>1.7583912332970193</c:v>
                </c:pt>
                <c:pt idx="4984">
                  <c:v>1.7547908866705648</c:v>
                </c:pt>
                <c:pt idx="4985">
                  <c:v>1.7623685042414587</c:v>
                </c:pt>
                <c:pt idx="4986">
                  <c:v>1.7611756940197423</c:v>
                </c:pt>
                <c:pt idx="4987">
                  <c:v>1.7647980246081416</c:v>
                </c:pt>
                <c:pt idx="4988">
                  <c:v>1.7648089825918893</c:v>
                </c:pt>
                <c:pt idx="4989">
                  <c:v>1.7665396180812876</c:v>
                </c:pt>
                <c:pt idx="4990">
                  <c:v>1.7665505609592849</c:v>
                </c:pt>
                <c:pt idx="4991">
                  <c:v>1.7672493854135676</c:v>
                </c:pt>
                <c:pt idx="4992">
                  <c:v>1.7701837814998371</c:v>
                </c:pt>
                <c:pt idx="4993">
                  <c:v>1.7672712333432774</c:v>
                </c:pt>
                <c:pt idx="4994">
                  <c:v>1.7712374102531616</c:v>
                </c:pt>
                <c:pt idx="4995">
                  <c:v>1.7779551135300964</c:v>
                </c:pt>
                <c:pt idx="4996">
                  <c:v>1.7743546459709665</c:v>
                </c:pt>
                <c:pt idx="4997">
                  <c:v>1.7669708712830798</c:v>
                </c:pt>
                <c:pt idx="4998">
                  <c:v>1.7661218998794999</c:v>
                </c:pt>
                <c:pt idx="4999">
                  <c:v>1.7635532206968596</c:v>
                </c:pt>
                <c:pt idx="5000">
                  <c:v>1.7668314933718325</c:v>
                </c:pt>
                <c:pt idx="5001">
                  <c:v>1.7680461288708242</c:v>
                </c:pt>
                <c:pt idx="5002">
                  <c:v>1.7716683158369679</c:v>
                </c:pt>
                <c:pt idx="5003">
                  <c:v>1.779245774723192</c:v>
                </c:pt>
                <c:pt idx="5004">
                  <c:v>1.7797725135401476</c:v>
                </c:pt>
                <c:pt idx="5005">
                  <c:v>1.7785795370870769</c:v>
                </c:pt>
                <c:pt idx="5006">
                  <c:v>1.7782464068777977</c:v>
                </c:pt>
                <c:pt idx="5007">
                  <c:v>1.7743019192253353</c:v>
                </c:pt>
                <c:pt idx="5008">
                  <c:v>1.7658862277001715</c:v>
                </c:pt>
                <c:pt idx="5009">
                  <c:v>1.7689924449493182</c:v>
                </c:pt>
                <c:pt idx="5010">
                  <c:v>1.7758819693272214</c:v>
                </c:pt>
                <c:pt idx="5011">
                  <c:v>1.7762366602712263</c:v>
                </c:pt>
                <c:pt idx="5012">
                  <c:v>1.7771072605092262</c:v>
                </c:pt>
                <c:pt idx="5013">
                  <c:v>1.7755702790066645</c:v>
                </c:pt>
                <c:pt idx="5014">
                  <c:v>1.7766128364212044</c:v>
                </c:pt>
                <c:pt idx="5015">
                  <c:v>1.7841901895052668</c:v>
                </c:pt>
                <c:pt idx="5016">
                  <c:v>1.7805895632738487</c:v>
                </c:pt>
                <c:pt idx="5017">
                  <c:v>1.7781927051921769</c:v>
                </c:pt>
                <c:pt idx="5018">
                  <c:v>1.7754518950549583</c:v>
                </c:pt>
                <c:pt idx="5019">
                  <c:v>1.7780421274194489</c:v>
                </c:pt>
                <c:pt idx="5020">
                  <c:v>1.7796005261521071</c:v>
                </c:pt>
                <c:pt idx="5021">
                  <c:v>1.7778915118823448</c:v>
                </c:pt>
                <c:pt idx="5022">
                  <c:v>1.781341560341035</c:v>
                </c:pt>
                <c:pt idx="5023">
                  <c:v>1.7746454178607345</c:v>
                </c:pt>
                <c:pt idx="5024">
                  <c:v>1.776375758664182</c:v>
                </c:pt>
                <c:pt idx="5025">
                  <c:v>1.7774182178294353</c:v>
                </c:pt>
                <c:pt idx="5026">
                  <c:v>1.7810401931912556</c:v>
                </c:pt>
                <c:pt idx="5027">
                  <c:v>1.779675063063072</c:v>
                </c:pt>
                <c:pt idx="5028">
                  <c:v>1.7836409679456311</c:v>
                </c:pt>
                <c:pt idx="5029">
                  <c:v>1.7858871651110386</c:v>
                </c:pt>
                <c:pt idx="5030">
                  <c:v>1.7797068789926982</c:v>
                </c:pt>
                <c:pt idx="5031">
                  <c:v>1.7847045722517469</c:v>
                </c:pt>
                <c:pt idx="5032">
                  <c:v>1.7774924524396656</c:v>
                </c:pt>
                <c:pt idx="5033">
                  <c:v>1.7781908990644615</c:v>
                </c:pt>
                <c:pt idx="5034">
                  <c:v>1.7799211566624642</c:v>
                </c:pt>
                <c:pt idx="5035">
                  <c:v>1.7790718602376152</c:v>
                </c:pt>
                <c:pt idx="5036">
                  <c:v>1.782005878494398</c:v>
                </c:pt>
                <c:pt idx="5037">
                  <c:v>1.7845959521866002</c:v>
                </c:pt>
                <c:pt idx="5038">
                  <c:v>1.7861541997379367</c:v>
                </c:pt>
                <c:pt idx="5039">
                  <c:v>1.7822094324433653</c:v>
                </c:pt>
                <c:pt idx="5040">
                  <c:v>1.7779207130313381</c:v>
                </c:pt>
                <c:pt idx="5041">
                  <c:v>1.7787910639006388</c:v>
                </c:pt>
                <c:pt idx="5042">
                  <c:v>1.7822409460722568</c:v>
                </c:pt>
                <c:pt idx="5043">
                  <c:v>1.7956650091981081</c:v>
                </c:pt>
                <c:pt idx="5044">
                  <c:v>1.78793688939562</c:v>
                </c:pt>
                <c:pt idx="5045">
                  <c:v>1.7817564748784009</c:v>
                </c:pt>
                <c:pt idx="5046">
                  <c:v>1.7886456894026943</c:v>
                </c:pt>
                <c:pt idx="5047">
                  <c:v>1.7893440150576696</c:v>
                </c:pt>
                <c:pt idx="5048">
                  <c:v>1.780927983467395</c:v>
                </c:pt>
                <c:pt idx="5049">
                  <c:v>1.7830020421253492</c:v>
                </c:pt>
                <c:pt idx="5050">
                  <c:v>1.778197337828666</c:v>
                </c:pt>
                <c:pt idx="5051">
                  <c:v>1.7831948571858587</c:v>
                </c:pt>
                <c:pt idx="5052">
                  <c:v>1.7878484320403798</c:v>
                </c:pt>
                <c:pt idx="5053">
                  <c:v>1.7861391381904173</c:v>
                </c:pt>
                <c:pt idx="5054">
                  <c:v>1.7820222701527682</c:v>
                </c:pt>
                <c:pt idx="5055">
                  <c:v>1.7859879482633447</c:v>
                </c:pt>
                <c:pt idx="5056">
                  <c:v>1.7854824226250374</c:v>
                </c:pt>
                <c:pt idx="5057">
                  <c:v>1.7851488389956105</c:v>
                </c:pt>
                <c:pt idx="5058">
                  <c:v>1.7784524169351097</c:v>
                </c:pt>
                <c:pt idx="5059">
                  <c:v>1.7738196093300558</c:v>
                </c:pt>
                <c:pt idx="5060">
                  <c:v>1.7726261793949285</c:v>
                </c:pt>
                <c:pt idx="5061">
                  <c:v>1.7752160339299323</c:v>
                </c:pt>
                <c:pt idx="5062">
                  <c:v>1.770927148292742</c:v>
                </c:pt>
                <c:pt idx="5063">
                  <c:v>1.7716253379340545</c:v>
                </c:pt>
                <c:pt idx="5064">
                  <c:v>1.7736992680074037</c:v>
                </c:pt>
                <c:pt idx="5065">
                  <c:v>1.7737095685195556</c:v>
                </c:pt>
                <c:pt idx="5066">
                  <c:v>1.7723441134320117</c:v>
                </c:pt>
                <c:pt idx="5067">
                  <c:v>1.7749339377555147</c:v>
                </c:pt>
                <c:pt idx="5068">
                  <c:v>1.7716768026066205</c:v>
                </c:pt>
                <c:pt idx="5069">
                  <c:v>1.7713431283426913</c:v>
                </c:pt>
                <c:pt idx="5070">
                  <c:v>1.7658503761826503</c:v>
                </c:pt>
                <c:pt idx="5071">
                  <c:v>1.7686121425769425</c:v>
                </c:pt>
                <c:pt idx="5072">
                  <c:v>1.7705140323921249</c:v>
                </c:pt>
                <c:pt idx="5073">
                  <c:v>1.7755113704184038</c:v>
                </c:pt>
                <c:pt idx="5074">
                  <c:v>1.7724261622345485</c:v>
                </c:pt>
                <c:pt idx="5075">
                  <c:v>1.7676212463954506</c:v>
                </c:pt>
                <c:pt idx="5076">
                  <c:v>1.7621284488562496</c:v>
                </c:pt>
                <c:pt idx="5077">
                  <c:v>1.7669537843887375</c:v>
                </c:pt>
                <c:pt idx="5078">
                  <c:v>1.7717791123683504</c:v>
                </c:pt>
                <c:pt idx="5079">
                  <c:v>1.7600954033631142</c:v>
                </c:pt>
                <c:pt idx="5080">
                  <c:v>1.7573540868613311</c:v>
                </c:pt>
                <c:pt idx="5081">
                  <c:v>1.7687142029080642</c:v>
                </c:pt>
                <c:pt idx="5082">
                  <c:v>1.7642531711486362</c:v>
                </c:pt>
                <c:pt idx="5083">
                  <c:v>1.7604800133754734</c:v>
                </c:pt>
                <c:pt idx="5084">
                  <c:v>1.7534394275560483</c:v>
                </c:pt>
                <c:pt idx="5085">
                  <c:v>1.7506980505941183</c:v>
                </c:pt>
                <c:pt idx="5086">
                  <c:v>1.7581028494716193</c:v>
                </c:pt>
                <c:pt idx="5087">
                  <c:v>1.7517501149984063</c:v>
                </c:pt>
                <c:pt idx="5088">
                  <c:v>1.7574352061463743</c:v>
                </c:pt>
                <c:pt idx="5089">
                  <c:v>1.757273337877663</c:v>
                </c:pt>
                <c:pt idx="5090">
                  <c:v>1.7522963287802633</c:v>
                </c:pt>
                <c:pt idx="5091">
                  <c:v>1.7495549215882598</c:v>
                </c:pt>
                <c:pt idx="5092">
                  <c:v>1.7469854640137299</c:v>
                </c:pt>
                <c:pt idx="5093">
                  <c:v>1.7528424821019732</c:v>
                </c:pt>
                <c:pt idx="5094">
                  <c:v>1.7556040444200538</c:v>
                </c:pt>
                <c:pt idx="5095">
                  <c:v>1.7561299972736721</c:v>
                </c:pt>
                <c:pt idx="5096">
                  <c:v>1.7502931116343075</c:v>
                </c:pt>
                <c:pt idx="5097">
                  <c:v>1.7472077069766427</c:v>
                </c:pt>
                <c:pt idx="5098">
                  <c:v>1.7510010500997653</c:v>
                </c:pt>
                <c:pt idx="5099">
                  <c:v>1.7467118545656288</c:v>
                </c:pt>
                <c:pt idx="5100">
                  <c:v>1.7415627900547845</c:v>
                </c:pt>
                <c:pt idx="5101">
                  <c:v>1.7463879290948903</c:v>
                </c:pt>
                <c:pt idx="5102">
                  <c:v>1.7482895922061896</c:v>
                </c:pt>
                <c:pt idx="5103">
                  <c:v>1.7488154845996609</c:v>
                </c:pt>
                <c:pt idx="5104">
                  <c:v>1.7519209083573584</c:v>
                </c:pt>
                <c:pt idx="5105">
                  <c:v>1.7479755969338462</c:v>
                </c:pt>
                <c:pt idx="5106">
                  <c:v>1.7423105928927423</c:v>
                </c:pt>
                <c:pt idx="5107">
                  <c:v>1.7366455661868216</c:v>
                </c:pt>
                <c:pt idx="5108">
                  <c:v>1.7351077987271135</c:v>
                </c:pt>
                <c:pt idx="5109">
                  <c:v>1.7397608974657159</c:v>
                </c:pt>
                <c:pt idx="5110">
                  <c:v>1.7383950871763567</c:v>
                </c:pt>
                <c:pt idx="5111">
                  <c:v>1.7428761985207277</c:v>
                </c:pt>
                <c:pt idx="5112">
                  <c:v>1.737727050878729</c:v>
                </c:pt>
                <c:pt idx="5113">
                  <c:v>1.7385968047118174</c:v>
                </c:pt>
                <c:pt idx="5114">
                  <c:v>1.7361991456043937</c:v>
                </c:pt>
                <c:pt idx="5115">
                  <c:v>1.7358651010019441</c:v>
                </c:pt>
                <c:pt idx="5116">
                  <c:v>1.734671202540919</c:v>
                </c:pt>
                <c:pt idx="5117">
                  <c:v>1.7365727371790491</c:v>
                </c:pt>
                <c:pt idx="5118">
                  <c:v>1.736410634635007</c:v>
                </c:pt>
                <c:pt idx="5119">
                  <c:v>1.7355606505084886</c:v>
                </c:pt>
                <c:pt idx="5120">
                  <c:v>1.7353985404115715</c:v>
                </c:pt>
                <c:pt idx="5121">
                  <c:v>1.7342046041614065</c:v>
                </c:pt>
                <c:pt idx="5122">
                  <c:v>1.7316349123053552</c:v>
                </c:pt>
                <c:pt idx="5123">
                  <c:v>1.7254538553851455</c:v>
                </c:pt>
                <c:pt idx="5124">
                  <c:v>1.7264954908164942</c:v>
                </c:pt>
                <c:pt idx="5125">
                  <c:v>1.7308045316354796</c:v>
                </c:pt>
                <c:pt idx="5126">
                  <c:v>1.7323620536898163</c:v>
                </c:pt>
                <c:pt idx="5127">
                  <c:v>1.7261809740985994</c:v>
                </c:pt>
                <c:pt idx="5128">
                  <c:v>1.7263627254351082</c:v>
                </c:pt>
                <c:pt idx="5129">
                  <c:v>1.7248247917130912</c:v>
                </c:pt>
                <c:pt idx="5130">
                  <c:v>1.7208792838033879</c:v>
                </c:pt>
                <c:pt idx="5131">
                  <c:v>1.726392055038698</c:v>
                </c:pt>
                <c:pt idx="5132">
                  <c:v>1.7291533150622347</c:v>
                </c:pt>
                <c:pt idx="5133">
                  <c:v>1.7240040011641184</c:v>
                </c:pt>
                <c:pt idx="5134">
                  <c:v>1.7221220850883816</c:v>
                </c:pt>
                <c:pt idx="5135">
                  <c:v>1.7248833224471019</c:v>
                </c:pt>
                <c:pt idx="5136">
                  <c:v>1.7291922725758668</c:v>
                </c:pt>
                <c:pt idx="5137">
                  <c:v>1.7255906487767878</c:v>
                </c:pt>
                <c:pt idx="5138">
                  <c:v>1.7257723245412082</c:v>
                </c:pt>
                <c:pt idx="5139">
                  <c:v>1.7280176223696688</c:v>
                </c:pt>
                <c:pt idx="5140">
                  <c:v>1.7235561295938819</c:v>
                </c:pt>
                <c:pt idx="5141">
                  <c:v>1.7204703772996588</c:v>
                </c:pt>
                <c:pt idx="5142">
                  <c:v>1.7208239951224868</c:v>
                </c:pt>
                <c:pt idx="5143">
                  <c:v>1.7204897313628387</c:v>
                </c:pt>
                <c:pt idx="5144">
                  <c:v>1.7217031803732352</c:v>
                </c:pt>
                <c:pt idx="5145">
                  <c:v>1.7179295238317189</c:v>
                </c:pt>
                <c:pt idx="5146">
                  <c:v>1.7227543001295158</c:v>
                </c:pt>
                <c:pt idx="5147">
                  <c:v>1.7234518096158435</c:v>
                </c:pt>
                <c:pt idx="5148">
                  <c:v>1.7213978230147209</c:v>
                </c:pt>
                <c:pt idx="5149">
                  <c:v>1.7186559472782466</c:v>
                </c:pt>
                <c:pt idx="5150">
                  <c:v>1.7171178473001121</c:v>
                </c:pt>
                <c:pt idx="5151">
                  <c:v>1.7224584875436986</c:v>
                </c:pt>
                <c:pt idx="5152">
                  <c:v>1.7205764354419173</c:v>
                </c:pt>
                <c:pt idx="5153">
                  <c:v>1.7162868091462589</c:v>
                </c:pt>
                <c:pt idx="5154">
                  <c:v>1.7209395526954279</c:v>
                </c:pt>
                <c:pt idx="5155">
                  <c:v>1.7159620372644178</c:v>
                </c:pt>
                <c:pt idx="5156">
                  <c:v>1.7147678289559733</c:v>
                </c:pt>
                <c:pt idx="5157">
                  <c:v>1.715809199881918</c:v>
                </c:pt>
                <c:pt idx="5158">
                  <c:v>1.7177104246726291</c:v>
                </c:pt>
                <c:pt idx="5159">
                  <c:v>1.7177199694515171</c:v>
                </c:pt>
                <c:pt idx="5160">
                  <c:v>1.7149780105838885</c:v>
                </c:pt>
                <c:pt idx="5161">
                  <c:v>1.7139557216566537</c:v>
                </c:pt>
                <c:pt idx="5162">
                  <c:v>1.7134493495824801</c:v>
                </c:pt>
                <c:pt idx="5163">
                  <c:v>1.71449067516641</c:v>
                </c:pt>
                <c:pt idx="5164">
                  <c:v>1.7122645953688942</c:v>
                </c:pt>
                <c:pt idx="5165">
                  <c:v>1.7124460595289912</c:v>
                </c:pt>
                <c:pt idx="5166">
                  <c:v>1.7110798109190437</c:v>
                </c:pt>
                <c:pt idx="5167">
                  <c:v>1.7095415749148648</c:v>
                </c:pt>
                <c:pt idx="5168">
                  <c:v>1.7085192481984903</c:v>
                </c:pt>
                <c:pt idx="5169">
                  <c:v>1.7131718783926222</c:v>
                </c:pt>
                <c:pt idx="5170">
                  <c:v>1.7162767807047683</c:v>
                </c:pt>
                <c:pt idx="5171">
                  <c:v>1.7123309553885797</c:v>
                </c:pt>
                <c:pt idx="5172">
                  <c:v>1.7094169259893746</c:v>
                </c:pt>
                <c:pt idx="5173">
                  <c:v>1.7090824355134617</c:v>
                </c:pt>
                <c:pt idx="5174">
                  <c:v>1.7127032168895295</c:v>
                </c:pt>
                <c:pt idx="5175">
                  <c:v>1.7135724870600149</c:v>
                </c:pt>
                <c:pt idx="5176">
                  <c:v>1.7115182813016936</c:v>
                </c:pt>
                <c:pt idx="5177">
                  <c:v>1.7123875363540468</c:v>
                </c:pt>
                <c:pt idx="5178">
                  <c:v>1.7127408821185954</c:v>
                </c:pt>
                <c:pt idx="5179">
                  <c:v>1.7142979960762268</c:v>
                </c:pt>
                <c:pt idx="5180">
                  <c:v>1.7156831301986928</c:v>
                </c:pt>
                <c:pt idx="5181">
                  <c:v>1.7089857332229657</c:v>
                </c:pt>
                <c:pt idx="5182">
                  <c:v>1.707963285598679</c:v>
                </c:pt>
                <c:pt idx="5183">
                  <c:v>1.7076287119916118</c:v>
                </c:pt>
                <c:pt idx="5184">
                  <c:v>1.7076380753962499</c:v>
                </c:pt>
                <c:pt idx="5185">
                  <c:v>1.712462556958569</c:v>
                </c:pt>
                <c:pt idx="5186">
                  <c:v>1.7117840312278554</c:v>
                </c:pt>
                <c:pt idx="5187">
                  <c:v>1.7099016995087286</c:v>
                </c:pt>
                <c:pt idx="5188">
                  <c:v>1.7105989142657694</c:v>
                </c:pt>
                <c:pt idx="5189">
                  <c:v>1.7049332527481169</c:v>
                </c:pt>
                <c:pt idx="5190">
                  <c:v>1.7095857242377681</c:v>
                </c:pt>
                <c:pt idx="5191">
                  <c:v>1.7123465383940326</c:v>
                </c:pt>
                <c:pt idx="5192">
                  <c:v>1.7102922117154176</c:v>
                </c:pt>
                <c:pt idx="5193">
                  <c:v>1.7039386535058236</c:v>
                </c:pt>
                <c:pt idx="5194">
                  <c:v>1.7072153467222952</c:v>
                </c:pt>
                <c:pt idx="5195">
                  <c:v>1.7049890250916209</c:v>
                </c:pt>
                <c:pt idx="5196">
                  <c:v>1.7055141995490157</c:v>
                </c:pt>
                <c:pt idx="5197">
                  <c:v>1.7055234647105582</c:v>
                </c:pt>
                <c:pt idx="5198">
                  <c:v>1.70622059633954</c:v>
                </c:pt>
                <c:pt idx="5199">
                  <c:v>1.7077775591591857</c:v>
                </c:pt>
                <c:pt idx="5200">
                  <c:v>1.7043474239773178</c:v>
                </c:pt>
                <c:pt idx="5201">
                  <c:v>1.7077960290221235</c:v>
                </c:pt>
                <c:pt idx="5202">
                  <c:v>1.7052257250352527</c:v>
                </c:pt>
                <c:pt idx="5203">
                  <c:v>1.701279657889001</c:v>
                </c:pt>
                <c:pt idx="5204">
                  <c:v>1.7043843032510944</c:v>
                </c:pt>
                <c:pt idx="5205">
                  <c:v>1.7054253189882242</c:v>
                </c:pt>
                <c:pt idx="5206">
                  <c:v>1.7002754534095301</c:v>
                </c:pt>
                <c:pt idx="5207">
                  <c:v>1.6995967689765645</c:v>
                </c:pt>
                <c:pt idx="5208">
                  <c:v>1.703561222859181</c:v>
                </c:pt>
                <c:pt idx="5209">
                  <c:v>1.7013348029829345</c:v>
                </c:pt>
                <c:pt idx="5210">
                  <c:v>1.704267445831426</c:v>
                </c:pt>
                <c:pt idx="5211">
                  <c:v>1.7065121995408512</c:v>
                </c:pt>
                <c:pt idx="5212">
                  <c:v>1.705661505040418</c:v>
                </c:pt>
                <c:pt idx="5213">
                  <c:v>1.7025752086283976</c:v>
                </c:pt>
                <c:pt idx="5214">
                  <c:v>1.7072275063065796</c:v>
                </c:pt>
                <c:pt idx="5215">
                  <c:v>1.7110199501175185</c:v>
                </c:pt>
                <c:pt idx="5216">
                  <c:v>1.7075896940240238</c:v>
                </c:pt>
                <c:pt idx="5217">
                  <c:v>1.7022677730294089</c:v>
                </c:pt>
                <c:pt idx="5218">
                  <c:v>1.7058882294430209</c:v>
                </c:pt>
                <c:pt idx="5219">
                  <c:v>1.7060692930722887</c:v>
                </c:pt>
                <c:pt idx="5220">
                  <c:v>1.7033268807708926</c:v>
                </c:pt>
                <c:pt idx="5221">
                  <c:v>1.6980049371065085</c:v>
                </c:pt>
                <c:pt idx="5222">
                  <c:v>1.7038609576431873</c:v>
                </c:pt>
                <c:pt idx="5223">
                  <c:v>1.7076533409952175</c:v>
                </c:pt>
                <c:pt idx="5224">
                  <c:v>1.7068025633648682</c:v>
                </c:pt>
                <c:pt idx="5225">
                  <c:v>1.7057798058900671</c:v>
                </c:pt>
                <c:pt idx="5226">
                  <c:v>1.703037348245418</c:v>
                </c:pt>
                <c:pt idx="5227">
                  <c:v>1.7097531848595811</c:v>
                </c:pt>
                <c:pt idx="5228">
                  <c:v>1.7071826768286913</c:v>
                </c:pt>
                <c:pt idx="5229">
                  <c:v>1.7075356522856739</c:v>
                </c:pt>
                <c:pt idx="5230">
                  <c:v>1.7054810459890943</c:v>
                </c:pt>
                <c:pt idx="5231">
                  <c:v>1.7035983968647208</c:v>
                </c:pt>
                <c:pt idx="5232">
                  <c:v>1.7027475587736054</c:v>
                </c:pt>
                <c:pt idx="5233">
                  <c:v>1.7046482167730357</c:v>
                </c:pt>
                <c:pt idx="5234">
                  <c:v>1.7039693282950603</c:v>
                </c:pt>
                <c:pt idx="5235">
                  <c:v>1.7024305935101465</c:v>
                </c:pt>
                <c:pt idx="5236">
                  <c:v>1.7039872918262451</c:v>
                </c:pt>
                <c:pt idx="5237">
                  <c:v>1.7057159473120735</c:v>
                </c:pt>
                <c:pt idx="5238">
                  <c:v>1.7067567287726346</c:v>
                </c:pt>
                <c:pt idx="5239">
                  <c:v>1.7055619007730669</c:v>
                </c:pt>
                <c:pt idx="5240">
                  <c:v>1.6992079949306289</c:v>
                </c:pt>
                <c:pt idx="5241">
                  <c:v>1.7040320759602614</c:v>
                </c:pt>
                <c:pt idx="5242">
                  <c:v>1.7059326659441933</c:v>
                </c:pt>
                <c:pt idx="5243">
                  <c:v>1.7050817447244</c:v>
                </c:pt>
                <c:pt idx="5244">
                  <c:v>1.7057785438330981</c:v>
                </c:pt>
                <c:pt idx="5245">
                  <c:v>1.7047556427713295</c:v>
                </c:pt>
                <c:pt idx="5246">
                  <c:v>1.7061403007884013</c:v>
                </c:pt>
                <c:pt idx="5247">
                  <c:v>1.6996143773181918</c:v>
                </c:pt>
                <c:pt idx="5248">
                  <c:v>1.6984194964148192</c:v>
                </c:pt>
                <c:pt idx="5249">
                  <c:v>1.7015238168163138</c:v>
                </c:pt>
                <c:pt idx="5250">
                  <c:v>1.7060038852627721</c:v>
                </c:pt>
                <c:pt idx="5251">
                  <c:v>1.7039491278238732</c:v>
                </c:pt>
                <c:pt idx="5252">
                  <c:v>1.7006905870675686</c:v>
                </c:pt>
                <c:pt idx="5253">
                  <c:v>1.7055145698528673</c:v>
                </c:pt>
                <c:pt idx="5254">
                  <c:v>1.7058673563783913</c:v>
                </c:pt>
                <c:pt idx="5255">
                  <c:v>1.7034686392567797</c:v>
                </c:pt>
                <c:pt idx="5256">
                  <c:v>1.7027895920768001</c:v>
                </c:pt>
                <c:pt idx="5257">
                  <c:v>1.702626454192673</c:v>
                </c:pt>
                <c:pt idx="5258">
                  <c:v>1.7031511827735091</c:v>
                </c:pt>
                <c:pt idx="5259">
                  <c:v>1.7016122817293819</c:v>
                </c:pt>
                <c:pt idx="5260">
                  <c:v>1.7048884912851081</c:v>
                </c:pt>
                <c:pt idx="5261">
                  <c:v>1.7004261067531083</c:v>
                </c:pt>
                <c:pt idx="5262">
                  <c:v>1.6980273291738261</c:v>
                </c:pt>
                <c:pt idx="5263">
                  <c:v>1.6988959645369133</c:v>
                </c:pt>
                <c:pt idx="5264">
                  <c:v>1.70251608087489</c:v>
                </c:pt>
                <c:pt idx="5265">
                  <c:v>1.7032127363966207</c:v>
                </c:pt>
                <c:pt idx="5266">
                  <c:v>1.7020177194637369</c:v>
                </c:pt>
                <c:pt idx="5267">
                  <c:v>1.7039181356312467</c:v>
                </c:pt>
                <c:pt idx="5268">
                  <c:v>1.7040988516282896</c:v>
                </c:pt>
                <c:pt idx="5269">
                  <c:v>1.7027318472968407</c:v>
                </c:pt>
                <c:pt idx="5270">
                  <c:v>1.7036004373160556</c:v>
                </c:pt>
                <c:pt idx="5271">
                  <c:v>1.7027493196082137</c:v>
                </c:pt>
                <c:pt idx="5272">
                  <c:v>1.6996625999911374</c:v>
                </c:pt>
                <c:pt idx="5273">
                  <c:v>1.6977796636923332</c:v>
                </c:pt>
                <c:pt idx="5274">
                  <c:v>1.7020875935948117</c:v>
                </c:pt>
                <c:pt idx="5275">
                  <c:v>1.7060515789296142</c:v>
                </c:pt>
                <c:pt idx="5276">
                  <c:v>1.707779969913134</c:v>
                </c:pt>
                <c:pt idx="5277">
                  <c:v>1.7058969958275427</c:v>
                </c:pt>
                <c:pt idx="5278">
                  <c:v>1.7088291474537463</c:v>
                </c:pt>
                <c:pt idx="5279">
                  <c:v>1.7031628511336481</c:v>
                </c:pt>
                <c:pt idx="5280">
                  <c:v>1.7012798619336393</c:v>
                </c:pt>
                <c:pt idx="5281">
                  <c:v>1.7000847467566693</c:v>
                </c:pt>
                <c:pt idx="5282">
                  <c:v>1.6999214274987258</c:v>
                </c:pt>
                <c:pt idx="5283">
                  <c:v>1.7006179545474112</c:v>
                </c:pt>
                <c:pt idx="5284">
                  <c:v>1.6982190333803566</c:v>
                </c:pt>
                <c:pt idx="5285">
                  <c:v>1.7014950691202797</c:v>
                </c:pt>
                <c:pt idx="5286">
                  <c:v>1.6982362940898827</c:v>
                </c:pt>
                <c:pt idx="5287">
                  <c:v>1.7028880778747693</c:v>
                </c:pt>
                <c:pt idx="5288">
                  <c:v>1.7054762169202746</c:v>
                </c:pt>
                <c:pt idx="5289">
                  <c:v>1.7023893839445705</c:v>
                </c:pt>
                <c:pt idx="5290">
                  <c:v>1.7027419210815844</c:v>
                </c:pt>
                <c:pt idx="5291">
                  <c:v>1.7005149268557957</c:v>
                </c:pt>
                <c:pt idx="5292">
                  <c:v>1.6991477638221568</c:v>
                </c:pt>
                <c:pt idx="5293">
                  <c:v>1.7019078449229745</c:v>
                </c:pt>
                <c:pt idx="5294">
                  <c:v>1.7014005130814231</c:v>
                </c:pt>
                <c:pt idx="5295">
                  <c:v>1.7039886067836758</c:v>
                </c:pt>
                <c:pt idx="5296">
                  <c:v>1.7021055117833626</c:v>
                </c:pt>
                <c:pt idx="5297">
                  <c:v>1.6997064999295546</c:v>
                </c:pt>
                <c:pt idx="5298">
                  <c:v>1.6983392991098714</c:v>
                </c:pt>
                <c:pt idx="5299">
                  <c:v>1.6993796498113867</c:v>
                </c:pt>
                <c:pt idx="5300">
                  <c:v>1.7014518115461603</c:v>
                </c:pt>
                <c:pt idx="5301">
                  <c:v>1.6993967064752222</c:v>
                </c:pt>
                <c:pt idx="5302">
                  <c:v>1.7038764197314418</c:v>
                </c:pt>
                <c:pt idx="5303">
                  <c:v>1.7016493348189616</c:v>
                </c:pt>
                <c:pt idx="5304">
                  <c:v>1.69563892766826</c:v>
                </c:pt>
                <c:pt idx="5305">
                  <c:v>1.7056216255473096</c:v>
                </c:pt>
                <c:pt idx="5306">
                  <c:v>1.7047702735653751</c:v>
                </c:pt>
                <c:pt idx="5307">
                  <c:v>1.7006515010832439</c:v>
                </c:pt>
                <c:pt idx="5308">
                  <c:v>1.6967046933286702</c:v>
                </c:pt>
                <c:pt idx="5309">
                  <c:v>1.7022161798322895</c:v>
                </c:pt>
                <c:pt idx="5310">
                  <c:v>1.7048041752908274</c:v>
                </c:pt>
                <c:pt idx="5311">
                  <c:v>1.7041247578063772</c:v>
                </c:pt>
                <c:pt idx="5312">
                  <c:v>1.7072286550060352</c:v>
                </c:pt>
                <c:pt idx="5313">
                  <c:v>1.7087848167565929</c:v>
                </c:pt>
                <c:pt idx="5314">
                  <c:v>1.704494034203651</c:v>
                </c:pt>
                <c:pt idx="5315">
                  <c:v>1.6998593070831571</c:v>
                </c:pt>
                <c:pt idx="5316">
                  <c:v>1.7000397056768102</c:v>
                </c:pt>
                <c:pt idx="5317">
                  <c:v>1.7021117540533275</c:v>
                </c:pt>
                <c:pt idx="5318">
                  <c:v>1.704183787315551</c:v>
                </c:pt>
                <c:pt idx="5319">
                  <c:v>1.7000649468189117</c:v>
                </c:pt>
                <c:pt idx="5320">
                  <c:v>1.6966339652299032</c:v>
                </c:pt>
                <c:pt idx="5321">
                  <c:v>1.7016294593089918</c:v>
                </c:pt>
                <c:pt idx="5322">
                  <c:v>1.6990583089122566</c:v>
                </c:pt>
                <c:pt idx="5323">
                  <c:v>1.7030219692858417</c:v>
                </c:pt>
                <c:pt idx="5324">
                  <c:v>1.7038901890012053</c:v>
                </c:pt>
                <c:pt idx="5325">
                  <c:v>1.7030387085461016</c:v>
                </c:pt>
                <c:pt idx="5326">
                  <c:v>1.7008114800466538</c:v>
                </c:pt>
                <c:pt idx="5327">
                  <c:v>1.6978963624093781</c:v>
                </c:pt>
                <c:pt idx="5328">
                  <c:v>1.6984206148848204</c:v>
                </c:pt>
                <c:pt idx="5329">
                  <c:v>1.7025562097565088</c:v>
                </c:pt>
                <c:pt idx="5330">
                  <c:v>1.7010168250503979</c:v>
                </c:pt>
                <c:pt idx="5331">
                  <c:v>1.6987895512070781</c:v>
                </c:pt>
                <c:pt idx="5332">
                  <c:v>1.6998296903059416</c:v>
                </c:pt>
                <c:pt idx="5333">
                  <c:v>1.6986342199388567</c:v>
                </c:pt>
                <c:pt idx="5334">
                  <c:v>1.695031182936156</c:v>
                </c:pt>
                <c:pt idx="5335">
                  <c:v>1.7008864250778497</c:v>
                </c:pt>
                <c:pt idx="5336">
                  <c:v>1.706569694936634</c:v>
                </c:pt>
                <c:pt idx="5337">
                  <c:v>1.7039984538521546</c:v>
                </c:pt>
                <c:pt idx="5338">
                  <c:v>1.6997075050409283</c:v>
                </c:pt>
                <c:pt idx="5339">
                  <c:v>1.6954165637869105</c:v>
                </c:pt>
                <c:pt idx="5340">
                  <c:v>1.7002399646660773</c:v>
                </c:pt>
                <c:pt idx="5341">
                  <c:v>1.6987005043870733</c:v>
                </c:pt>
                <c:pt idx="5342">
                  <c:v>1.6976769534041076</c:v>
                </c:pt>
                <c:pt idx="5343">
                  <c:v>1.697513226055835</c:v>
                </c:pt>
                <c:pt idx="5344">
                  <c:v>1.6995851006162399</c:v>
                </c:pt>
                <c:pt idx="5345">
                  <c:v>1.6958100157571177</c:v>
                </c:pt>
                <c:pt idx="5346">
                  <c:v>1.6978818752029192</c:v>
                </c:pt>
                <c:pt idx="5347">
                  <c:v>1.7056286991127214</c:v>
                </c:pt>
                <c:pt idx="5348">
                  <c:v>1.7039172363209205</c:v>
                </c:pt>
                <c:pt idx="5349">
                  <c:v>1.7040974081976898</c:v>
                </c:pt>
                <c:pt idx="5350">
                  <c:v>1.7022139580073239</c:v>
                </c:pt>
                <c:pt idx="5351">
                  <c:v>1.7032539686338231</c:v>
                </c:pt>
                <c:pt idx="5352">
                  <c:v>1.7042939792597032</c:v>
                </c:pt>
                <c:pt idx="5353">
                  <c:v>1.7029264081357351</c:v>
                </c:pt>
                <c:pt idx="5354">
                  <c:v>1.7006989907048287</c:v>
                </c:pt>
                <c:pt idx="5355">
                  <c:v>1.6972677899565165</c:v>
                </c:pt>
                <c:pt idx="5356">
                  <c:v>1.702435029602869</c:v>
                </c:pt>
                <c:pt idx="5357">
                  <c:v>1.7051946799421647</c:v>
                </c:pt>
                <c:pt idx="5358">
                  <c:v>1.6978081771142748</c:v>
                </c:pt>
                <c:pt idx="5359">
                  <c:v>1.7019435830551235</c:v>
                </c:pt>
                <c:pt idx="5360">
                  <c:v>1.703327470234419</c:v>
                </c:pt>
                <c:pt idx="5361">
                  <c:v>1.7029916648010754</c:v>
                </c:pt>
                <c:pt idx="5362">
                  <c:v>1.703343733389904</c:v>
                </c:pt>
                <c:pt idx="5363">
                  <c:v>1.7012882353426833</c:v>
                </c:pt>
                <c:pt idx="5364">
                  <c:v>1.6982009111477865</c:v>
                </c:pt>
                <c:pt idx="5365">
                  <c:v>1.69769311075805</c:v>
                </c:pt>
                <c:pt idx="5366">
                  <c:v>1.6966694010730801</c:v>
                </c:pt>
                <c:pt idx="5367">
                  <c:v>1.701148691124553</c:v>
                </c:pt>
                <c:pt idx="5368">
                  <c:v>1.6951378683267471</c:v>
                </c:pt>
                <c:pt idx="5369">
                  <c:v>1.6948020175495315</c:v>
                </c:pt>
                <c:pt idx="5370">
                  <c:v>1.6996252219405878</c:v>
                </c:pt>
                <c:pt idx="5371">
                  <c:v>1.7061681113880651</c:v>
                </c:pt>
                <c:pt idx="5372">
                  <c:v>1.702220895542977</c:v>
                </c:pt>
                <c:pt idx="5373">
                  <c:v>1.7010251757871961</c:v>
                </c:pt>
                <c:pt idx="5374">
                  <c:v>1.7032688261441333</c:v>
                </c:pt>
                <c:pt idx="5375">
                  <c:v>1.702073091273935</c:v>
                </c:pt>
                <c:pt idx="5376">
                  <c:v>1.7010493211312945</c:v>
                </c:pt>
                <c:pt idx="5377">
                  <c:v>1.7003694728851984</c:v>
                </c:pt>
                <c:pt idx="5378">
                  <c:v>1.7014093172526081</c:v>
                </c:pt>
                <c:pt idx="5379">
                  <c:v>1.6978059930753531</c:v>
                </c:pt>
                <c:pt idx="5380">
                  <c:v>1.6991897593393075</c:v>
                </c:pt>
                <c:pt idx="5381">
                  <c:v>1.7034969939767168</c:v>
                </c:pt>
                <c:pt idx="5382">
                  <c:v>1.7026451583321796</c:v>
                </c:pt>
                <c:pt idx="5383">
                  <c:v>1.7023092093112493</c:v>
                </c:pt>
                <c:pt idx="5384">
                  <c:v>1.7031770511649336</c:v>
                </c:pt>
                <c:pt idx="5385">
                  <c:v>1.7024971575757084</c:v>
                </c:pt>
                <c:pt idx="5386">
                  <c:v>1.7016452917017169</c:v>
                </c:pt>
                <c:pt idx="5387">
                  <c:v>1.7052646145315291</c:v>
                </c:pt>
                <c:pt idx="5388">
                  <c:v>1.6959862654326026</c:v>
                </c:pt>
                <c:pt idx="5389">
                  <c:v>1.7013252582034275</c:v>
                </c:pt>
                <c:pt idx="5390">
                  <c:v>1.700989278953662</c:v>
                </c:pt>
                <c:pt idx="5391">
                  <c:v>1.6999654105666875</c:v>
                </c:pt>
                <c:pt idx="5392">
                  <c:v>1.6970498772823075</c:v>
                </c:pt>
                <c:pt idx="5393">
                  <c:v>1.7011850791778989</c:v>
                </c:pt>
                <c:pt idx="5394">
                  <c:v>1.7039445028003108</c:v>
                </c:pt>
                <c:pt idx="5395">
                  <c:v>1.705328185934968</c:v>
                </c:pt>
                <c:pt idx="5396">
                  <c:v>1.7043042873191585</c:v>
                </c:pt>
                <c:pt idx="5397">
                  <c:v>1.7012167590783853</c:v>
                </c:pt>
                <c:pt idx="5398">
                  <c:v>1.7020845102461828</c:v>
                </c:pt>
                <c:pt idx="5399">
                  <c:v>1.7010605965159555</c:v>
                </c:pt>
                <c:pt idx="5400">
                  <c:v>1.6995207734900613</c:v>
                </c:pt>
                <c:pt idx="5401">
                  <c:v>1.6990127463838742</c:v>
                </c:pt>
                <c:pt idx="5402">
                  <c:v>1.7026319785265616</c:v>
                </c:pt>
                <c:pt idx="5403">
                  <c:v>1.7036716717490521</c:v>
                </c:pt>
                <c:pt idx="5404">
                  <c:v>1.7036795388232475</c:v>
                </c:pt>
                <c:pt idx="5405">
                  <c:v>1.7060949725334926</c:v>
                </c:pt>
                <c:pt idx="5406">
                  <c:v>1.696816502519225</c:v>
                </c:pt>
                <c:pt idx="5407">
                  <c:v>1.70662658574952</c:v>
                </c:pt>
                <c:pt idx="5408">
                  <c:v>1.7043988433580151</c:v>
                </c:pt>
                <c:pt idx="5409">
                  <c:v>1.7023430505790311</c:v>
                </c:pt>
                <c:pt idx="5410">
                  <c:v>1.697019852414887</c:v>
                </c:pt>
                <c:pt idx="5411">
                  <c:v>1.6996072055086318</c:v>
                </c:pt>
                <c:pt idx="5412">
                  <c:v>1.7023665308868956</c:v>
                </c:pt>
                <c:pt idx="5413">
                  <c:v>1.7044379822428015</c:v>
                </c:pt>
                <c:pt idx="5414">
                  <c:v>1.7041018442910316</c:v>
                </c:pt>
                <c:pt idx="5415">
                  <c:v>1.7023899658515071</c:v>
                </c:pt>
                <c:pt idx="5416">
                  <c:v>1.7037735129557867</c:v>
                </c:pt>
                <c:pt idx="5417">
                  <c:v>1.7051570600600661</c:v>
                </c:pt>
                <c:pt idx="5418">
                  <c:v>1.7034451513917064</c:v>
                </c:pt>
                <c:pt idx="5419">
                  <c:v>1.703452935336605</c:v>
                </c:pt>
                <c:pt idx="5420">
                  <c:v>1.7069000818363933</c:v>
                </c:pt>
                <c:pt idx="5421">
                  <c:v>1.7072517876798174</c:v>
                </c:pt>
                <c:pt idx="5422">
                  <c:v>1.7027883678058753</c:v>
                </c:pt>
                <c:pt idx="5423">
                  <c:v>1.7027961215219385</c:v>
                </c:pt>
                <c:pt idx="5424">
                  <c:v>1.7022879659427683</c:v>
                </c:pt>
                <c:pt idx="5425">
                  <c:v>1.7026396491127087</c:v>
                </c:pt>
                <c:pt idx="5426">
                  <c:v>1.7000678563517377</c:v>
                </c:pt>
                <c:pt idx="5427">
                  <c:v>1.6990437763625448</c:v>
                </c:pt>
                <c:pt idx="5428">
                  <c:v>1.7036946608371049</c:v>
                </c:pt>
                <c:pt idx="5429">
                  <c:v>1.7064538879702302</c:v>
                </c:pt>
                <c:pt idx="5430">
                  <c:v>1.7019904076410937</c:v>
                </c:pt>
                <c:pt idx="5431">
                  <c:v>1.70234205302499</c:v>
                </c:pt>
                <c:pt idx="5432">
                  <c:v>1.6987384190009349</c:v>
                </c:pt>
                <c:pt idx="5433">
                  <c:v>1.700121860304229</c:v>
                </c:pt>
                <c:pt idx="5434">
                  <c:v>1.7085560292335049</c:v>
                </c:pt>
                <c:pt idx="5435">
                  <c:v>1.7080478131929495</c:v>
                </c:pt>
                <c:pt idx="5436">
                  <c:v>1.7039282396454447</c:v>
                </c:pt>
                <c:pt idx="5437">
                  <c:v>1.706515449153027</c:v>
                </c:pt>
                <c:pt idx="5438">
                  <c:v>1.7029117697850999</c:v>
                </c:pt>
                <c:pt idx="5439">
                  <c:v>1.7013717124849272</c:v>
                </c:pt>
                <c:pt idx="5440">
                  <c:v>1.7046467884568537</c:v>
                </c:pt>
                <c:pt idx="5441">
                  <c:v>1.7034506530539686</c:v>
                </c:pt>
                <c:pt idx="5442">
                  <c:v>1.7051779860251577</c:v>
                </c:pt>
                <c:pt idx="5443">
                  <c:v>1.7044977523602973</c:v>
                </c:pt>
                <c:pt idx="5444">
                  <c:v>1.7041614481493141</c:v>
                </c:pt>
                <c:pt idx="5445">
                  <c:v>1.7052008919832944</c:v>
                </c:pt>
                <c:pt idx="5446">
                  <c:v>1.7069282022803807</c:v>
                </c:pt>
                <c:pt idx="5447">
                  <c:v>1.7062479459445128</c:v>
                </c:pt>
                <c:pt idx="5448">
                  <c:v>1.7052237374843797</c:v>
                </c:pt>
                <c:pt idx="5449">
                  <c:v>1.7033396902726592</c:v>
                </c:pt>
                <c:pt idx="5450">
                  <c:v>1.7021435095265214</c:v>
                </c:pt>
                <c:pt idx="5451">
                  <c:v>1.703354880301396</c:v>
                </c:pt>
                <c:pt idx="5452">
                  <c:v>1.7040503493382462</c:v>
                </c:pt>
                <c:pt idx="5453">
                  <c:v>1.7049177755448259</c:v>
                </c:pt>
                <c:pt idx="5454">
                  <c:v>1.6992503834232575</c:v>
                </c:pt>
                <c:pt idx="5455">
                  <c:v>1.7009776408223583</c:v>
                </c:pt>
                <c:pt idx="5456">
                  <c:v>1.7040806462658034</c:v>
                </c:pt>
                <c:pt idx="5457">
                  <c:v>1.707183644153897</c:v>
                </c:pt>
                <c:pt idx="5458">
                  <c:v>1.7092548310043987</c:v>
                </c:pt>
                <c:pt idx="5459">
                  <c:v>1.7041033103932579</c:v>
                </c:pt>
                <c:pt idx="5460">
                  <c:v>1.7034229784840638</c:v>
                </c:pt>
                <c:pt idx="5461">
                  <c:v>1.7036024928824274</c:v>
                </c:pt>
                <c:pt idx="5462">
                  <c:v>1.7048138031996314</c:v>
                </c:pt>
                <c:pt idx="5463">
                  <c:v>1.7048213301988109</c:v>
                </c:pt>
                <c:pt idx="5464">
                  <c:v>1.7007015903914737</c:v>
                </c:pt>
                <c:pt idx="5465">
                  <c:v>1.6989894247773951</c:v>
                </c:pt>
                <c:pt idx="5466">
                  <c:v>1.7020923773203784</c:v>
                </c:pt>
                <c:pt idx="5467">
                  <c:v>1.704507440726772</c:v>
                </c:pt>
                <c:pt idx="5468">
                  <c:v>1.704514937497116</c:v>
                </c:pt>
                <c:pt idx="5469">
                  <c:v>1.7050383360054848</c:v>
                </c:pt>
                <c:pt idx="5470">
                  <c:v>1.7060776362524974</c:v>
                </c:pt>
                <c:pt idx="5471">
                  <c:v>1.7033336218184971</c:v>
                </c:pt>
                <c:pt idx="5472">
                  <c:v>1.7067804735883798</c:v>
                </c:pt>
                <c:pt idx="5473">
                  <c:v>1.7076477864374464</c:v>
                </c:pt>
                <c:pt idx="5474">
                  <c:v>1.7076552529746216</c:v>
                </c:pt>
                <c:pt idx="5475">
                  <c:v>1.7090384675648083</c:v>
                </c:pt>
                <c:pt idx="5476">
                  <c:v>1.7095618282840375</c:v>
                </c:pt>
                <c:pt idx="5477">
                  <c:v>1.708881398132986</c:v>
                </c:pt>
                <c:pt idx="5478">
                  <c:v>1.7044176532990643</c:v>
                </c:pt>
                <c:pt idx="5479">
                  <c:v>1.7040811526000328</c:v>
                </c:pt>
                <c:pt idx="5480">
                  <c:v>1.704948427661817</c:v>
                </c:pt>
                <c:pt idx="5481">
                  <c:v>1.7058156951670116</c:v>
                </c:pt>
                <c:pt idx="5482">
                  <c:v>1.7082306829988405</c:v>
                </c:pt>
                <c:pt idx="5483">
                  <c:v>1.7094418799585314</c:v>
                </c:pt>
                <c:pt idx="5484">
                  <c:v>1.7068697622365905</c:v>
                </c:pt>
                <c:pt idx="5485">
                  <c:v>1.7058453497299617</c:v>
                </c:pt>
                <c:pt idx="5486">
                  <c:v>1.7079163778790782</c:v>
                </c:pt>
                <c:pt idx="5487">
                  <c:v>1.7089555798854714</c:v>
                </c:pt>
                <c:pt idx="5488">
                  <c:v>1.7098228171624499</c:v>
                </c:pt>
                <c:pt idx="5489">
                  <c:v>1.7063908229047349</c:v>
                </c:pt>
                <c:pt idx="5490">
                  <c:v>1.7139648281211441</c:v>
                </c:pt>
                <c:pt idx="5491">
                  <c:v>1.707953287381071</c:v>
                </c:pt>
                <c:pt idx="5492">
                  <c:v>1.7108841240572727</c:v>
                </c:pt>
                <c:pt idx="5493">
                  <c:v>1.7100316460456519</c:v>
                </c:pt>
                <c:pt idx="5494">
                  <c:v>1.7093511176515048</c:v>
                </c:pt>
                <c:pt idx="5495">
                  <c:v>1.7067789394694168</c:v>
                </c:pt>
                <c:pt idx="5496">
                  <c:v>1.7054105370500021</c:v>
                </c:pt>
                <c:pt idx="5497">
                  <c:v>1.7038701547898503</c:v>
                </c:pt>
                <c:pt idx="5498">
                  <c:v>1.7088645832969231</c:v>
                </c:pt>
                <c:pt idx="5499">
                  <c:v>1.7061204101640142</c:v>
                </c:pt>
                <c:pt idx="5500">
                  <c:v>1.7050959220840589</c:v>
                </c:pt>
                <c:pt idx="5501">
                  <c:v>1.7080267134126743</c:v>
                </c:pt>
                <c:pt idx="5502">
                  <c:v>1.7068302379353921</c:v>
                </c:pt>
                <c:pt idx="5503">
                  <c:v>1.7085572383869168</c:v>
                </c:pt>
                <c:pt idx="5504">
                  <c:v>1.7061569720337819</c:v>
                </c:pt>
                <c:pt idx="5505">
                  <c:v>1.7083998666667415</c:v>
                </c:pt>
                <c:pt idx="5506">
                  <c:v>1.7090950334183339</c:v>
                </c:pt>
                <c:pt idx="5507">
                  <c:v>1.7134015425568865</c:v>
                </c:pt>
                <c:pt idx="5508">
                  <c:v>1.7099694425032006</c:v>
                </c:pt>
                <c:pt idx="5509">
                  <c:v>1.7092888460898406</c:v>
                </c:pt>
                <c:pt idx="5510">
                  <c:v>1.7092961161408244</c:v>
                </c:pt>
                <c:pt idx="5511">
                  <c:v>1.7077556583098226</c:v>
                </c:pt>
                <c:pt idx="5512">
                  <c:v>1.7055273264541722</c:v>
                </c:pt>
                <c:pt idx="5513">
                  <c:v>1.7060504831312395</c:v>
                </c:pt>
                <c:pt idx="5514">
                  <c:v>1.7100130174794717</c:v>
                </c:pt>
                <c:pt idx="5515">
                  <c:v>1.7081285999595663</c:v>
                </c:pt>
                <c:pt idx="5516">
                  <c:v>1.7096835601157785</c:v>
                </c:pt>
                <c:pt idx="5517">
                  <c:v>1.7055635406917151</c:v>
                </c:pt>
                <c:pt idx="5518">
                  <c:v>1.7107298356869647</c:v>
                </c:pt>
                <c:pt idx="5519">
                  <c:v>1.7143484027890845</c:v>
                </c:pt>
                <c:pt idx="5520">
                  <c:v>1.7124639626043627</c:v>
                </c:pt>
                <c:pt idx="5521">
                  <c:v>1.7165984314476028</c:v>
                </c:pt>
                <c:pt idx="5522">
                  <c:v>1.7098988504341923</c:v>
                </c:pt>
                <c:pt idx="5523">
                  <c:v>1.7121416468246753</c:v>
                </c:pt>
                <c:pt idx="5524">
                  <c:v>1.7130086876092716</c:v>
                </c:pt>
                <c:pt idx="5525">
                  <c:v>1.7121560357824668</c:v>
                </c:pt>
                <c:pt idx="5526">
                  <c:v>1.7058003691078969</c:v>
                </c:pt>
                <c:pt idx="5527">
                  <c:v>1.7090749614172203</c:v>
                </c:pt>
                <c:pt idx="5528">
                  <c:v>1.7132093924775118</c:v>
                </c:pt>
                <c:pt idx="5529">
                  <c:v>1.7070256754098911</c:v>
                </c:pt>
                <c:pt idx="5530">
                  <c:v>1.7103002601644821</c:v>
                </c:pt>
                <c:pt idx="5531">
                  <c:v>1.7146066408360563</c:v>
                </c:pt>
                <c:pt idx="5532">
                  <c:v>1.7187410492191495</c:v>
                </c:pt>
                <c:pt idx="5533">
                  <c:v>1.7166845687329244</c:v>
                </c:pt>
                <c:pt idx="5534">
                  <c:v>1.7149720252584044</c:v>
                </c:pt>
                <c:pt idx="5535">
                  <c:v>1.7120556909074127</c:v>
                </c:pt>
                <c:pt idx="5536">
                  <c:v>1.7125787342263479</c:v>
                </c:pt>
                <c:pt idx="5537">
                  <c:v>1.7098343570457051</c:v>
                </c:pt>
                <c:pt idx="5538">
                  <c:v>1.7168922111337224</c:v>
                </c:pt>
                <c:pt idx="5539">
                  <c:v>1.7115682950359781</c:v>
                </c:pt>
                <c:pt idx="5540">
                  <c:v>1.7119193433954247</c:v>
                </c:pt>
                <c:pt idx="5541">
                  <c:v>1.7129582657844724</c:v>
                </c:pt>
                <c:pt idx="5542">
                  <c:v>1.7146850621907397</c:v>
                </c:pt>
                <c:pt idx="5543">
                  <c:v>1.7086732418395116</c:v>
                </c:pt>
                <c:pt idx="5544">
                  <c:v>1.7116038140103094</c:v>
                </c:pt>
                <c:pt idx="5545">
                  <c:v>1.7159101191097954</c:v>
                </c:pt>
                <c:pt idx="5546">
                  <c:v>1.7164331095276495</c:v>
                </c:pt>
                <c:pt idx="5547">
                  <c:v>1.7148924703162067</c:v>
                </c:pt>
                <c:pt idx="5548">
                  <c:v>1.7126639495346694</c:v>
                </c:pt>
                <c:pt idx="5549">
                  <c:v>1.7137028265755114</c:v>
                </c:pt>
                <c:pt idx="5550">
                  <c:v>1.713193990846309</c:v>
                </c:pt>
                <c:pt idx="5551">
                  <c:v>1.7171563287040164</c:v>
                </c:pt>
                <c:pt idx="5552">
                  <c:v>1.7147558205220566</c:v>
                </c:pt>
                <c:pt idx="5553">
                  <c:v>1.7116674307576205</c:v>
                </c:pt>
                <c:pt idx="5554">
                  <c:v>1.7132221944214505</c:v>
                </c:pt>
                <c:pt idx="5555">
                  <c:v>1.7156367892790398</c:v>
                </c:pt>
                <c:pt idx="5556">
                  <c:v>1.7113446010790658</c:v>
                </c:pt>
                <c:pt idx="5557">
                  <c:v>1.7163387348599475</c:v>
                </c:pt>
                <c:pt idx="5558">
                  <c:v>1.709810929642636</c:v>
                </c:pt>
                <c:pt idx="5559">
                  <c:v>1.7160088316227908</c:v>
                </c:pt>
                <c:pt idx="5560">
                  <c:v>1.7168756910331373</c:v>
                </c:pt>
                <c:pt idx="5561">
                  <c:v>1.7201501095316105</c:v>
                </c:pt>
                <c:pt idx="5562">
                  <c:v>1.7192972687714898</c:v>
                </c:pt>
                <c:pt idx="5563">
                  <c:v>1.716552763117678</c:v>
                </c:pt>
                <c:pt idx="5564">
                  <c:v>1.7194832370453799</c:v>
                </c:pt>
                <c:pt idx="5565">
                  <c:v>1.7146750866503297</c:v>
                </c:pt>
                <c:pt idx="5566">
                  <c:v>1.7162297974130791</c:v>
                </c:pt>
                <c:pt idx="5567">
                  <c:v>1.7198481226931839</c:v>
                </c:pt>
                <c:pt idx="5568">
                  <c:v>1.7193391887146949</c:v>
                </c:pt>
                <c:pt idx="5569">
                  <c:v>1.7165946528370004</c:v>
                </c:pt>
                <c:pt idx="5570">
                  <c:v>1.7233084036510038</c:v>
                </c:pt>
                <c:pt idx="5571">
                  <c:v>1.7160926639563261</c:v>
                </c:pt>
                <c:pt idx="5572">
                  <c:v>1.7147238761130705</c:v>
                </c:pt>
                <c:pt idx="5573">
                  <c:v>1.7149027934931751</c:v>
                </c:pt>
                <c:pt idx="5574">
                  <c:v>1.7185210809841405</c:v>
                </c:pt>
                <c:pt idx="5575">
                  <c:v>1.7240310258097309</c:v>
                </c:pt>
                <c:pt idx="5576">
                  <c:v>1.7188788930609609</c:v>
                </c:pt>
                <c:pt idx="5577">
                  <c:v>1.7209494526637494</c:v>
                </c:pt>
                <c:pt idx="5578">
                  <c:v>1.7219881861194812</c:v>
                </c:pt>
                <c:pt idx="5579">
                  <c:v>1.7192436048935811</c:v>
                </c:pt>
                <c:pt idx="5580">
                  <c:v>1.7207982400904329</c:v>
                </c:pt>
                <c:pt idx="5581">
                  <c:v>1.7261361975217919</c:v>
                </c:pt>
                <c:pt idx="5582">
                  <c:v>1.7251112786772194</c:v>
                </c:pt>
                <c:pt idx="5583">
                  <c:v>1.7206469972808522</c:v>
                </c:pt>
                <c:pt idx="5584">
                  <c:v>1.7237493301296165</c:v>
                </c:pt>
                <c:pt idx="5585">
                  <c:v>1.7185971520388319</c:v>
                </c:pt>
                <c:pt idx="5586">
                  <c:v>1.7244509809812374</c:v>
                </c:pt>
                <c:pt idx="5587">
                  <c:v>1.7210184879427874</c:v>
                </c:pt>
                <c:pt idx="5588">
                  <c:v>1.7258404982972024</c:v>
                </c:pt>
                <c:pt idx="5589">
                  <c:v>1.7230958641702214</c:v>
                </c:pt>
                <c:pt idx="5590">
                  <c:v>1.7236186354246861</c:v>
                </c:pt>
                <c:pt idx="5591">
                  <c:v>1.7210459660271202</c:v>
                </c:pt>
                <c:pt idx="5592">
                  <c:v>1.7200210169586652</c:v>
                </c:pt>
                <c:pt idx="5593">
                  <c:v>1.7231233120182898</c:v>
                </c:pt>
                <c:pt idx="5594">
                  <c:v>1.7248498439253437</c:v>
                </c:pt>
                <c:pt idx="5595">
                  <c:v>1.7272642498558077</c:v>
                </c:pt>
                <c:pt idx="5596">
                  <c:v>1.7270991168629797</c:v>
                </c:pt>
                <c:pt idx="5597">
                  <c:v>1.7207431101065835</c:v>
                </c:pt>
                <c:pt idx="5598">
                  <c:v>1.72006206781976</c:v>
                </c:pt>
                <c:pt idx="5599">
                  <c:v>1.7259158363020188</c:v>
                </c:pt>
                <c:pt idx="5600">
                  <c:v>1.7212794919331411</c:v>
                </c:pt>
                <c:pt idx="5601">
                  <c:v>1.726445371280048</c:v>
                </c:pt>
                <c:pt idx="5602">
                  <c:v>1.7276559636630331</c:v>
                </c:pt>
                <c:pt idx="5603">
                  <c:v>1.7274908079991975</c:v>
                </c:pt>
                <c:pt idx="5604">
                  <c:v>1.7309369871694467</c:v>
                </c:pt>
                <c:pt idx="5605">
                  <c:v>1.7331793754694149</c:v>
                </c:pt>
                <c:pt idx="5606">
                  <c:v>1.728886945441235</c:v>
                </c:pt>
                <c:pt idx="5607">
                  <c:v>1.7299255428647318</c:v>
                </c:pt>
                <c:pt idx="5608">
                  <c:v>1.7338876162232257</c:v>
                </c:pt>
                <c:pt idx="5609">
                  <c:v>1.7302830451003239</c:v>
                </c:pt>
                <c:pt idx="5610">
                  <c:v>1.7311496626886551</c:v>
                </c:pt>
                <c:pt idx="5611">
                  <c:v>1.7335640005999062</c:v>
                </c:pt>
                <c:pt idx="5612">
                  <c:v>1.7325389532821647</c:v>
                </c:pt>
                <c:pt idx="5613">
                  <c:v>1.7308260243881375</c:v>
                </c:pt>
                <c:pt idx="5614">
                  <c:v>1.7301448989701596</c:v>
                </c:pt>
                <c:pt idx="5615">
                  <c:v>1.7296357458406628</c:v>
                </c:pt>
                <c:pt idx="5616">
                  <c:v>1.7332538368392461</c:v>
                </c:pt>
                <c:pt idx="5617">
                  <c:v>1.7306810465275773</c:v>
                </c:pt>
                <c:pt idx="5618">
                  <c:v>1.7349870039905047</c:v>
                </c:pt>
                <c:pt idx="5619">
                  <c:v>1.7313823950846541</c:v>
                </c:pt>
                <c:pt idx="5620">
                  <c:v>1.7339686523833056</c:v>
                </c:pt>
                <c:pt idx="5621">
                  <c:v>1.7429177632744992</c:v>
                </c:pt>
                <c:pt idx="5622">
                  <c:v>1.7387972299627121</c:v>
                </c:pt>
                <c:pt idx="5623">
                  <c:v>1.7372562204498943</c:v>
                </c:pt>
                <c:pt idx="5624">
                  <c:v>1.7403583719305995</c:v>
                </c:pt>
                <c:pt idx="5625">
                  <c:v>1.7420847602463521</c:v>
                </c:pt>
                <c:pt idx="5626">
                  <c:v>1.7415755617686497</c:v>
                </c:pt>
                <c:pt idx="5627">
                  <c:v>1.7396905925731194</c:v>
                </c:pt>
                <c:pt idx="5628">
                  <c:v>1.7383215402368413</c:v>
                </c:pt>
                <c:pt idx="5629">
                  <c:v>1.7436592558338033</c:v>
                </c:pt>
                <c:pt idx="5630">
                  <c:v>1.741946258926754</c:v>
                </c:pt>
                <c:pt idx="5631">
                  <c:v>1.7402332393425064</c:v>
                </c:pt>
                <c:pt idx="5632">
                  <c:v>1.7435073328754285</c:v>
                </c:pt>
                <c:pt idx="5633">
                  <c:v>1.7474692777607534</c:v>
                </c:pt>
                <c:pt idx="5634">
                  <c:v>1.7497115451404279</c:v>
                </c:pt>
                <c:pt idx="5635">
                  <c:v>1.7488583567561304</c:v>
                </c:pt>
                <c:pt idx="5636">
                  <c:v>1.7466294203188213</c:v>
                </c:pt>
                <c:pt idx="5637">
                  <c:v>1.7440565317640568</c:v>
                </c:pt>
                <c:pt idx="5638">
                  <c:v>1.7461268117494997</c:v>
                </c:pt>
                <c:pt idx="5639">
                  <c:v>1.7418342305771435</c:v>
                </c:pt>
                <c:pt idx="5640">
                  <c:v>1.7451082787618597</c:v>
                </c:pt>
                <c:pt idx="5641">
                  <c:v>1.7528535080987431</c:v>
                </c:pt>
                <c:pt idx="5642">
                  <c:v>1.7483889470850305</c:v>
                </c:pt>
                <c:pt idx="5643">
                  <c:v>1.7526948063048624</c:v>
                </c:pt>
                <c:pt idx="5644">
                  <c:v>1.7539052022016561</c:v>
                </c:pt>
                <c:pt idx="5645">
                  <c:v>1.7492686537875211</c:v>
                </c:pt>
                <c:pt idx="5646">
                  <c:v>1.754606301371461</c:v>
                </c:pt>
                <c:pt idx="5647">
                  <c:v>1.7537530676389579</c:v>
                </c:pt>
                <c:pt idx="5648">
                  <c:v>1.7537596651002139</c:v>
                </c:pt>
                <c:pt idx="5649">
                  <c:v>1.7549700534317507</c:v>
                </c:pt>
                <c:pt idx="5650">
                  <c:v>1.7592758673157587</c:v>
                </c:pt>
                <c:pt idx="5651">
                  <c:v>1.7592824572179486</c:v>
                </c:pt>
                <c:pt idx="5652">
                  <c:v>1.7639322005731684</c:v>
                </c:pt>
                <c:pt idx="5653">
                  <c:v>1.7684099716089525</c:v>
                </c:pt>
                <c:pt idx="5654">
                  <c:v>1.7665249041517539</c:v>
                </c:pt>
                <c:pt idx="5655">
                  <c:v>1.766015554529875</c:v>
                </c:pt>
                <c:pt idx="5656">
                  <c:v>1.758627472251532</c:v>
                </c:pt>
                <c:pt idx="5657">
                  <c:v>1.7581181301887192</c:v>
                </c:pt>
                <c:pt idx="5658">
                  <c:v>1.7617360322539863</c:v>
                </c:pt>
                <c:pt idx="5659">
                  <c:v>1.766729697515161</c:v>
                </c:pt>
                <c:pt idx="5660">
                  <c:v>1.7755066471474121</c:v>
                </c:pt>
                <c:pt idx="5661">
                  <c:v>1.7669147513153991</c:v>
                </c:pt>
                <c:pt idx="5662">
                  <c:v>1.7705326533868573</c:v>
                </c:pt>
                <c:pt idx="5663">
                  <c:v>1.7658960294130157</c:v>
                </c:pt>
                <c:pt idx="5664">
                  <c:v>1.7714055661666641</c:v>
                </c:pt>
                <c:pt idx="5665">
                  <c:v>1.7753673674235426</c:v>
                </c:pt>
                <c:pt idx="5666">
                  <c:v>1.7722784562259366</c:v>
                </c:pt>
                <c:pt idx="5667">
                  <c:v>1.7807114689083916</c:v>
                </c:pt>
                <c:pt idx="5668">
                  <c:v>1.7817497867454972</c:v>
                </c:pt>
                <c:pt idx="5669">
                  <c:v>1.7757373920043007</c:v>
                </c:pt>
                <c:pt idx="5670">
                  <c:v>1.7796991857702127</c:v>
                </c:pt>
                <c:pt idx="5671">
                  <c:v>1.7821132591451052</c:v>
                </c:pt>
                <c:pt idx="5672">
                  <c:v>1.78246368785305</c:v>
                </c:pt>
                <c:pt idx="5673">
                  <c:v>1.7800626204054446</c:v>
                </c:pt>
                <c:pt idx="5674">
                  <c:v>1.7840243990656064</c:v>
                </c:pt>
                <c:pt idx="5675">
                  <c:v>1.7816233165122506</c:v>
                </c:pt>
                <c:pt idx="5676">
                  <c:v>1.7775025564532445</c:v>
                </c:pt>
                <c:pt idx="5677">
                  <c:v>1.7855915717009927</c:v>
                </c:pt>
                <c:pt idx="5678">
                  <c:v>1.7907571185109006</c:v>
                </c:pt>
                <c:pt idx="5679">
                  <c:v>1.7916234413451815</c:v>
                </c:pt>
                <c:pt idx="5680">
                  <c:v>1.7876746158040895</c:v>
                </c:pt>
                <c:pt idx="5681">
                  <c:v>1.7936999938139475</c:v>
                </c:pt>
                <c:pt idx="5682">
                  <c:v>1.7988655104123548</c:v>
                </c:pt>
                <c:pt idx="5683">
                  <c:v>1.8017954326582408</c:v>
                </c:pt>
                <c:pt idx="5684">
                  <c:v>1.7947511740737112</c:v>
                </c:pt>
                <c:pt idx="5685">
                  <c:v>1.7923500537559796</c:v>
                </c:pt>
                <c:pt idx="5686">
                  <c:v>1.7945920868107963</c:v>
                </c:pt>
                <c:pt idx="5687">
                  <c:v>1.7975219939509319</c:v>
                </c:pt>
                <c:pt idx="5688">
                  <c:v>1.8002799212559022</c:v>
                </c:pt>
                <c:pt idx="5689">
                  <c:v>1.8030378636666229</c:v>
                </c:pt>
                <c:pt idx="5690">
                  <c:v>1.8006367282431408</c:v>
                </c:pt>
                <c:pt idx="5691">
                  <c:v>1.8040825295715215</c:v>
                </c:pt>
                <c:pt idx="5692">
                  <c:v>1.807012421543998</c:v>
                </c:pt>
                <c:pt idx="5693">
                  <c:v>1.8068468578144115</c:v>
                </c:pt>
                <c:pt idx="5694">
                  <c:v>1.8121843013159487</c:v>
                </c:pt>
                <c:pt idx="5695">
                  <c:v>1.8156300950914541</c:v>
                </c:pt>
                <c:pt idx="5696">
                  <c:v>1.8116812091273604</c:v>
                </c:pt>
                <c:pt idx="5697">
                  <c:v>1.8206299874753642</c:v>
                </c:pt>
                <c:pt idx="5698">
                  <c:v>1.8147894441704546</c:v>
                </c:pt>
                <c:pt idx="5699">
                  <c:v>1.8096367521684209</c:v>
                </c:pt>
                <c:pt idx="5700">
                  <c:v>1.8110189012150697</c:v>
                </c:pt>
                <c:pt idx="5701">
                  <c:v>1.8208275032101484</c:v>
                </c:pt>
                <c:pt idx="5702">
                  <c:v>1.8211778260540226</c:v>
                </c:pt>
                <c:pt idx="5703">
                  <c:v>1.8229038819008758</c:v>
                </c:pt>
                <c:pt idx="5704">
                  <c:v>1.82445796540353</c:v>
                </c:pt>
                <c:pt idx="5705">
                  <c:v>1.8194772456837864</c:v>
                </c:pt>
                <c:pt idx="5706">
                  <c:v>1.8328971674195813</c:v>
                </c:pt>
                <c:pt idx="5707">
                  <c:v>1.827572495582382</c:v>
                </c:pt>
                <c:pt idx="5708">
                  <c:v>1.8205281160280316</c:v>
                </c:pt>
                <c:pt idx="5709">
                  <c:v>1.8158913107232764</c:v>
                </c:pt>
                <c:pt idx="5710">
                  <c:v>1.8281074566945406</c:v>
                </c:pt>
                <c:pt idx="5711">
                  <c:v>1.8368842023372525</c:v>
                </c:pt>
                <c:pt idx="5712">
                  <c:v>1.8288080117477867</c:v>
                </c:pt>
                <c:pt idx="5713">
                  <c:v>1.8375847497757145</c:v>
                </c:pt>
                <c:pt idx="5714">
                  <c:v>1.8405145662194389</c:v>
                </c:pt>
                <c:pt idx="5715">
                  <c:v>1.8326103177007624</c:v>
                </c:pt>
                <c:pt idx="5716">
                  <c:v>1.837603726003217</c:v>
                </c:pt>
                <c:pt idx="5717">
                  <c:v>1.8407054845177306</c:v>
                </c:pt>
                <c:pt idx="5718">
                  <c:v>1.840711802374023</c:v>
                </c:pt>
                <c:pt idx="5719">
                  <c:v>1.8372787424984796</c:v>
                </c:pt>
                <c:pt idx="5720">
                  <c:v>1.839864584166123</c:v>
                </c:pt>
                <c:pt idx="5721">
                  <c:v>1.8350557536470422</c:v>
                </c:pt>
                <c:pt idx="5722">
                  <c:v>1.8458960986394506</c:v>
                </c:pt>
                <c:pt idx="5723">
                  <c:v>1.8565644638586025</c:v>
                </c:pt>
                <c:pt idx="5724">
                  <c:v>1.8586343735117159</c:v>
                </c:pt>
                <c:pt idx="5725">
                  <c:v>1.8483225356996025</c:v>
                </c:pt>
                <c:pt idx="5726">
                  <c:v>1.852112137964117</c:v>
                </c:pt>
                <c:pt idx="5727">
                  <c:v>1.8411124034699675</c:v>
                </c:pt>
                <c:pt idx="5728">
                  <c:v>1.8529845368388658</c:v>
                </c:pt>
                <c:pt idx="5729">
                  <c:v>1.8583218443267406</c:v>
                </c:pt>
                <c:pt idx="5730">
                  <c:v>1.8605637036654274</c:v>
                </c:pt>
                <c:pt idx="5731">
                  <c:v>1.8569586261903428</c:v>
                </c:pt>
                <c:pt idx="5732">
                  <c:v>1.8667671148303846</c:v>
                </c:pt>
                <c:pt idx="5733">
                  <c:v>1.8640218610023747</c:v>
                </c:pt>
                <c:pt idx="5734">
                  <c:v>1.8559455797784064</c:v>
                </c:pt>
                <c:pt idx="5735">
                  <c:v>1.8655820810304076</c:v>
                </c:pt>
                <c:pt idx="5736">
                  <c:v>1.8640406029669281</c:v>
                </c:pt>
                <c:pt idx="5737">
                  <c:v>1.8674862304553614</c:v>
                </c:pt>
                <c:pt idx="5738">
                  <c:v>1.8676644450032829</c:v>
                </c:pt>
                <c:pt idx="5739">
                  <c:v>1.8633714481875367</c:v>
                </c:pt>
                <c:pt idx="5740">
                  <c:v>1.8566708922898545</c:v>
                </c:pt>
                <c:pt idx="5741">
                  <c:v>1.8694028266472018</c:v>
                </c:pt>
                <c:pt idx="5742">
                  <c:v>1.8743961367003699</c:v>
                </c:pt>
                <c:pt idx="5743">
                  <c:v>1.871134943366864</c:v>
                </c:pt>
                <c:pt idx="5744">
                  <c:v>1.8750964499377918</c:v>
                </c:pt>
                <c:pt idx="5745">
                  <c:v>1.8711473749660914</c:v>
                </c:pt>
                <c:pt idx="5746">
                  <c:v>1.8699498037028164</c:v>
                </c:pt>
                <c:pt idx="5747">
                  <c:v>1.8758029449559344</c:v>
                </c:pt>
                <c:pt idx="5748">
                  <c:v>1.8746053736926593</c:v>
                </c:pt>
                <c:pt idx="5749">
                  <c:v>1.8697964373095082</c:v>
                </c:pt>
                <c:pt idx="5750">
                  <c:v>1.8742738154100551</c:v>
                </c:pt>
                <c:pt idx="5751">
                  <c:v>1.8718724381088401</c:v>
                </c:pt>
                <c:pt idx="5752">
                  <c:v>1.8768657330562577</c:v>
                </c:pt>
                <c:pt idx="5753">
                  <c:v>1.8811711312597306</c:v>
                </c:pt>
                <c:pt idx="5754">
                  <c:v>1.8823810813140154</c:v>
                </c:pt>
                <c:pt idx="5755">
                  <c:v>1.872585054484702</c:v>
                </c:pt>
                <c:pt idx="5756">
                  <c:v>1.8698397100221897</c:v>
                </c:pt>
                <c:pt idx="5757">
                  <c:v>1.8698458766971602</c:v>
                </c:pt>
                <c:pt idx="5758">
                  <c:v>1.8703679451132509</c:v>
                </c:pt>
                <c:pt idx="5759">
                  <c:v>1.8760490838725778</c:v>
                </c:pt>
                <c:pt idx="5760">
                  <c:v>1.8703802634193503</c:v>
                </c:pt>
                <c:pt idx="5761">
                  <c:v>1.8727939816233816</c:v>
                </c:pt>
                <c:pt idx="5762">
                  <c:v>1.880710722288105</c:v>
                </c:pt>
                <c:pt idx="5763">
                  <c:v>1.8736661235765559</c:v>
                </c:pt>
                <c:pt idx="5764">
                  <c:v>1.8705768269346792</c:v>
                </c:pt>
                <c:pt idx="5765">
                  <c:v>1.8697231170924484</c:v>
                </c:pt>
                <c:pt idx="5766">
                  <c:v>1.8707610721439087</c:v>
                </c:pt>
                <c:pt idx="5767">
                  <c:v>1.876786110088656</c:v>
                </c:pt>
                <c:pt idx="5768">
                  <c:v>1.8773081558461211</c:v>
                </c:pt>
                <c:pt idx="5769">
                  <c:v>1.8800657808503567</c:v>
                </c:pt>
                <c:pt idx="5770">
                  <c:v>1.8824794537371368</c:v>
                </c:pt>
                <c:pt idx="5771">
                  <c:v>1.8726833589319465</c:v>
                </c:pt>
                <c:pt idx="5772">
                  <c:v>1.8763008151361322</c:v>
                </c:pt>
                <c:pt idx="5773">
                  <c:v>1.8740713345884552</c:v>
                </c:pt>
                <c:pt idx="5774">
                  <c:v>1.8756251611695349</c:v>
                </c:pt>
                <c:pt idx="5775">
                  <c:v>1.8785547357355263</c:v>
                </c:pt>
                <c:pt idx="5776">
                  <c:v>1.8758093383409786</c:v>
                </c:pt>
                <c:pt idx="5777">
                  <c:v>1.8792548222628742</c:v>
                </c:pt>
                <c:pt idx="5778">
                  <c:v>1.8706624503520879</c:v>
                </c:pt>
                <c:pt idx="5779">
                  <c:v>1.8661973527313553</c:v>
                </c:pt>
                <c:pt idx="5780">
                  <c:v>1.8710185695943211</c:v>
                </c:pt>
                <c:pt idx="5781">
                  <c:v>1.8730882751959865</c:v>
                </c:pt>
                <c:pt idx="5782">
                  <c:v>1.8751579733066854</c:v>
                </c:pt>
                <c:pt idx="5783">
                  <c:v>1.8758519384763142</c:v>
                </c:pt>
                <c:pt idx="5784">
                  <c:v>1.8722466569497813</c:v>
                </c:pt>
                <c:pt idx="5785">
                  <c:v>1.8791314958829779</c:v>
                </c:pt>
                <c:pt idx="5786">
                  <c:v>1.8720868215807678</c:v>
                </c:pt>
                <c:pt idx="5787">
                  <c:v>1.8710610789713364</c:v>
                </c:pt>
                <c:pt idx="5788">
                  <c:v>1.867111852942132</c:v>
                </c:pt>
                <c:pt idx="5789">
                  <c:v>1.866086087674075</c:v>
                </c:pt>
                <c:pt idx="5790">
                  <c:v>1.8719390928516217</c:v>
                </c:pt>
                <c:pt idx="5791">
                  <c:v>1.8702254460691881</c:v>
                </c:pt>
                <c:pt idx="5792">
                  <c:v>1.8693716455305458</c:v>
                </c:pt>
                <c:pt idx="5793">
                  <c:v>1.8618110543814654</c:v>
                </c:pt>
                <c:pt idx="5794">
                  <c:v>1.8573459038906064</c:v>
                </c:pt>
                <c:pt idx="5795">
                  <c:v>1.8530527105762873</c:v>
                </c:pt>
                <c:pt idx="5796">
                  <c:v>1.8571860005457164</c:v>
                </c:pt>
                <c:pt idx="5797">
                  <c:v>1.8618351921943566</c:v>
                </c:pt>
                <c:pt idx="5798">
                  <c:v>1.859777578126808</c:v>
                </c:pt>
                <c:pt idx="5799">
                  <c:v>1.8585798254707102</c:v>
                </c:pt>
                <c:pt idx="5800">
                  <c:v>1.8596176596142586</c:v>
                </c:pt>
                <c:pt idx="5801">
                  <c:v>1.8615153249577567</c:v>
                </c:pt>
                <c:pt idx="5802">
                  <c:v>1.8561902979496965</c:v>
                </c:pt>
                <c:pt idx="5803">
                  <c:v>1.8486296841419905</c:v>
                </c:pt>
                <c:pt idx="5804">
                  <c:v>1.8484637122475986</c:v>
                </c:pt>
                <c:pt idx="5805">
                  <c:v>1.8472659369328754</c:v>
                </c:pt>
                <c:pt idx="5806">
                  <c:v>1.8510552520643144</c:v>
                </c:pt>
                <c:pt idx="5807">
                  <c:v>1.8536407687725973</c:v>
                </c:pt>
                <c:pt idx="5808">
                  <c:v>1.8526149581872891</c:v>
                </c:pt>
                <c:pt idx="5809">
                  <c:v>1.8552004748336632</c:v>
                </c:pt>
                <c:pt idx="5810">
                  <c:v>1.8443724178739445</c:v>
                </c:pt>
                <c:pt idx="5811">
                  <c:v>1.8397352346777938</c:v>
                </c:pt>
                <c:pt idx="5812">
                  <c:v>1.8412889327361772</c:v>
                </c:pt>
                <c:pt idx="5813">
                  <c:v>1.8504092753254837</c:v>
                </c:pt>
                <c:pt idx="5814">
                  <c:v>1.842332699291747</c:v>
                </c:pt>
                <c:pt idx="5815">
                  <c:v>1.8406189769186523</c:v>
                </c:pt>
                <c:pt idx="5816">
                  <c:v>1.8382173729073634</c:v>
                </c:pt>
                <c:pt idx="5817">
                  <c:v>1.8416627208155965</c:v>
                </c:pt>
                <c:pt idx="5818">
                  <c:v>1.8490633405200922</c:v>
                </c:pt>
                <c:pt idx="5819">
                  <c:v>1.8449420515121864</c:v>
                </c:pt>
                <c:pt idx="5820">
                  <c:v>1.840648775054331</c:v>
                </c:pt>
                <c:pt idx="5821">
                  <c:v>1.8392789745252824</c:v>
                </c:pt>
                <c:pt idx="5822">
                  <c:v>1.8372213000347322</c:v>
                </c:pt>
                <c:pt idx="5823">
                  <c:v>1.8363674012468036</c:v>
                </c:pt>
                <c:pt idx="5824">
                  <c:v>1.8336218300123086</c:v>
                </c:pt>
                <c:pt idx="5825">
                  <c:v>1.8337997347685291</c:v>
                </c:pt>
                <c:pt idx="5826">
                  <c:v>1.8236594989001855</c:v>
                </c:pt>
                <c:pt idx="5827">
                  <c:v>1.831404032957761</c:v>
                </c:pt>
                <c:pt idx="5828">
                  <c:v>1.8308940636286621</c:v>
                </c:pt>
                <c:pt idx="5829">
                  <c:v>1.8295242328881127</c:v>
                </c:pt>
                <c:pt idx="5830">
                  <c:v>1.8338293741700109</c:v>
                </c:pt>
                <c:pt idx="5831">
                  <c:v>1.8338352914762821</c:v>
                </c:pt>
                <c:pt idx="5832">
                  <c:v>1.8267904811604097</c:v>
                </c:pt>
                <c:pt idx="5833">
                  <c:v>1.8252486705846946</c:v>
                </c:pt>
                <c:pt idx="5834">
                  <c:v>1.8183758249982371</c:v>
                </c:pt>
                <c:pt idx="5835">
                  <c:v>1.8094393497886736</c:v>
                </c:pt>
                <c:pt idx="5836">
                  <c:v>1.8163240148819229</c:v>
                </c:pt>
                <c:pt idx="5837">
                  <c:v>1.8189094484466697</c:v>
                </c:pt>
                <c:pt idx="5838">
                  <c:v>1.8144441392835227</c:v>
                </c:pt>
                <c:pt idx="5839">
                  <c:v>1.8192651672007905</c:v>
                </c:pt>
                <c:pt idx="5840">
                  <c:v>1.825118013706049</c:v>
                </c:pt>
                <c:pt idx="5841">
                  <c:v>1.8184171025755969</c:v>
                </c:pt>
                <c:pt idx="5842">
                  <c:v>1.8160154154826806</c:v>
                </c:pt>
                <c:pt idx="5843">
                  <c:v>1.8134417787660999</c:v>
                </c:pt>
                <c:pt idx="5844">
                  <c:v>1.8156832451076408</c:v>
                </c:pt>
                <c:pt idx="5845">
                  <c:v>1.8122497393648251</c:v>
                </c:pt>
                <c:pt idx="5846">
                  <c:v>1.8141472762475361</c:v>
                </c:pt>
                <c:pt idx="5847">
                  <c:v>1.815872840847957</c:v>
                </c:pt>
                <c:pt idx="5848">
                  <c:v>1.8114075014114002</c:v>
                </c:pt>
                <c:pt idx="5849">
                  <c:v>1.8028149178962904</c:v>
                </c:pt>
                <c:pt idx="5850">
                  <c:v>1.8076359079872737</c:v>
                </c:pt>
                <c:pt idx="5851">
                  <c:v>1.8081576817174136</c:v>
                </c:pt>
                <c:pt idx="5852">
                  <c:v>1.8081635385387742</c:v>
                </c:pt>
                <c:pt idx="5853">
                  <c:v>1.8011186602470248</c:v>
                </c:pt>
                <c:pt idx="5854">
                  <c:v>1.8049078241971421</c:v>
                </c:pt>
                <c:pt idx="5855">
                  <c:v>1.8102447009234948</c:v>
                </c:pt>
                <c:pt idx="5856">
                  <c:v>1.8037157168199904</c:v>
                </c:pt>
                <c:pt idx="5857">
                  <c:v>1.8073329160406928</c:v>
                </c:pt>
                <c:pt idx="5858">
                  <c:v>1.8102622185793591</c:v>
                </c:pt>
                <c:pt idx="5859">
                  <c:v>1.8045930732286799</c:v>
                </c:pt>
                <c:pt idx="5860">
                  <c:v>1.7917012430174086</c:v>
                </c:pt>
                <c:pt idx="5861">
                  <c:v>1.7989297695317021</c:v>
                </c:pt>
                <c:pt idx="5862">
                  <c:v>1.8068461549636554</c:v>
                </c:pt>
                <c:pt idx="5863">
                  <c:v>1.7946421836700441</c:v>
                </c:pt>
                <c:pt idx="5864">
                  <c:v>1.7953358768123477</c:v>
                </c:pt>
                <c:pt idx="5865">
                  <c:v>1.7965454867396131</c:v>
                </c:pt>
                <c:pt idx="5866">
                  <c:v>1.7993027943373638</c:v>
                </c:pt>
                <c:pt idx="5867">
                  <c:v>1.7965571097478319</c:v>
                </c:pt>
                <c:pt idx="5868">
                  <c:v>1.796390941416776</c:v>
                </c:pt>
                <c:pt idx="5869">
                  <c:v>1.7963967453680101</c:v>
                </c:pt>
                <c:pt idx="5870">
                  <c:v>1.7964025493192444</c:v>
                </c:pt>
                <c:pt idx="5871">
                  <c:v>1.7921091141891008</c:v>
                </c:pt>
                <c:pt idx="5872">
                  <c:v>1.7977898901627827</c:v>
                </c:pt>
                <c:pt idx="5873">
                  <c:v>1.7952161476440402</c:v>
                </c:pt>
                <c:pt idx="5874">
                  <c:v>1.7876553071262604</c:v>
                </c:pt>
                <c:pt idx="5875">
                  <c:v>1.7880050404744157</c:v>
                </c:pt>
                <c:pt idx="5876">
                  <c:v>1.7859471845910431</c:v>
                </c:pt>
                <c:pt idx="5877">
                  <c:v>1.7919718900235548</c:v>
                </c:pt>
                <c:pt idx="5878">
                  <c:v>1.7911178250104629</c:v>
                </c:pt>
                <c:pt idx="5879">
                  <c:v>1.7961106891344496</c:v>
                </c:pt>
                <c:pt idx="5880">
                  <c:v>1.78992558155774</c:v>
                </c:pt>
                <c:pt idx="5881">
                  <c:v>1.7938866422613953</c:v>
                </c:pt>
                <c:pt idx="5882">
                  <c:v>1.7923446881191427</c:v>
                </c:pt>
                <c:pt idx="5883">
                  <c:v>1.7895989581504508</c:v>
                </c:pt>
                <c:pt idx="5884">
                  <c:v>1.7909804648312544</c:v>
                </c:pt>
                <c:pt idx="5885">
                  <c:v>1.7875468457334018</c:v>
                </c:pt>
                <c:pt idx="5886">
                  <c:v>1.7877245690967996</c:v>
                </c:pt>
                <c:pt idx="5887">
                  <c:v>1.7894500203421835</c:v>
                </c:pt>
                <c:pt idx="5888">
                  <c:v>1.7918633379961937</c:v>
                </c:pt>
                <c:pt idx="5889">
                  <c:v>1.7910092352187257</c:v>
                </c:pt>
                <c:pt idx="5890">
                  <c:v>1.7872316715562928</c:v>
                </c:pt>
                <c:pt idx="5891">
                  <c:v>1.7858616670377048</c:v>
                </c:pt>
                <c:pt idx="5892">
                  <c:v>1.7949817526435277</c:v>
                </c:pt>
                <c:pt idx="5893">
                  <c:v>1.7848413278294863</c:v>
                </c:pt>
                <c:pt idx="5894">
                  <c:v>1.786394776581079</c:v>
                </c:pt>
                <c:pt idx="5895">
                  <c:v>1.7962027362103123</c:v>
                </c:pt>
                <c:pt idx="5896">
                  <c:v>1.7905335001013132</c:v>
                </c:pt>
                <c:pt idx="5897">
                  <c:v>1.7872718155832836</c:v>
                </c:pt>
                <c:pt idx="5898">
                  <c:v>1.7872775363909816</c:v>
                </c:pt>
                <c:pt idx="5899">
                  <c:v>1.785219642681324</c:v>
                </c:pt>
                <c:pt idx="5900">
                  <c:v>1.7852253559361468</c:v>
                </c:pt>
                <c:pt idx="5901">
                  <c:v>1.7866068247906655</c:v>
                </c:pt>
                <c:pt idx="5902">
                  <c:v>1.7793898382029636</c:v>
                </c:pt>
                <c:pt idx="5903">
                  <c:v>1.7910894325143871</c:v>
                </c:pt>
                <c:pt idx="5904">
                  <c:v>1.7917830197926201</c:v>
                </c:pt>
                <c:pt idx="5905">
                  <c:v>1.7830183052610233</c:v>
                </c:pt>
                <c:pt idx="5906">
                  <c:v>1.7840558295509616</c:v>
                </c:pt>
                <c:pt idx="5907">
                  <c:v>1.7928319479335788</c:v>
                </c:pt>
                <c:pt idx="5908">
                  <c:v>1.7967929330465731</c:v>
                </c:pt>
                <c:pt idx="5909">
                  <c:v>1.7909516717851572</c:v>
                </c:pt>
                <c:pt idx="5910">
                  <c:v>1.7857983072057773</c:v>
                </c:pt>
                <c:pt idx="5911">
                  <c:v>1.7885554938956159</c:v>
                </c:pt>
                <c:pt idx="5912">
                  <c:v>1.7897649678092187</c:v>
                </c:pt>
                <c:pt idx="5913">
                  <c:v>1.7911464064522364</c:v>
                </c:pt>
                <c:pt idx="5914">
                  <c:v>1.7890884674253278</c:v>
                </c:pt>
                <c:pt idx="5915">
                  <c:v>1.7892661000304055</c:v>
                </c:pt>
                <c:pt idx="5916">
                  <c:v>1.7882399720386122</c:v>
                </c:pt>
                <c:pt idx="5917">
                  <c:v>1.7934047102575112</c:v>
                </c:pt>
                <c:pt idx="5918">
                  <c:v>1.7910028191131471</c:v>
                </c:pt>
                <c:pt idx="5919">
                  <c:v>1.7908365147684284</c:v>
                </c:pt>
                <c:pt idx="5920">
                  <c:v>1.7908421826440912</c:v>
                </c:pt>
                <c:pt idx="5921">
                  <c:v>1.790847850581663</c:v>
                </c:pt>
                <c:pt idx="5922">
                  <c:v>1.7968724351062626</c:v>
                </c:pt>
                <c:pt idx="5923">
                  <c:v>1.7953303750999394</c:v>
                </c:pt>
                <c:pt idx="5924">
                  <c:v>1.7939602647791897</c:v>
                </c:pt>
                <c:pt idx="5925">
                  <c:v>1.7980931844100985</c:v>
                </c:pt>
                <c:pt idx="5926">
                  <c:v>1.790360235534457</c:v>
                </c:pt>
                <c:pt idx="5927">
                  <c:v>1.7915696716836838</c:v>
                </c:pt>
                <c:pt idx="5928">
                  <c:v>1.7967343871820487</c:v>
                </c:pt>
                <c:pt idx="5929">
                  <c:v>1.7998354731192161</c:v>
                </c:pt>
                <c:pt idx="5930">
                  <c:v>1.7946820480549257</c:v>
                </c:pt>
                <c:pt idx="5931">
                  <c:v>1.7900445323465395</c:v>
                </c:pt>
                <c:pt idx="5932">
                  <c:v>1.7907380364812366</c:v>
                </c:pt>
                <c:pt idx="5933">
                  <c:v>1.8002019533585119</c:v>
                </c:pt>
                <c:pt idx="5934">
                  <c:v>1.806054542880287</c:v>
                </c:pt>
                <c:pt idx="5935">
                  <c:v>1.8060601730534824</c:v>
                </c:pt>
                <c:pt idx="5936">
                  <c:v>1.8041741307182031</c:v>
                </c:pt>
                <c:pt idx="5937">
                  <c:v>1.8048676348529</c:v>
                </c:pt>
                <c:pt idx="5938">
                  <c:v>1.8012619150738789</c:v>
                </c:pt>
                <c:pt idx="5939">
                  <c:v>1.800579656056005</c:v>
                </c:pt>
                <c:pt idx="5940">
                  <c:v>1.8021329989435273</c:v>
                </c:pt>
                <c:pt idx="5941">
                  <c:v>1.8004189213376627</c:v>
                </c:pt>
                <c:pt idx="5942">
                  <c:v>1.8040358939101999</c:v>
                </c:pt>
                <c:pt idx="5943">
                  <c:v>1.8030096827748705</c:v>
                </c:pt>
                <c:pt idx="5944">
                  <c:v>1.799575912557605</c:v>
                </c:pt>
                <c:pt idx="5945">
                  <c:v>1.8043966457270135</c:v>
                </c:pt>
                <c:pt idx="5946">
                  <c:v>1.807325721555606</c:v>
                </c:pt>
                <c:pt idx="5947">
                  <c:v>1.8073313214553921</c:v>
                </c:pt>
                <c:pt idx="5948">
                  <c:v>1.8023498309090158</c:v>
                </c:pt>
                <c:pt idx="5949">
                  <c:v>1.8018395140238399</c:v>
                </c:pt>
                <c:pt idx="5950">
                  <c:v>1.8094117508397649</c:v>
                </c:pt>
                <c:pt idx="5951">
                  <c:v>1.8099332449277958</c:v>
                </c:pt>
                <c:pt idx="5952">
                  <c:v>1.8034040113936831</c:v>
                </c:pt>
                <c:pt idx="5953">
                  <c:v>1.8144156107737841</c:v>
                </c:pt>
                <c:pt idx="5954">
                  <c:v>1.8130454475209992</c:v>
                </c:pt>
                <c:pt idx="5955">
                  <c:v>1.8149426972087259</c:v>
                </c:pt>
                <c:pt idx="5956">
                  <c:v>1.8201073447312139</c:v>
                </c:pt>
                <c:pt idx="5957">
                  <c:v>1.8103106981946806</c:v>
                </c:pt>
                <c:pt idx="5958">
                  <c:v>1.8115200512003715</c:v>
                </c:pt>
                <c:pt idx="5959">
                  <c:v>1.8144490968174631</c:v>
                </c:pt>
                <c:pt idx="5960">
                  <c:v>1.813766792482338</c:v>
                </c:pt>
                <c:pt idx="5961">
                  <c:v>1.8132564604295029</c:v>
                </c:pt>
                <c:pt idx="5962">
                  <c:v>1.8163574707760097</c:v>
                </c:pt>
                <c:pt idx="5963">
                  <c:v>1.8232417881893641</c:v>
                </c:pt>
                <c:pt idx="5964">
                  <c:v>1.8136170837855292</c:v>
                </c:pt>
                <c:pt idx="5965">
                  <c:v>1.8106991775450079</c:v>
                </c:pt>
                <c:pt idx="5966">
                  <c:v>1.817411522737981</c:v>
                </c:pt>
                <c:pt idx="5967">
                  <c:v>1.8194807144345881</c:v>
                </c:pt>
                <c:pt idx="5968">
                  <c:v>1.8146711357475005</c:v>
                </c:pt>
                <c:pt idx="5969">
                  <c:v>1.818460005011667</c:v>
                </c:pt>
                <c:pt idx="5970">
                  <c:v>1.8165739021914771</c:v>
                </c:pt>
                <c:pt idx="5971">
                  <c:v>1.8174392804210866</c:v>
                </c:pt>
                <c:pt idx="5972">
                  <c:v>1.8215720866350495</c:v>
                </c:pt>
                <c:pt idx="5973">
                  <c:v>1.8232973187232346</c:v>
                </c:pt>
                <c:pt idx="5974">
                  <c:v>1.8265702786934059</c:v>
                </c:pt>
                <c:pt idx="5975">
                  <c:v>1.8245121809323002</c:v>
                </c:pt>
                <c:pt idx="5976">
                  <c:v>1.8191866778454666</c:v>
                </c:pt>
                <c:pt idx="5977">
                  <c:v>1.8195361618249226</c:v>
                </c:pt>
                <c:pt idx="5978">
                  <c:v>1.8277961971355057</c:v>
                </c:pt>
                <c:pt idx="5979">
                  <c:v>1.8243623588804545</c:v>
                </c:pt>
                <c:pt idx="5980">
                  <c:v>1.8186929036761654</c:v>
                </c:pt>
                <c:pt idx="5981">
                  <c:v>1.8272968759365449</c:v>
                </c:pt>
                <c:pt idx="5982">
                  <c:v>1.8228312115406278</c:v>
                </c:pt>
                <c:pt idx="5983">
                  <c:v>1.8197412952534402</c:v>
                </c:pt>
                <c:pt idx="5984">
                  <c:v>1.8200907490213953</c:v>
                </c:pt>
                <c:pt idx="5985">
                  <c:v>1.8218159583890461</c:v>
                </c:pt>
                <c:pt idx="5986">
                  <c:v>1.8231972232540254</c:v>
                </c:pt>
                <c:pt idx="5987">
                  <c:v>1.8247504527865108</c:v>
                </c:pt>
                <c:pt idx="5988">
                  <c:v>1.8306029214003738</c:v>
                </c:pt>
                <c:pt idx="5989">
                  <c:v>1.8287167657719663</c:v>
                </c:pt>
                <c:pt idx="5990">
                  <c:v>1.8271745546462301</c:v>
                </c:pt>
                <c:pt idx="5991">
                  <c:v>1.825632335967619</c:v>
                </c:pt>
                <c:pt idx="5992">
                  <c:v>1.8232302709833073</c:v>
                </c:pt>
                <c:pt idx="5993">
                  <c:v>1.8179047376230641</c:v>
                </c:pt>
                <c:pt idx="5994">
                  <c:v>1.8156746449829513</c:v>
                </c:pt>
                <c:pt idx="5995">
                  <c:v>1.8249664686081153</c:v>
                </c:pt>
                <c:pt idx="5996">
                  <c:v>1.8316787457633028</c:v>
                </c:pt>
                <c:pt idx="5997">
                  <c:v>1.828932743767286</c:v>
                </c:pt>
                <c:pt idx="5998">
                  <c:v>1.8201678100784906</c:v>
                </c:pt>
                <c:pt idx="5999">
                  <c:v>1.8205172487406951</c:v>
                </c:pt>
                <c:pt idx="6000">
                  <c:v>1.8217265110499747</c:v>
                </c:pt>
                <c:pt idx="6001">
                  <c:v>1.8222478993358437</c:v>
                </c:pt>
                <c:pt idx="6002">
                  <c:v>1.8196738620692419</c:v>
                </c:pt>
                <c:pt idx="6003">
                  <c:v>1.8244944743307383</c:v>
                </c:pt>
                <c:pt idx="6004">
                  <c:v>1.8279393234396637</c:v>
                </c:pt>
                <c:pt idx="6005">
                  <c:v>1.8262251098201365</c:v>
                </c:pt>
                <c:pt idx="6006">
                  <c:v>1.8317335961050432</c:v>
                </c:pt>
                <c:pt idx="6007">
                  <c:v>1.8274398511212899</c:v>
                </c:pt>
                <c:pt idx="6008">
                  <c:v>1.8293369723482291</c:v>
                </c:pt>
                <c:pt idx="6009">
                  <c:v>1.8219477867062543</c:v>
                </c:pt>
                <c:pt idx="6010">
                  <c:v>1.8149025229702342</c:v>
                </c:pt>
                <c:pt idx="6011">
                  <c:v>1.8207549311610958</c:v>
                </c:pt>
                <c:pt idx="6012">
                  <c:v>1.8243717525523111</c:v>
                </c:pt>
                <c:pt idx="6013">
                  <c:v>1.821109803436014</c:v>
                </c:pt>
                <c:pt idx="6014">
                  <c:v>1.8209432874869722</c:v>
                </c:pt>
                <c:pt idx="6015">
                  <c:v>1.8168215072326339</c:v>
                </c:pt>
                <c:pt idx="6016">
                  <c:v>1.8226739003177448</c:v>
                </c:pt>
                <c:pt idx="6017">
                  <c:v>1.824399049262394</c:v>
                </c:pt>
                <c:pt idx="6018">
                  <c:v>1.8242325256985681</c:v>
                </c:pt>
                <c:pt idx="6019">
                  <c:v>1.8221743599615854</c:v>
                </c:pt>
                <c:pt idx="6020">
                  <c:v>1.8183964940603268</c:v>
                </c:pt>
                <c:pt idx="6021">
                  <c:v>1.8245928165423588</c:v>
                </c:pt>
                <c:pt idx="6022">
                  <c:v>1.8232225021701607</c:v>
                </c:pt>
                <c:pt idx="6023">
                  <c:v>1.8160052661518504</c:v>
                </c:pt>
                <c:pt idx="6024">
                  <c:v>1.8184182739522508</c:v>
                </c:pt>
                <c:pt idx="6025">
                  <c:v>1.8158441762626472</c:v>
                </c:pt>
                <c:pt idx="6026">
                  <c:v>1.8120662952556379</c:v>
                </c:pt>
                <c:pt idx="6027">
                  <c:v>1.8132755121857573</c:v>
                </c:pt>
                <c:pt idx="6028">
                  <c:v>1.8115612532489791</c:v>
                </c:pt>
                <c:pt idx="6029">
                  <c:v>1.815521973825615</c:v>
                </c:pt>
                <c:pt idx="6030">
                  <c:v>1.8127759114065964</c:v>
                </c:pt>
                <c:pt idx="6031">
                  <c:v>1.8084821059379326</c:v>
                </c:pt>
                <c:pt idx="6032">
                  <c:v>1.8071117840128594</c:v>
                </c:pt>
                <c:pt idx="6033">
                  <c:v>1.8040217694144765</c:v>
                </c:pt>
                <c:pt idx="6034">
                  <c:v>1.8054029435830445</c:v>
                </c:pt>
                <c:pt idx="6035">
                  <c:v>1.8073000345365742</c:v>
                </c:pt>
                <c:pt idx="6036">
                  <c:v>1.8110887677870784</c:v>
                </c:pt>
                <c:pt idx="6037">
                  <c:v>1.810062367706051</c:v>
                </c:pt>
                <c:pt idx="6038">
                  <c:v>1.796998149556718</c:v>
                </c:pt>
                <c:pt idx="6039">
                  <c:v>1.7957997923610598</c:v>
                </c:pt>
                <c:pt idx="6040">
                  <c:v>1.7968370219031387</c:v>
                </c:pt>
                <c:pt idx="6041">
                  <c:v>1.8032052714121185</c:v>
                </c:pt>
                <c:pt idx="6042">
                  <c:v>1.8078538433535392</c:v>
                </c:pt>
                <c:pt idx="6043">
                  <c:v>1.8030441361437552</c:v>
                </c:pt>
                <c:pt idx="6044">
                  <c:v>1.7965147212787287</c:v>
                </c:pt>
                <c:pt idx="6045">
                  <c:v>1.8047746280666157</c:v>
                </c:pt>
                <c:pt idx="6046">
                  <c:v>1.8068436686438101</c:v>
                </c:pt>
                <c:pt idx="6047">
                  <c:v>1.803237714539931</c:v>
                </c:pt>
                <c:pt idx="6048">
                  <c:v>1.8059946292024442</c:v>
                </c:pt>
                <c:pt idx="6049">
                  <c:v>1.7960258290527071</c:v>
                </c:pt>
                <c:pt idx="6050">
                  <c:v>1.7977509024066956</c:v>
                </c:pt>
                <c:pt idx="6051">
                  <c:v>1.794488900420272</c:v>
                </c:pt>
                <c:pt idx="6052">
                  <c:v>1.7979336663856613</c:v>
                </c:pt>
                <c:pt idx="6053">
                  <c:v>1.8012064752364196</c:v>
                </c:pt>
                <c:pt idx="6054">
                  <c:v>1.7890020731812861</c:v>
                </c:pt>
                <c:pt idx="6055">
                  <c:v>1.789179433759039</c:v>
                </c:pt>
                <c:pt idx="6056">
                  <c:v>1.7919363181481427</c:v>
                </c:pt>
                <c:pt idx="6057">
                  <c:v>1.7933174544904258</c:v>
                </c:pt>
                <c:pt idx="6058">
                  <c:v>1.7861001504343299</c:v>
                </c:pt>
                <c:pt idx="6059">
                  <c:v>1.7855896218829219</c:v>
                </c:pt>
                <c:pt idx="6060">
                  <c:v>1.7861109195342888</c:v>
                </c:pt>
                <c:pt idx="6061">
                  <c:v>1.7893836981116373</c:v>
                </c:pt>
                <c:pt idx="6062">
                  <c:v>1.795923897182373</c:v>
                </c:pt>
                <c:pt idx="6063">
                  <c:v>1.7835475152920743</c:v>
                </c:pt>
                <c:pt idx="6064">
                  <c:v>1.784412734787487</c:v>
                </c:pt>
                <c:pt idx="6065">
                  <c:v>1.7856218837417295</c:v>
                </c:pt>
                <c:pt idx="6066">
                  <c:v>1.7894105716130735</c:v>
                </c:pt>
                <c:pt idx="6067">
                  <c:v>1.7816773431572317</c:v>
                </c:pt>
                <c:pt idx="6068">
                  <c:v>1.7846061922757506</c:v>
                </c:pt>
                <c:pt idx="6069">
                  <c:v>1.7973372499423947</c:v>
                </c:pt>
                <c:pt idx="6070">
                  <c:v>1.7789419514650679</c:v>
                </c:pt>
                <c:pt idx="6071">
                  <c:v>1.7743041485616973</c:v>
                </c:pt>
                <c:pt idx="6072">
                  <c:v>1.7743095141985343</c:v>
                </c:pt>
                <c:pt idx="6073">
                  <c:v>1.7737989780942511</c:v>
                </c:pt>
                <c:pt idx="6074">
                  <c:v>1.7700210063908306</c:v>
                </c:pt>
                <c:pt idx="6075">
                  <c:v>1.7729498479564743</c:v>
                </c:pt>
                <c:pt idx="6076">
                  <c:v>1.7765665484397777</c:v>
                </c:pt>
                <c:pt idx="6077">
                  <c:v>1.779495374837762</c:v>
                </c:pt>
                <c:pt idx="6078">
                  <c:v>1.7750295366638063</c:v>
                </c:pt>
                <c:pt idx="6079">
                  <c:v>1.7666084115259286</c:v>
                </c:pt>
                <c:pt idx="6080">
                  <c:v>1.7703970842915222</c:v>
                </c:pt>
                <c:pt idx="6081">
                  <c:v>1.77263802917513</c:v>
                </c:pt>
                <c:pt idx="6082">
                  <c:v>1.7680002111041002</c:v>
                </c:pt>
                <c:pt idx="6083">
                  <c:v>1.7707570728345783</c:v>
                </c:pt>
                <c:pt idx="6084">
                  <c:v>1.7681828768956882</c:v>
                </c:pt>
                <c:pt idx="6085">
                  <c:v>1.7640609606276874</c:v>
                </c:pt>
                <c:pt idx="6086">
                  <c:v>1.7663019054493863</c:v>
                </c:pt>
                <c:pt idx="6087">
                  <c:v>1.7654473945690219</c:v>
                </c:pt>
                <c:pt idx="6088">
                  <c:v>1.7582300527361681</c:v>
                </c:pt>
                <c:pt idx="6089">
                  <c:v>1.7680376118277619</c:v>
                </c:pt>
                <c:pt idx="6090">
                  <c:v>1.7592725345724287</c:v>
                </c:pt>
                <c:pt idx="6091">
                  <c:v>1.7580740942208528</c:v>
                </c:pt>
                <c:pt idx="6092">
                  <c:v>1.7599710945213074</c:v>
                </c:pt>
                <c:pt idx="6093">
                  <c:v>1.7606643039452903</c:v>
                </c:pt>
                <c:pt idx="6094">
                  <c:v>1.7630771984463716</c:v>
                </c:pt>
                <c:pt idx="6095">
                  <c:v>1.7589552745821593</c:v>
                </c:pt>
                <c:pt idx="6096">
                  <c:v>1.7539734968717533</c:v>
                </c:pt>
                <c:pt idx="6097">
                  <c:v>1.7548386710251511</c:v>
                </c:pt>
                <c:pt idx="6098">
                  <c:v>1.7606909507304616</c:v>
                </c:pt>
                <c:pt idx="6099">
                  <c:v>1.7576008303608714</c:v>
                </c:pt>
                <c:pt idx="6100">
                  <c:v>1.7527910249327554</c:v>
                </c:pt>
                <c:pt idx="6101">
                  <c:v>1.7545160378389786</c:v>
                </c:pt>
                <c:pt idx="6102">
                  <c:v>1.7529736377984992</c:v>
                </c:pt>
                <c:pt idx="6103">
                  <c:v>1.743864608394756</c:v>
                </c:pt>
                <c:pt idx="6104">
                  <c:v>1.7467933895002525</c:v>
                </c:pt>
                <c:pt idx="6105">
                  <c:v>1.750582032029582</c:v>
                </c:pt>
                <c:pt idx="6106">
                  <c:v>1.7535108206879537</c:v>
                </c:pt>
                <c:pt idx="6107">
                  <c:v>1.7488729724363774</c:v>
                </c:pt>
                <c:pt idx="6108">
                  <c:v>1.7500820684833482</c:v>
                </c:pt>
                <c:pt idx="6109">
                  <c:v>1.7476798145781023</c:v>
                </c:pt>
                <c:pt idx="6110">
                  <c:v>1.7499207216601886</c:v>
                </c:pt>
                <c:pt idx="6111">
                  <c:v>1.7497540696665297</c:v>
                </c:pt>
                <c:pt idx="6112">
                  <c:v>1.748211654507918</c:v>
                </c:pt>
                <c:pt idx="6113">
                  <c:v>1.7403063933096394</c:v>
                </c:pt>
                <c:pt idx="6114">
                  <c:v>1.7444389577387325</c:v>
                </c:pt>
                <c:pt idx="6115">
                  <c:v>1.7418647239921301</c:v>
                </c:pt>
                <c:pt idx="6116">
                  <c:v>1.7394624625278181</c:v>
                </c:pt>
                <c:pt idx="6117">
                  <c:v>1.7382639919399776</c:v>
                </c:pt>
                <c:pt idx="6118">
                  <c:v>1.7425685059803535</c:v>
                </c:pt>
                <c:pt idx="6119">
                  <c:v>1.7430897204448481</c:v>
                </c:pt>
                <c:pt idx="6120">
                  <c:v>1.737420046046215</c:v>
                </c:pt>
                <c:pt idx="6121">
                  <c:v>1.7413806306277611</c:v>
                </c:pt>
                <c:pt idx="6122">
                  <c:v>1.7419018299803142</c:v>
                </c:pt>
                <c:pt idx="6123">
                  <c:v>1.7382957851985965</c:v>
                </c:pt>
                <c:pt idx="6124">
                  <c:v>1.7429442438035527</c:v>
                </c:pt>
                <c:pt idx="6125">
                  <c:v>1.7450131559323414</c:v>
                </c:pt>
                <c:pt idx="6126">
                  <c:v>1.7362480408692962</c:v>
                </c:pt>
                <c:pt idx="6127">
                  <c:v>1.7316101699405217</c:v>
                </c:pt>
                <c:pt idx="6128">
                  <c:v>1.7348828653867161</c:v>
                </c:pt>
                <c:pt idx="6129">
                  <c:v>1.7386714776859717</c:v>
                </c:pt>
                <c:pt idx="6130">
                  <c:v>1.7424600824261616</c:v>
                </c:pt>
                <c:pt idx="6131">
                  <c:v>1.7386820502440214</c:v>
                </c:pt>
                <c:pt idx="6132">
                  <c:v>1.7335282700212515</c:v>
                </c:pt>
                <c:pt idx="6133">
                  <c:v>1.735081272856045</c:v>
                </c:pt>
                <c:pt idx="6134">
                  <c:v>1.7361183663906523</c:v>
                </c:pt>
                <c:pt idx="6135">
                  <c:v>1.7350918454202855</c:v>
                </c:pt>
                <c:pt idx="6136">
                  <c:v>1.7283903297502727</c:v>
                </c:pt>
                <c:pt idx="6137">
                  <c:v>1.7256441086094392</c:v>
                </c:pt>
                <c:pt idx="6138">
                  <c:v>1.727884993020518</c:v>
                </c:pt>
                <c:pt idx="6139">
                  <c:v>1.7333932752601673</c:v>
                </c:pt>
                <c:pt idx="6140">
                  <c:v>1.7344303687947744</c:v>
                </c:pt>
                <c:pt idx="6141">
                  <c:v>1.7356394270587967</c:v>
                </c:pt>
                <c:pt idx="6142">
                  <c:v>1.7335810723761162</c:v>
                </c:pt>
                <c:pt idx="6143">
                  <c:v>1.7318666547113319</c:v>
                </c:pt>
                <c:pt idx="6144">
                  <c:v>1.7322158742225289</c:v>
                </c:pt>
                <c:pt idx="6145">
                  <c:v>1.7265461695876316</c:v>
                </c:pt>
                <c:pt idx="6146">
                  <c:v>1.7227681298526163</c:v>
                </c:pt>
                <c:pt idx="6147">
                  <c:v>1.7222574879461714</c:v>
                </c:pt>
                <c:pt idx="6148">
                  <c:v>1.7227786646277172</c:v>
                </c:pt>
                <c:pt idx="6149">
                  <c:v>1.7267392265382557</c:v>
                </c:pt>
                <c:pt idx="6150">
                  <c:v>1.7272603956669264</c:v>
                </c:pt>
                <c:pt idx="6151">
                  <c:v>1.7265777890310665</c:v>
                </c:pt>
                <c:pt idx="6152">
                  <c:v>1.7250353285366311</c:v>
                </c:pt>
                <c:pt idx="6153">
                  <c:v>1.7243527219007713</c:v>
                </c:pt>
                <c:pt idx="6154">
                  <c:v>1.7291731225579441</c:v>
                </c:pt>
                <c:pt idx="6155">
                  <c:v>1.7255670324342116</c:v>
                </c:pt>
                <c:pt idx="6156">
                  <c:v>1.7221329221580264</c:v>
                </c:pt>
                <c:pt idx="6157">
                  <c:v>1.720934398669105</c:v>
                </c:pt>
                <c:pt idx="6158">
                  <c:v>1.7164684622396722</c:v>
                </c:pt>
                <c:pt idx="6159">
                  <c:v>1.7185373516912625</c:v>
                </c:pt>
                <c:pt idx="6160">
                  <c:v>1.7207782058784589</c:v>
                </c:pt>
                <c:pt idx="6161">
                  <c:v>1.720095591683533</c:v>
                </c:pt>
                <c:pt idx="6162">
                  <c:v>1.7221644735822483</c:v>
                </c:pt>
                <c:pt idx="6163">
                  <c:v>1.7218257964052184</c:v>
                </c:pt>
                <c:pt idx="6164">
                  <c:v>1.7220030134040516</c:v>
                </c:pt>
                <c:pt idx="6165">
                  <c:v>1.7230400918267177</c:v>
                </c:pt>
                <c:pt idx="6166">
                  <c:v>1.7251089661663668</c:v>
                </c:pt>
                <c:pt idx="6167">
                  <c:v>1.725286190724266</c:v>
                </c:pt>
                <c:pt idx="6168">
                  <c:v>1.7246035689764649</c:v>
                </c:pt>
                <c:pt idx="6169">
                  <c:v>1.7227171563521921</c:v>
                </c:pt>
                <c:pt idx="6170">
                  <c:v>1.7177353030696978</c:v>
                </c:pt>
                <c:pt idx="6171">
                  <c:v>1.7201481219801182</c:v>
                </c:pt>
                <c:pt idx="6172">
                  <c:v>1.7203253465380175</c:v>
                </c:pt>
                <c:pt idx="6173">
                  <c:v>1.7124200173205257</c:v>
                </c:pt>
                <c:pt idx="6174">
                  <c:v>1.71259723432555</c:v>
                </c:pt>
                <c:pt idx="6175">
                  <c:v>1.7155259474118334</c:v>
                </c:pt>
                <c:pt idx="6176">
                  <c:v>1.7155311996874427</c:v>
                </c:pt>
                <c:pt idx="6177">
                  <c:v>1.7231030813201247</c:v>
                </c:pt>
                <c:pt idx="6178">
                  <c:v>1.724140137071783</c:v>
                </c:pt>
                <c:pt idx="6179">
                  <c:v>1.7200181225359232</c:v>
                </c:pt>
                <c:pt idx="6180">
                  <c:v>1.7157241432768391</c:v>
                </c:pt>
                <c:pt idx="6181">
                  <c:v>1.7165892267462075</c:v>
                </c:pt>
                <c:pt idx="6182">
                  <c:v>1.7183141565150855</c:v>
                </c:pt>
                <c:pt idx="6183">
                  <c:v>1.7179754642199234</c:v>
                </c:pt>
                <c:pt idx="6184">
                  <c:v>1.7172928273601809</c:v>
                </c:pt>
                <c:pt idx="6185">
                  <c:v>1.7176420015293632</c:v>
                </c:pt>
                <c:pt idx="6186">
                  <c:v>1.7167873923811396</c:v>
                </c:pt>
                <c:pt idx="6187">
                  <c:v>1.7198880701968382</c:v>
                </c:pt>
                <c:pt idx="6188">
                  <c:v>1.7143903000612823</c:v>
                </c:pt>
                <c:pt idx="6189">
                  <c:v>1.7174909778831717</c:v>
                </c:pt>
                <c:pt idx="6190">
                  <c:v>1.713712900359017</c:v>
                </c:pt>
                <c:pt idx="6191">
                  <c:v>1.7142340468166801</c:v>
                </c:pt>
                <c:pt idx="6192">
                  <c:v>1.7185385003907183</c:v>
                </c:pt>
                <c:pt idx="6193">
                  <c:v>1.716652072654504</c:v>
                </c:pt>
                <c:pt idx="6194">
                  <c:v>1.7118421765423586</c:v>
                </c:pt>
                <c:pt idx="6195">
                  <c:v>1.7164905671281019</c:v>
                </c:pt>
                <c:pt idx="6196">
                  <c:v>1.7161518672800646</c:v>
                </c:pt>
                <c:pt idx="6197">
                  <c:v>1.7147813412787798</c:v>
                </c:pt>
                <c:pt idx="6198">
                  <c:v>1.7125509765308604</c:v>
                </c:pt>
                <c:pt idx="6199">
                  <c:v>1.7142758987468631</c:v>
                </c:pt>
                <c:pt idx="6200">
                  <c:v>1.7087781210522413</c:v>
                </c:pt>
                <c:pt idx="6201">
                  <c:v>1.7101590911445976</c:v>
                </c:pt>
                <c:pt idx="6202">
                  <c:v>1.7175589853768571</c:v>
                </c:pt>
                <c:pt idx="6203">
                  <c:v>1.7161884669346383</c:v>
                </c:pt>
                <c:pt idx="6204">
                  <c:v>1.7103467446754361</c:v>
                </c:pt>
                <c:pt idx="6205">
                  <c:v>1.7089762186741513</c:v>
                </c:pt>
                <c:pt idx="6206">
                  <c:v>1.7067458463671659</c:v>
                </c:pt>
                <c:pt idx="6207">
                  <c:v>1.7110502999473949</c:v>
                </c:pt>
                <c:pt idx="6208">
                  <c:v>1.7122593053103363</c:v>
                </c:pt>
                <c:pt idx="6209">
                  <c:v>1.7146720939906832</c:v>
                </c:pt>
                <c:pt idx="6210">
                  <c:v>1.7122697493952168</c:v>
                </c:pt>
                <c:pt idx="6211">
                  <c:v>1.7148545028049786</c:v>
                </c:pt>
                <c:pt idx="6212">
                  <c:v>1.7122801934862881</c:v>
                </c:pt>
                <c:pt idx="6213">
                  <c:v>1.7100498211793029</c:v>
                </c:pt>
                <c:pt idx="6214">
                  <c:v>1.7102270079480626</c:v>
                </c:pt>
                <c:pt idx="6215">
                  <c:v>1.7088564819529686</c:v>
                </c:pt>
                <c:pt idx="6216">
                  <c:v>1.7093776132924996</c:v>
                </c:pt>
                <c:pt idx="6217">
                  <c:v>1.7114464498430093</c:v>
                </c:pt>
                <c:pt idx="6218">
                  <c:v>1.7142031755350613</c:v>
                </c:pt>
                <c:pt idx="6219">
                  <c:v>1.7148962640449412</c:v>
                </c:pt>
                <c:pt idx="6220">
                  <c:v>1.7107742343971399</c:v>
                </c:pt>
                <c:pt idx="6221">
                  <c:v>1.7116392951955011</c:v>
                </c:pt>
                <c:pt idx="6222">
                  <c:v>1.708033167282629</c:v>
                </c:pt>
                <c:pt idx="6223">
                  <c:v>1.7075224724751032</c:v>
                </c:pt>
                <c:pt idx="6224">
                  <c:v>1.70976328887316</c:v>
                </c:pt>
                <c:pt idx="6225">
                  <c:v>1.7104563773830399</c:v>
                </c:pt>
                <c:pt idx="6226">
                  <c:v>1.7096017455638091</c:v>
                </c:pt>
                <c:pt idx="6227">
                  <c:v>1.7090910507562833</c:v>
                </c:pt>
                <c:pt idx="6228">
                  <c:v>1.7078924894844134</c:v>
                </c:pt>
                <c:pt idx="6229">
                  <c:v>1.7085855779942933</c:v>
                </c:pt>
                <c:pt idx="6230">
                  <c:v>1.7091066942156923</c:v>
                </c:pt>
                <c:pt idx="6231">
                  <c:v>1.7118634123548691</c:v>
                </c:pt>
                <c:pt idx="6232">
                  <c:v>1.7111807528179286</c:v>
                </c:pt>
                <c:pt idx="6233">
                  <c:v>1.7091223301222258</c:v>
                </c:pt>
                <c:pt idx="6234">
                  <c:v>1.7146305519079192</c:v>
                </c:pt>
                <c:pt idx="6235">
                  <c:v>1.7161834867234995</c:v>
                </c:pt>
                <c:pt idx="6236">
                  <c:v>1.7069023716762386</c:v>
                </c:pt>
                <c:pt idx="6237">
                  <c:v>1.7081113694801138</c:v>
                </c:pt>
                <c:pt idx="6238">
                  <c:v>1.7058809820611871</c:v>
                </c:pt>
                <c:pt idx="6239">
                  <c:v>1.7076058816061825</c:v>
                </c:pt>
                <c:pt idx="6240">
                  <c:v>1.7120822847976942</c:v>
                </c:pt>
                <c:pt idx="6241">
                  <c:v>1.708648114055171</c:v>
                </c:pt>
                <c:pt idx="6242">
                  <c:v>1.7088252857119897</c:v>
                </c:pt>
                <c:pt idx="6243">
                  <c:v>1.708142626175049</c:v>
                </c:pt>
                <c:pt idx="6244">
                  <c:v>1.7078038960969382</c:v>
                </c:pt>
                <c:pt idx="6245">
                  <c:v>1.7029939697553382</c:v>
                </c:pt>
                <c:pt idx="6246">
                  <c:v>1.7085021839813463</c:v>
                </c:pt>
                <c:pt idx="6247">
                  <c:v>1.7074755798736345</c:v>
                </c:pt>
                <c:pt idx="6248">
                  <c:v>1.7055891294664129</c:v>
                </c:pt>
                <c:pt idx="6249">
                  <c:v>1.7092056787931582</c:v>
                </c:pt>
                <c:pt idx="6250">
                  <c:v>1.7088669487088566</c:v>
                </c:pt>
                <c:pt idx="6251">
                  <c:v>1.7054327779725242</c:v>
                </c:pt>
                <c:pt idx="6252">
                  <c:v>1.7038902645739125</c:v>
                </c:pt>
                <c:pt idx="6253">
                  <c:v>1.7073348491743381</c:v>
                </c:pt>
                <c:pt idx="6254">
                  <c:v>1.7063082450728171</c:v>
                </c:pt>
                <c:pt idx="6255">
                  <c:v>1.7042498148180485</c:v>
                </c:pt>
                <c:pt idx="6256">
                  <c:v>1.7133693789968925</c:v>
                </c:pt>
                <c:pt idx="6257">
                  <c:v>1.7082155156429684</c:v>
                </c:pt>
                <c:pt idx="6258">
                  <c:v>1.7118320725287797</c:v>
                </c:pt>
                <c:pt idx="6259">
                  <c:v>1.7130410552207136</c:v>
                </c:pt>
                <c:pt idx="6260">
                  <c:v>1.7114985418190065</c:v>
                </c:pt>
                <c:pt idx="6261">
                  <c:v>1.7140832725577611</c:v>
                </c:pt>
                <c:pt idx="6262">
                  <c:v>1.7078975981687214</c:v>
                </c:pt>
                <c:pt idx="6263">
                  <c:v>1.7092785531429455</c:v>
                </c:pt>
                <c:pt idx="6264">
                  <c:v>1.7063602841415426</c:v>
                </c:pt>
                <c:pt idx="6265">
                  <c:v>1.7039579244372303</c:v>
                </c:pt>
                <c:pt idx="6266">
                  <c:v>1.7080903830610661</c:v>
                </c:pt>
                <c:pt idx="6267">
                  <c:v>1.7091274010235851</c:v>
                </c:pt>
                <c:pt idx="6268">
                  <c:v>1.7087886633864084</c:v>
                </c:pt>
                <c:pt idx="6269">
                  <c:v>1.7093097644958659</c:v>
                </c:pt>
                <c:pt idx="6270">
                  <c:v>1.7062195307712389</c:v>
                </c:pt>
                <c:pt idx="6271">
                  <c:v>1.7125875837445004</c:v>
                </c:pt>
                <c:pt idx="6272">
                  <c:v>1.7098412870253874</c:v>
                </c:pt>
                <c:pt idx="6273">
                  <c:v>1.7058911994335175</c:v>
                </c:pt>
                <c:pt idx="6274">
                  <c:v>1.7071001821217369</c:v>
                </c:pt>
                <c:pt idx="6275">
                  <c:v>1.7112326483015434</c:v>
                </c:pt>
                <c:pt idx="6276">
                  <c:v>1.7041871200533092</c:v>
                </c:pt>
                <c:pt idx="6277">
                  <c:v>1.7084915434040837</c:v>
                </c:pt>
                <c:pt idx="6278">
                  <c:v>1.704369491083418</c:v>
                </c:pt>
                <c:pt idx="6279">
                  <c:v>1.7042027257297694</c:v>
                </c:pt>
                <c:pt idx="6280">
                  <c:v>1.6999087011265037</c:v>
                </c:pt>
                <c:pt idx="6281">
                  <c:v>1.7038691874646446</c:v>
                </c:pt>
                <c:pt idx="6282">
                  <c:v>1.7024986387923522</c:v>
                </c:pt>
                <c:pt idx="6283">
                  <c:v>1.7013000548476178</c:v>
                </c:pt>
                <c:pt idx="6284">
                  <c:v>1.7044006948785102</c:v>
                </c:pt>
                <c:pt idx="6285">
                  <c:v>1.7073293701824643</c:v>
                </c:pt>
                <c:pt idx="6286">
                  <c:v>1.705270947488619</c:v>
                </c:pt>
                <c:pt idx="6287">
                  <c:v>1.70527614686129</c:v>
                </c:pt>
                <c:pt idx="6288">
                  <c:v>1.7073449758589245</c:v>
                </c:pt>
                <c:pt idx="6289">
                  <c:v>1.7063183566392712</c:v>
                </c:pt>
                <c:pt idx="6290">
                  <c:v>1.7051197802536029</c:v>
                </c:pt>
                <c:pt idx="6291">
                  <c:v>1.7056408889221264</c:v>
                </c:pt>
                <c:pt idx="6292">
                  <c:v>1.7042703402498343</c:v>
                </c:pt>
                <c:pt idx="6293">
                  <c:v>1.7051353859294438</c:v>
                </c:pt>
                <c:pt idx="6294">
                  <c:v>1.7058284593249062</c:v>
                </c:pt>
                <c:pt idx="6295">
                  <c:v>1.7022223087447412</c:v>
                </c:pt>
                <c:pt idx="6296">
                  <c:v>1.7034312989926459</c:v>
                </c:pt>
                <c:pt idx="6297">
                  <c:v>1.7001690854230718</c:v>
                </c:pt>
                <c:pt idx="6298">
                  <c:v>1.7084287957388826</c:v>
                </c:pt>
                <c:pt idx="6299">
                  <c:v>1.7043067434182169</c:v>
                </c:pt>
                <c:pt idx="6300">
                  <c:v>1.7041399780639492</c:v>
                </c:pt>
                <c:pt idx="6301">
                  <c:v>1.6984702054160299</c:v>
                </c:pt>
                <c:pt idx="6302">
                  <c:v>1.7031185657766523</c:v>
                </c:pt>
                <c:pt idx="6303">
                  <c:v>1.7098305557640954</c:v>
                </c:pt>
                <c:pt idx="6304">
                  <c:v>1.7058804757263386</c:v>
                </c:pt>
                <c:pt idx="6305">
                  <c:v>1.7017584158503212</c:v>
                </c:pt>
                <c:pt idx="6306">
                  <c:v>1.6976363635315126</c:v>
                </c:pt>
                <c:pt idx="6307">
                  <c:v>1.7038324517784547</c:v>
                </c:pt>
                <c:pt idx="6308">
                  <c:v>1.708824749148306</c:v>
                </c:pt>
                <c:pt idx="6309">
                  <c:v>1.7060784448756987</c:v>
                </c:pt>
                <c:pt idx="6310">
                  <c:v>1.6997208057625064</c:v>
                </c:pt>
                <c:pt idx="6311">
                  <c:v>1.7024775087826225</c:v>
                </c:pt>
                <c:pt idx="6312">
                  <c:v>1.7024827157125024</c:v>
                </c:pt>
                <c:pt idx="6313">
                  <c:v>1.7000803484499289</c:v>
                </c:pt>
                <c:pt idx="6314">
                  <c:v>1.7047287163675744</c:v>
                </c:pt>
                <c:pt idx="6315">
                  <c:v>1.7064536007938185</c:v>
                </c:pt>
                <c:pt idx="6316">
                  <c:v>1.7059429059887692</c:v>
                </c:pt>
                <c:pt idx="6317">
                  <c:v>1.7031966017143048</c:v>
                </c:pt>
                <c:pt idx="6318">
                  <c:v>1.7007942420087543</c:v>
                </c:pt>
                <c:pt idx="6319">
                  <c:v>1.6975320359968844</c:v>
                </c:pt>
                <c:pt idx="6320">
                  <c:v>1.7030402426638263</c:v>
                </c:pt>
                <c:pt idx="6321">
                  <c:v>1.7040772606275836</c:v>
                </c:pt>
                <c:pt idx="6322">
                  <c:v>1.7040824675574633</c:v>
                </c:pt>
                <c:pt idx="6323">
                  <c:v>1.7040876744879623</c:v>
                </c:pt>
                <c:pt idx="6324">
                  <c:v>1.7034049922812524</c:v>
                </c:pt>
                <c:pt idx="6325">
                  <c:v>1.699110982792714</c:v>
                </c:pt>
                <c:pt idx="6326">
                  <c:v>1.7046191894596561</c:v>
                </c:pt>
                <c:pt idx="6327">
                  <c:v>1.7080637740588436</c:v>
                </c:pt>
                <c:pt idx="6328">
                  <c:v>1.7034258200020103</c:v>
                </c:pt>
                <c:pt idx="6329">
                  <c:v>1.7006795232853738</c:v>
                </c:pt>
                <c:pt idx="6330">
                  <c:v>1.7048119819073524</c:v>
                </c:pt>
                <c:pt idx="6331">
                  <c:v>1.700002055566062</c:v>
                </c:pt>
                <c:pt idx="6332">
                  <c:v>1.6977716681449686</c:v>
                </c:pt>
                <c:pt idx="6333">
                  <c:v>1.6974329380637625</c:v>
                </c:pt>
                <c:pt idx="6334">
                  <c:v>1.6982979913005809</c:v>
                </c:pt>
                <c:pt idx="6335">
                  <c:v>1.7027743869336458</c:v>
                </c:pt>
                <c:pt idx="6336">
                  <c:v>1.6993402237520459</c:v>
                </c:pt>
                <c:pt idx="6337">
                  <c:v>1.7014090603068892</c:v>
                </c:pt>
                <c:pt idx="6338">
                  <c:v>1.7041657708839044</c:v>
                </c:pt>
                <c:pt idx="6339">
                  <c:v>1.7005596278603912</c:v>
                </c:pt>
                <c:pt idx="6340">
                  <c:v>1.7022845349612954</c:v>
                </c:pt>
                <c:pt idx="6341">
                  <c:v>1.7012579233007084</c:v>
                </c:pt>
                <c:pt idx="6342">
                  <c:v>1.7024669135486128</c:v>
                </c:pt>
                <c:pt idx="6343">
                  <c:v>1.7028160650474067</c:v>
                </c:pt>
                <c:pt idx="6344">
                  <c:v>1.7017894609440285</c:v>
                </c:pt>
                <c:pt idx="6345">
                  <c:v>1.6969795421596374</c:v>
                </c:pt>
                <c:pt idx="6346">
                  <c:v>1.7007680713277389</c:v>
                </c:pt>
                <c:pt idx="6347">
                  <c:v>1.703868726473668</c:v>
                </c:pt>
                <c:pt idx="6348">
                  <c:v>1.7019822760633512</c:v>
                </c:pt>
                <c:pt idx="6349">
                  <c:v>1.703363246152612</c:v>
                </c:pt>
                <c:pt idx="6350">
                  <c:v>1.7045722364011358</c:v>
                </c:pt>
                <c:pt idx="6351">
                  <c:v>1.7038895768660522</c:v>
                </c:pt>
                <c:pt idx="6352">
                  <c:v>1.7030349450468214</c:v>
                </c:pt>
                <c:pt idx="6353">
                  <c:v>1.7049318168747261</c:v>
                </c:pt>
                <c:pt idx="6354">
                  <c:v>1.7028734017374705</c:v>
                </c:pt>
                <c:pt idx="6355">
                  <c:v>1.7027066514976206</c:v>
                </c:pt>
                <c:pt idx="6356">
                  <c:v>1.6973808234179961</c:v>
                </c:pt>
                <c:pt idx="6357">
                  <c:v>1.6958383175765932</c:v>
                </c:pt>
                <c:pt idx="6358">
                  <c:v>1.6977352045189154</c:v>
                </c:pt>
                <c:pt idx="6359">
                  <c:v>1.7013517614028695</c:v>
                </c:pt>
                <c:pt idx="6360">
                  <c:v>1.7004971295834528</c:v>
                </c:pt>
                <c:pt idx="6361">
                  <c:v>1.70084629619685</c:v>
                </c:pt>
                <c:pt idx="6362">
                  <c:v>1.6984439440485084</c:v>
                </c:pt>
                <c:pt idx="6363">
                  <c:v>1.6999968864219785</c:v>
                </c:pt>
                <c:pt idx="6364">
                  <c:v>1.7034414861361409</c:v>
                </c:pt>
                <c:pt idx="6365">
                  <c:v>1.7041345746460208</c:v>
                </c:pt>
                <c:pt idx="6366">
                  <c:v>1.7005284467369872</c:v>
                </c:pt>
                <c:pt idx="6367">
                  <c:v>1.6996738300321739</c:v>
                </c:pt>
                <c:pt idx="6368">
                  <c:v>1.7055259963823237</c:v>
                </c:pt>
                <c:pt idx="6369">
                  <c:v>1.703467588802277</c:v>
                </c:pt>
                <c:pt idx="6370">
                  <c:v>1.7010652442111442</c:v>
                </c:pt>
                <c:pt idx="6371">
                  <c:v>1.7048537809364546</c:v>
                </c:pt>
                <c:pt idx="6372">
                  <c:v>1.7033112826522603</c:v>
                </c:pt>
                <c:pt idx="6373">
                  <c:v>1.699705162300188</c:v>
                </c:pt>
                <c:pt idx="6374">
                  <c:v>1.704869454627794</c:v>
                </c:pt>
                <c:pt idx="6375">
                  <c:v>1.7026390823208088</c:v>
                </c:pt>
                <c:pt idx="6376">
                  <c:v>1.6998928082756131</c:v>
                </c:pt>
                <c:pt idx="6377">
                  <c:v>1.703681345001109</c:v>
                </c:pt>
                <c:pt idx="6378">
                  <c:v>1.7026547635693572</c:v>
                </c:pt>
                <c:pt idx="6379">
                  <c:v>1.6999084895240995</c:v>
                </c:pt>
                <c:pt idx="6380">
                  <c:v>1.7030091522268662</c:v>
                </c:pt>
                <c:pt idx="6381">
                  <c:v>1.6968235005125485</c:v>
                </c:pt>
                <c:pt idx="6382">
                  <c:v>1.7000961430567954</c:v>
                </c:pt>
                <c:pt idx="6383">
                  <c:v>1.7009612189654879</c:v>
                </c:pt>
                <c:pt idx="6384">
                  <c:v>1.6995906929651317</c:v>
                </c:pt>
                <c:pt idx="6385">
                  <c:v>1.6975323004998122</c:v>
                </c:pt>
                <c:pt idx="6386">
                  <c:v>1.7035564466908231</c:v>
                </c:pt>
                <c:pt idx="6387">
                  <c:v>1.7016700189527516</c:v>
                </c:pt>
                <c:pt idx="6388">
                  <c:v>1.699095717191889</c:v>
                </c:pt>
                <c:pt idx="6389">
                  <c:v>1.6997888283732716</c:v>
                </c:pt>
                <c:pt idx="6390">
                  <c:v>1.6980743729188523</c:v>
                </c:pt>
                <c:pt idx="6391">
                  <c:v>1.6975637007829532</c:v>
                </c:pt>
                <c:pt idx="6392">
                  <c:v>1.6965371269084102</c:v>
                </c:pt>
                <c:pt idx="6393">
                  <c:v>1.6984340138501133</c:v>
                </c:pt>
                <c:pt idx="6394">
                  <c:v>1.6989551603046811</c:v>
                </c:pt>
                <c:pt idx="6395">
                  <c:v>1.7030876567133231</c:v>
                </c:pt>
                <c:pt idx="6396">
                  <c:v>1.7022330475657186</c:v>
                </c:pt>
                <c:pt idx="6397">
                  <c:v>1.7037860050541636</c:v>
                </c:pt>
                <c:pt idx="6398">
                  <c:v>1.7058548718378421</c:v>
                </c:pt>
                <c:pt idx="6399">
                  <c:v>1.7007010462712004</c:v>
                </c:pt>
                <c:pt idx="6400">
                  <c:v>1.7017381095782105</c:v>
                </c:pt>
                <c:pt idx="6401">
                  <c:v>1.7036350040777415</c:v>
                </c:pt>
                <c:pt idx="6402">
                  <c:v>1.705015996839248</c:v>
                </c:pt>
                <c:pt idx="6403">
                  <c:v>1.7000341435568775</c:v>
                </c:pt>
                <c:pt idx="6404">
                  <c:v>1.6910970070886322</c:v>
                </c:pt>
                <c:pt idx="6405">
                  <c:v>1.6957454090135935</c:v>
                </c:pt>
                <c:pt idx="6406">
                  <c:v>1.7012536610237885</c:v>
                </c:pt>
                <c:pt idx="6407">
                  <c:v>1.7019467797625036</c:v>
                </c:pt>
                <c:pt idx="6408">
                  <c:v>1.7000603746958731</c:v>
                </c:pt>
                <c:pt idx="6409">
                  <c:v>1.6973141157654663</c:v>
                </c:pt>
                <c:pt idx="6410">
                  <c:v>1.6983511866296854</c:v>
                </c:pt>
                <c:pt idx="6411">
                  <c:v>1.6995602222211523</c:v>
                </c:pt>
                <c:pt idx="6412">
                  <c:v>1.694062467200943</c:v>
                </c:pt>
                <c:pt idx="6413">
                  <c:v>1.6949275657810143</c:v>
                </c:pt>
                <c:pt idx="6414">
                  <c:v>1.699575979041851</c:v>
                </c:pt>
                <c:pt idx="6415">
                  <c:v>1.6994092590312078</c:v>
                </c:pt>
                <c:pt idx="6416">
                  <c:v>1.703369798269996</c:v>
                </c:pt>
                <c:pt idx="6417">
                  <c:v>1.7066424559313844</c:v>
                </c:pt>
                <c:pt idx="6418">
                  <c:v>1.7004568344428685</c:v>
                </c:pt>
                <c:pt idx="6419">
                  <c:v>1.6980545351949268</c:v>
                </c:pt>
                <c:pt idx="6420">
                  <c:v>1.7001234095359998</c:v>
                </c:pt>
                <c:pt idx="6421">
                  <c:v>1.6994407953443551</c:v>
                </c:pt>
                <c:pt idx="6422">
                  <c:v>1.6953188034834648</c:v>
                </c:pt>
                <c:pt idx="6423">
                  <c:v>1.6975596576657084</c:v>
                </c:pt>
                <c:pt idx="6424">
                  <c:v>1.7011762674501241</c:v>
                </c:pt>
                <c:pt idx="6425">
                  <c:v>1.7037610662006626</c:v>
                </c:pt>
                <c:pt idx="6426">
                  <c:v>1.701358759396193</c:v>
                </c:pt>
                <c:pt idx="6427">
                  <c:v>1.7003322157503615</c:v>
                </c:pt>
                <c:pt idx="6428">
                  <c:v>1.6975859719343105</c:v>
                </c:pt>
                <c:pt idx="6429">
                  <c:v>1.702750309605046</c:v>
                </c:pt>
                <c:pt idx="6430">
                  <c:v>1.7015517936751907</c:v>
                </c:pt>
                <c:pt idx="6431">
                  <c:v>1.701385088779213</c:v>
                </c:pt>
                <c:pt idx="6432">
                  <c:v>1.6998426358378385</c:v>
                </c:pt>
                <c:pt idx="6433">
                  <c:v>1.7027713867143139</c:v>
                </c:pt>
                <c:pt idx="6434">
                  <c:v>1.7038084651357417</c:v>
                </c:pt>
                <c:pt idx="6435">
                  <c:v>1.7015781457298371</c:v>
                </c:pt>
                <c:pt idx="6436">
                  <c:v>1.7036470427423509</c:v>
                </c:pt>
                <c:pt idx="6437">
                  <c:v>1.7031364083918767</c:v>
                </c:pt>
                <c:pt idx="6438">
                  <c:v>1.7040015220869851</c:v>
                </c:pt>
                <c:pt idx="6439">
                  <c:v>1.6995356083289928</c:v>
                </c:pt>
                <c:pt idx="6440">
                  <c:v>1.7019484574671959</c:v>
                </c:pt>
                <c:pt idx="6441">
                  <c:v>1.7000620750721918</c:v>
                </c:pt>
                <c:pt idx="6442">
                  <c:v>1.698519637245854</c:v>
                </c:pt>
                <c:pt idx="6443">
                  <c:v>1.6974930936001462</c:v>
                </c:pt>
                <c:pt idx="6444">
                  <c:v>1.6935430966929248</c:v>
                </c:pt>
                <c:pt idx="6445">
                  <c:v>1.697675630888849</c:v>
                </c:pt>
                <c:pt idx="6446">
                  <c:v>1.7031839206857071</c:v>
                </c:pt>
                <c:pt idx="6447">
                  <c:v>1.6997498255186774</c:v>
                </c:pt>
                <c:pt idx="6448">
                  <c:v>1.6971755766585861</c:v>
                </c:pt>
                <c:pt idx="6449">
                  <c:v>1.6995884257966654</c:v>
                </c:pt>
                <c:pt idx="6450">
                  <c:v>1.7028611287987685</c:v>
                </c:pt>
                <c:pt idx="6451">
                  <c:v>1.7047580686415527</c:v>
                </c:pt>
                <c:pt idx="6452">
                  <c:v>1.7040754771219677</c:v>
                </c:pt>
                <c:pt idx="6453">
                  <c:v>1.6989217044557876</c:v>
                </c:pt>
                <c:pt idx="6454">
                  <c:v>1.7030542537648912</c:v>
                </c:pt>
                <c:pt idx="6455">
                  <c:v>1.7034034808357734</c:v>
                </c:pt>
                <c:pt idx="6456">
                  <c:v>1.7027208968727781</c:v>
                </c:pt>
                <c:pt idx="6457">
                  <c:v>1.6999746908428333</c:v>
                </c:pt>
                <c:pt idx="6458">
                  <c:v>1.6991201421533328</c:v>
                </c:pt>
                <c:pt idx="6459">
                  <c:v>1.6994693767812998</c:v>
                </c:pt>
                <c:pt idx="6460">
                  <c:v>1.6979269540693178</c:v>
                </c:pt>
                <c:pt idx="6461">
                  <c:v>1.6969004406524455</c:v>
                </c:pt>
                <c:pt idx="6462">
                  <c:v>1.6981095291446837</c:v>
                </c:pt>
                <c:pt idx="6463">
                  <c:v>1.6988027007838606</c:v>
                </c:pt>
                <c:pt idx="6464">
                  <c:v>1.7039670762406403</c:v>
                </c:pt>
                <c:pt idx="6465">
                  <c:v>1.7024246610857432</c:v>
                </c:pt>
                <c:pt idx="6466">
                  <c:v>1.7022579939758093</c:v>
                </c:pt>
                <c:pt idx="6467">
                  <c:v>1.6995117955030115</c:v>
                </c:pt>
                <c:pt idx="6468">
                  <c:v>1.7033004229153228</c:v>
                </c:pt>
                <c:pt idx="6469">
                  <c:v>1.7062292040232958</c:v>
                </c:pt>
                <c:pt idx="6470">
                  <c:v>1.7007315094579709</c:v>
                </c:pt>
                <c:pt idx="6471">
                  <c:v>1.7028004442565288</c:v>
                </c:pt>
                <c:pt idx="6472">
                  <c:v>1.7016019736699266</c:v>
                </c:pt>
                <c:pt idx="6473">
                  <c:v>1.6986838255844838</c:v>
                </c:pt>
                <c:pt idx="6474">
                  <c:v>1.6981732290206728</c:v>
                </c:pt>
                <c:pt idx="6475">
                  <c:v>1.6990383880590341</c:v>
                </c:pt>
                <c:pt idx="6476">
                  <c:v>1.6969800787227021</c:v>
                </c:pt>
                <c:pt idx="6477">
                  <c:v>1.6988770563515301</c:v>
                </c:pt>
                <c:pt idx="6478">
                  <c:v>1.6975066285958171</c:v>
                </c:pt>
                <c:pt idx="6479">
                  <c:v>1.6947604452373131</c:v>
                </c:pt>
                <c:pt idx="6480">
                  <c:v>1.701816493148707</c:v>
                </c:pt>
                <c:pt idx="6481">
                  <c:v>1.6990703173480308</c:v>
                </c:pt>
                <c:pt idx="6482">
                  <c:v>1.6989036653525147</c:v>
                </c:pt>
                <c:pt idx="6483">
                  <c:v>1.7028642801628959</c:v>
                </c:pt>
                <c:pt idx="6484">
                  <c:v>1.7042453560536994</c:v>
                </c:pt>
                <c:pt idx="6485">
                  <c:v>1.6997795027536873</c:v>
                </c:pt>
                <c:pt idx="6486">
                  <c:v>1.6973772639639733</c:v>
                </c:pt>
                <c:pt idx="6487">
                  <c:v>1.6992742491500101</c:v>
                </c:pt>
                <c:pt idx="6488">
                  <c:v>1.7047825918473301</c:v>
                </c:pt>
                <c:pt idx="6489">
                  <c:v>1.7041000532275878</c:v>
                </c:pt>
                <c:pt idx="6490">
                  <c:v>1.6998061646547002</c:v>
                </c:pt>
                <c:pt idx="6491">
                  <c:v>1.6975759057061568</c:v>
                </c:pt>
                <c:pt idx="6492">
                  <c:v>1.7037721299828577</c:v>
                </c:pt>
                <c:pt idx="6493">
                  <c:v>1.7041214023969926</c:v>
                </c:pt>
                <c:pt idx="6494">
                  <c:v>1.7006873676879428</c:v>
                </c:pt>
                <c:pt idx="6495">
                  <c:v>1.6993169550466476</c:v>
                </c:pt>
                <c:pt idx="6496">
                  <c:v>1.7032775849714463</c:v>
                </c:pt>
                <c:pt idx="6497">
                  <c:v>1.7003594671150866</c:v>
                </c:pt>
                <c:pt idx="6498">
                  <c:v>1.6974413341444328</c:v>
                </c:pt>
                <c:pt idx="6499">
                  <c:v>1.6964148736280222</c:v>
                </c:pt>
                <c:pt idx="6500">
                  <c:v>1.6989997555084768</c:v>
                </c:pt>
                <c:pt idx="6501">
                  <c:v>1.7000369246168439</c:v>
                </c:pt>
                <c:pt idx="6502">
                  <c:v>1.6952271418630165</c:v>
                </c:pt>
                <c:pt idx="6503">
                  <c:v>1.6974680942889748</c:v>
                </c:pt>
                <c:pt idx="6504">
                  <c:v>1.7046961447139706</c:v>
                </c:pt>
                <c:pt idx="6505">
                  <c:v>1.6990265232108466</c:v>
                </c:pt>
                <c:pt idx="6506">
                  <c:v>1.699719755307818</c:v>
                </c:pt>
                <c:pt idx="6507">
                  <c:v>1.7016167858376032</c:v>
                </c:pt>
                <c:pt idx="6508">
                  <c:v>1.7031698642413893</c:v>
                </c:pt>
                <c:pt idx="6509">
                  <c:v>1.7033471946002123</c:v>
                </c:pt>
                <c:pt idx="6510">
                  <c:v>1.7007730288697276</c:v>
                </c:pt>
                <c:pt idx="6511">
                  <c:v>1.6966511352523042</c:v>
                </c:pt>
                <c:pt idx="6512">
                  <c:v>1.6983761934974466</c:v>
                </c:pt>
                <c:pt idx="6513">
                  <c:v>1.6961459647780479</c:v>
                </c:pt>
                <c:pt idx="6514">
                  <c:v>1.698042995307957</c:v>
                </c:pt>
                <c:pt idx="6515">
                  <c:v>1.6992521518150747</c:v>
                </c:pt>
                <c:pt idx="6516">
                  <c:v>1.7026969026734755</c:v>
                </c:pt>
                <c:pt idx="6517">
                  <c:v>1.7009825832493104</c:v>
                </c:pt>
                <c:pt idx="6518">
                  <c:v>1.6972046417580098</c:v>
                </c:pt>
                <c:pt idx="6519">
                  <c:v>1.6996175891401752</c:v>
                </c:pt>
                <c:pt idx="6520">
                  <c:v>1.7034062845670566</c:v>
                </c:pt>
                <c:pt idx="6521">
                  <c:v>1.7018639449848669</c:v>
                </c:pt>
                <c:pt idx="6522">
                  <c:v>1.7011814517083776</c:v>
                </c:pt>
                <c:pt idx="6523">
                  <c:v>1.7035944066479376</c:v>
                </c:pt>
                <c:pt idx="6524">
                  <c:v>1.7015361577698953</c:v>
                </c:pt>
                <c:pt idx="6525">
                  <c:v>1.700509735040024</c:v>
                </c:pt>
                <c:pt idx="6526">
                  <c:v>1.6991393677414866</c:v>
                </c:pt>
                <c:pt idx="6527">
                  <c:v>1.6969091692509231</c:v>
                </c:pt>
                <c:pt idx="6528">
                  <c:v>1.6951948649411757</c:v>
                </c:pt>
                <c:pt idx="6529">
                  <c:v>1.7003593310850182</c:v>
                </c:pt>
                <c:pt idx="6530">
                  <c:v>1.6964094399812586</c:v>
                </c:pt>
                <c:pt idx="6531">
                  <c:v>1.6971027174213591</c:v>
                </c:pt>
                <c:pt idx="6532">
                  <c:v>1.6971081208399064</c:v>
                </c:pt>
                <c:pt idx="6533">
                  <c:v>1.7002089573589094</c:v>
                </c:pt>
                <c:pt idx="6534">
                  <c:v>1.6990105774593702</c:v>
                </c:pt>
                <c:pt idx="6535">
                  <c:v>1.7017674845244342</c:v>
                </c:pt>
                <c:pt idx="6536">
                  <c:v>1.6976456286930548</c:v>
                </c:pt>
                <c:pt idx="6537">
                  <c:v>1.6993707322820695</c:v>
                </c:pt>
                <c:pt idx="6538">
                  <c:v>1.700407954291022</c:v>
                </c:pt>
                <c:pt idx="6539">
                  <c:v>1.7011012392890124</c:v>
                </c:pt>
                <c:pt idx="6540">
                  <c:v>1.6985271189011615</c:v>
                </c:pt>
                <c:pt idx="6541">
                  <c:v>1.6937173966041998</c:v>
                </c:pt>
                <c:pt idx="6542">
                  <c:v>1.6942387244330175</c:v>
                </c:pt>
                <c:pt idx="6543">
                  <c:v>1.6956198910109459</c:v>
                </c:pt>
                <c:pt idx="6544">
                  <c:v>1.7006124150991668</c:v>
                </c:pt>
                <c:pt idx="6545">
                  <c:v>1.7006178336317603</c:v>
                </c:pt>
                <c:pt idx="6546">
                  <c:v>1.7032027835272183</c:v>
                </c:pt>
                <c:pt idx="6547">
                  <c:v>1.702176398583515</c:v>
                </c:pt>
                <c:pt idx="6548">
                  <c:v>1.700978041355045</c:v>
                </c:pt>
                <c:pt idx="6549">
                  <c:v>1.7052826914214652</c:v>
                </c:pt>
                <c:pt idx="6550">
                  <c:v>1.7076956841470694</c:v>
                </c:pt>
                <c:pt idx="6551">
                  <c:v>1.7054655158853413</c:v>
                </c:pt>
                <c:pt idx="6552">
                  <c:v>1.7023755088738837</c:v>
                </c:pt>
                <c:pt idx="6553">
                  <c:v>1.6979097538180814</c:v>
                </c:pt>
                <c:pt idx="6554">
                  <c:v>1.7018704819872141</c:v>
                </c:pt>
                <c:pt idx="6555">
                  <c:v>1.7011880340545968</c:v>
                </c:pt>
                <c:pt idx="6556">
                  <c:v>1.6982700068844951</c:v>
                </c:pt>
                <c:pt idx="6557">
                  <c:v>1.700339077713493</c:v>
                </c:pt>
                <c:pt idx="6558">
                  <c:v>1.6984528615772068</c:v>
                </c:pt>
                <c:pt idx="6559">
                  <c:v>1.7039613100754503</c:v>
                </c:pt>
                <c:pt idx="6560">
                  <c:v>1.7068902347691526</c:v>
                </c:pt>
                <c:pt idx="6561">
                  <c:v>1.7013926762360629</c:v>
                </c:pt>
                <c:pt idx="6562">
                  <c:v>1.6984746566237892</c:v>
                </c:pt>
                <c:pt idx="6563">
                  <c:v>1.6981361683738845</c:v>
                </c:pt>
                <c:pt idx="6564">
                  <c:v>1.6995173802946324</c:v>
                </c:pt>
                <c:pt idx="6565">
                  <c:v>1.6983190532954313</c:v>
                </c:pt>
                <c:pt idx="6566">
                  <c:v>1.698840418909674</c:v>
                </c:pt>
                <c:pt idx="6567">
                  <c:v>1.7021132881710521</c:v>
                </c:pt>
                <c:pt idx="6568">
                  <c:v>1.7010869410133929</c:v>
                </c:pt>
                <c:pt idx="6569">
                  <c:v>1.701436341900078</c:v>
                </c:pt>
                <c:pt idx="6570">
                  <c:v>1.7004099947426663</c:v>
                </c:pt>
                <c:pt idx="6571">
                  <c:v>1.7017912066636001</c:v>
                </c:pt>
                <c:pt idx="6572">
                  <c:v>1.7052360557663346</c:v>
                </c:pt>
                <c:pt idx="6573">
                  <c:v>1.7035218421430929</c:v>
                </c:pt>
                <c:pt idx="6574">
                  <c:v>1.7042151951559008</c:v>
                </c:pt>
                <c:pt idx="6575">
                  <c:v>1.7018130999532783</c:v>
                </c:pt>
                <c:pt idx="6576">
                  <c:v>1.6995829845923833</c:v>
                </c:pt>
                <c:pt idx="6577">
                  <c:v>1.7004483098894625</c:v>
                </c:pt>
                <c:pt idx="6578">
                  <c:v>1.6952947185970371</c:v>
                </c:pt>
                <c:pt idx="6579">
                  <c:v>1.7028668345062881</c:v>
                </c:pt>
                <c:pt idx="6580">
                  <c:v>1.7047639783943294</c:v>
                </c:pt>
                <c:pt idx="6581">
                  <c:v>1.703221744612444</c:v>
                </c:pt>
                <c:pt idx="6582">
                  <c:v>1.7070105533960338</c:v>
                </c:pt>
                <c:pt idx="6583">
                  <c:v>1.702028949504526</c:v>
                </c:pt>
                <c:pt idx="6584">
                  <c:v>1.7037541286656286</c:v>
                </c:pt>
                <c:pt idx="6585">
                  <c:v>1.7016959931457187</c:v>
                </c:pt>
                <c:pt idx="6586">
                  <c:v>1.7047969279089936</c:v>
                </c:pt>
                <c:pt idx="6587">
                  <c:v>1.702738807503501</c:v>
                </c:pt>
                <c:pt idx="6588">
                  <c:v>1.7017124905746772</c:v>
                </c:pt>
                <c:pt idx="6589">
                  <c:v>1.7013740552258534</c:v>
                </c:pt>
                <c:pt idx="6590">
                  <c:v>1.7010356274336191</c:v>
                </c:pt>
                <c:pt idx="6591">
                  <c:v>1.7012131013800287</c:v>
                </c:pt>
                <c:pt idx="6592">
                  <c:v>1.7019064846222909</c:v>
                </c:pt>
                <c:pt idx="6593">
                  <c:v>1.7008801903650934</c:v>
                </c:pt>
                <c:pt idx="6594">
                  <c:v>1.700541762573045</c:v>
                </c:pt>
                <c:pt idx="6595">
                  <c:v>1.701751055110355</c:v>
                </c:pt>
                <c:pt idx="6596">
                  <c:v>1.6998649145464666</c:v>
                </c:pt>
                <c:pt idx="6597">
                  <c:v>1.7010742221981323</c:v>
                </c:pt>
                <c:pt idx="6598">
                  <c:v>1.7003918649522685</c:v>
                </c:pt>
                <c:pt idx="6599">
                  <c:v>1.7019451096150202</c:v>
                </c:pt>
                <c:pt idx="6600">
                  <c:v>1.7050460746071303</c:v>
                </c:pt>
                <c:pt idx="6601">
                  <c:v>1.703503886169117</c:v>
                </c:pt>
                <c:pt idx="6602">
                  <c:v>1.7017897254469563</c:v>
                </c:pt>
                <c:pt idx="6603">
                  <c:v>1.6988717889639797</c:v>
                </c:pt>
                <c:pt idx="6604">
                  <c:v>1.7012848874905073</c:v>
                </c:pt>
                <c:pt idx="6605">
                  <c:v>1.7011184546546663</c:v>
                </c:pt>
                <c:pt idx="6606">
                  <c:v>1.7012959663871199</c:v>
                </c:pt>
                <c:pt idx="6607">
                  <c:v>1.7013015058354262</c:v>
                </c:pt>
                <c:pt idx="6608">
                  <c:v>1.7021668915900521</c:v>
                </c:pt>
                <c:pt idx="6609">
                  <c:v>1.7025163756072723</c:v>
                </c:pt>
                <c:pt idx="6610">
                  <c:v>1.7068211465890337</c:v>
                </c:pt>
                <c:pt idx="6611">
                  <c:v>1.7042471546737328</c:v>
                </c:pt>
                <c:pt idx="6612">
                  <c:v>1.7021890871693213</c:v>
                </c:pt>
                <c:pt idx="6613">
                  <c:v>1.7013347954257256</c:v>
                </c:pt>
                <c:pt idx="6614">
                  <c:v>1.6975570353074367</c:v>
                </c:pt>
                <c:pt idx="6615">
                  <c:v>1.6977345621543083</c:v>
                </c:pt>
                <c:pt idx="6616">
                  <c:v>1.702899186999598</c:v>
                </c:pt>
                <c:pt idx="6617">
                  <c:v>1.7032486861312357</c:v>
                </c:pt>
                <c:pt idx="6618">
                  <c:v>1.7010186614564753</c:v>
                </c:pt>
                <c:pt idx="6619">
                  <c:v>1.7022280144516417</c:v>
                </c:pt>
                <c:pt idx="6620">
                  <c:v>1.7022335765715744</c:v>
                </c:pt>
                <c:pt idx="6621">
                  <c:v>1.7046467128847653</c:v>
                </c:pt>
                <c:pt idx="6622">
                  <c:v>1.7058560658799315</c:v>
                </c:pt>
                <c:pt idx="6623">
                  <c:v>1.7031101394671466</c:v>
                </c:pt>
                <c:pt idx="6624">
                  <c:v>1.7019119333834722</c:v>
                </c:pt>
                <c:pt idx="6625">
                  <c:v>1.7043250848110809</c:v>
                </c:pt>
                <c:pt idx="6626">
                  <c:v>1.7003753750803949</c:v>
                </c:pt>
                <c:pt idx="6627">
                  <c:v>1.7008968767248918</c:v>
                </c:pt>
                <c:pt idx="6628">
                  <c:v>1.7069213781028598</c:v>
                </c:pt>
                <c:pt idx="6629">
                  <c:v>1.7081307462143012</c:v>
                </c:pt>
                <c:pt idx="6630">
                  <c:v>1.7076204368262826</c:v>
                </c:pt>
                <c:pt idx="6631">
                  <c:v>1.7050464902548539</c:v>
                </c:pt>
                <c:pt idx="6632">
                  <c:v>1.7026445235247814</c:v>
                </c:pt>
                <c:pt idx="6633">
                  <c:v>1.7004145215223283</c:v>
                </c:pt>
                <c:pt idx="6634">
                  <c:v>1.7038595066553788</c:v>
                </c:pt>
                <c:pt idx="6635">
                  <c:v>1.7028332955274783</c:v>
                </c:pt>
                <c:pt idx="6636">
                  <c:v>1.7009472456504673</c:v>
                </c:pt>
                <c:pt idx="6637">
                  <c:v>1.7028445104538497</c:v>
                </c:pt>
                <c:pt idx="6638">
                  <c:v>1.7028501179176545</c:v>
                </c:pt>
                <c:pt idx="6639">
                  <c:v>1.7044034532671597</c:v>
                </c:pt>
                <c:pt idx="6640">
                  <c:v>1.7042371035606156</c:v>
                </c:pt>
                <c:pt idx="6641">
                  <c:v>1.70097531319585</c:v>
                </c:pt>
                <c:pt idx="6642">
                  <c:v>1.6997771448985293</c:v>
                </c:pt>
                <c:pt idx="6643">
                  <c:v>1.7006426137827617</c:v>
                </c:pt>
                <c:pt idx="6644">
                  <c:v>1.7033997475647094</c:v>
                </c:pt>
                <c:pt idx="6645">
                  <c:v>1.7004818942114632</c:v>
                </c:pt>
                <c:pt idx="6646">
                  <c:v>1.6999716226082506</c:v>
                </c:pt>
                <c:pt idx="6647">
                  <c:v>1.7008370990501871</c:v>
                </c:pt>
                <c:pt idx="6648">
                  <c:v>1.7035942328321347</c:v>
                </c:pt>
                <c:pt idx="6649">
                  <c:v>1.7025680594902786</c:v>
                </c:pt>
                <c:pt idx="6650">
                  <c:v>1.7073888304525411</c:v>
                </c:pt>
                <c:pt idx="6651">
                  <c:v>1.7063626571125421</c:v>
                </c:pt>
                <c:pt idx="6652">
                  <c:v>1.7046486173063415</c:v>
                </c:pt>
                <c:pt idx="6653">
                  <c:v>1.7080936402261171</c:v>
                </c:pt>
                <c:pt idx="6654">
                  <c:v>1.7036280892143341</c:v>
                </c:pt>
                <c:pt idx="6655">
                  <c:v>1.703117840282748</c:v>
                </c:pt>
                <c:pt idx="6656">
                  <c:v>1.7053590874404696</c:v>
                </c:pt>
                <c:pt idx="6657">
                  <c:v>1.7088041254715673</c:v>
                </c:pt>
                <c:pt idx="6658">
                  <c:v>1.7069181284968751</c:v>
                </c:pt>
                <c:pt idx="6659">
                  <c:v>1.7021086555902811</c:v>
                </c:pt>
                <c:pt idx="6660">
                  <c:v>1.7017703865000513</c:v>
                </c:pt>
                <c:pt idx="6661">
                  <c:v>1.7067631448596408</c:v>
                </c:pt>
                <c:pt idx="6662">
                  <c:v>1.7079726036613023</c:v>
                </c:pt>
                <c:pt idx="6663">
                  <c:v>1.709354027179997</c:v>
                </c:pt>
                <c:pt idx="6664">
                  <c:v>1.7042006323773535</c:v>
                </c:pt>
                <c:pt idx="6665">
                  <c:v>1.700766930186111</c:v>
                </c:pt>
                <c:pt idx="6666">
                  <c:v>1.6992248928928932</c:v>
                </c:pt>
                <c:pt idx="6667">
                  <c:v>1.7006063239732543</c:v>
                </c:pt>
                <c:pt idx="6668">
                  <c:v>1.7047392662577121</c:v>
                </c:pt>
                <c:pt idx="6669">
                  <c:v>1.7038851029866664</c:v>
                </c:pt>
                <c:pt idx="6670">
                  <c:v>1.7037188212956209</c:v>
                </c:pt>
                <c:pt idx="6671">
                  <c:v>1.703208610150079</c:v>
                </c:pt>
                <c:pt idx="6672">
                  <c:v>1.7016665879712787</c:v>
                </c:pt>
                <c:pt idx="6673">
                  <c:v>1.7059715100972166</c:v>
                </c:pt>
                <c:pt idx="6674">
                  <c:v>1.7028817675886865</c:v>
                </c:pt>
                <c:pt idx="6675">
                  <c:v>1.70185565470512</c:v>
                </c:pt>
                <c:pt idx="6676">
                  <c:v>1.7025492419920203</c:v>
                </c:pt>
                <c:pt idx="6677">
                  <c:v>1.7066821993897814</c:v>
                </c:pt>
                <c:pt idx="6678">
                  <c:v>1.7051401923266372</c:v>
                </c:pt>
                <c:pt idx="6679">
                  <c:v>1.7039421222733406</c:v>
                </c:pt>
                <c:pt idx="6680">
                  <c:v>1.7044637448333024</c:v>
                </c:pt>
                <c:pt idx="6681">
                  <c:v>1.7034376470641535</c:v>
                </c:pt>
                <c:pt idx="6682">
                  <c:v>1.7089463751778853</c:v>
                </c:pt>
                <c:pt idx="6683">
                  <c:v>1.7051687813212859</c:v>
                </c:pt>
                <c:pt idx="6684">
                  <c:v>1.7058623837226039</c:v>
                </c:pt>
                <c:pt idx="6685">
                  <c:v>1.7027726714429092</c:v>
                </c:pt>
                <c:pt idx="6686">
                  <c:v>1.7053579311850433</c:v>
                </c:pt>
                <c:pt idx="6687">
                  <c:v>1.7098348633793152</c:v>
                </c:pt>
                <c:pt idx="6688">
                  <c:v>1.707089095671011</c:v>
                </c:pt>
                <c:pt idx="6689">
                  <c:v>1.706750902150393</c:v>
                </c:pt>
                <c:pt idx="6690">
                  <c:v>1.7074445196710815</c:v>
                </c:pt>
                <c:pt idx="6691">
                  <c:v>1.704010885492242</c:v>
                </c:pt>
                <c:pt idx="6692">
                  <c:v>1.7062522308949164</c:v>
                </c:pt>
                <c:pt idx="6693">
                  <c:v>1.7088375208683619</c:v>
                </c:pt>
                <c:pt idx="6694">
                  <c:v>1.7033402646217679</c:v>
                </c:pt>
                <c:pt idx="6695">
                  <c:v>1.7023142046392823</c:v>
                </c:pt>
                <c:pt idx="6696">
                  <c:v>1.7031798095535831</c:v>
                </c:pt>
                <c:pt idx="6697">
                  <c:v>1.7116120438274329</c:v>
                </c:pt>
                <c:pt idx="6698">
                  <c:v>1.7093822156431973</c:v>
                </c:pt>
                <c:pt idx="6699">
                  <c:v>1.7080122337646622</c:v>
                </c:pt>
                <c:pt idx="6700">
                  <c:v>1.7057824055767121</c:v>
                </c:pt>
                <c:pt idx="6701">
                  <c:v>1.7095714939770283</c:v>
                </c:pt>
                <c:pt idx="6702">
                  <c:v>1.7121568066214814</c:v>
                </c:pt>
                <c:pt idx="6703">
                  <c:v>1.7100989507195359</c:v>
                </c:pt>
                <c:pt idx="6704">
                  <c:v>1.7092448932469375</c:v>
                </c:pt>
                <c:pt idx="6705">
                  <c:v>1.710970367144756</c:v>
                </c:pt>
                <c:pt idx="6706">
                  <c:v>1.7083966170607567</c:v>
                </c:pt>
                <c:pt idx="6707">
                  <c:v>1.7084024058938587</c:v>
                </c:pt>
                <c:pt idx="6708">
                  <c:v>1.7101278873445525</c:v>
                </c:pt>
                <c:pt idx="6709">
                  <c:v>1.7109935300486119</c:v>
                </c:pt>
                <c:pt idx="6710">
                  <c:v>1.7073879840476291</c:v>
                </c:pt>
                <c:pt idx="6711">
                  <c:v>1.7094574100629034</c:v>
                </c:pt>
                <c:pt idx="6712">
                  <c:v>1.7080874659673169</c:v>
                </c:pt>
                <c:pt idx="6713">
                  <c:v>1.7072334236128506</c:v>
                </c:pt>
                <c:pt idx="6714">
                  <c:v>1.7063793888174503</c:v>
                </c:pt>
                <c:pt idx="6715">
                  <c:v>1.7089647392448521</c:v>
                </c:pt>
                <c:pt idx="6716">
                  <c:v>1.7110341728191922</c:v>
                </c:pt>
                <c:pt idx="6717">
                  <c:v>1.7141354325467801</c:v>
                </c:pt>
                <c:pt idx="6718">
                  <c:v>1.7110458185108002</c:v>
                </c:pt>
                <c:pt idx="6719">
                  <c:v>1.7069243858806387</c:v>
                </c:pt>
                <c:pt idx="6720">
                  <c:v>1.7046946181540736</c:v>
                </c:pt>
                <c:pt idx="6721">
                  <c:v>1.7102034520718243</c:v>
                </c:pt>
                <c:pt idx="6722">
                  <c:v>1.7112411048411227</c:v>
                </c:pt>
                <c:pt idx="6723">
                  <c:v>1.7110749667401401</c:v>
                </c:pt>
                <c:pt idx="6724">
                  <c:v>1.7055777936240815</c:v>
                </c:pt>
                <c:pt idx="6725">
                  <c:v>1.7090230205853998</c:v>
                </c:pt>
                <c:pt idx="6726">
                  <c:v>1.7107485549371744</c:v>
                </c:pt>
                <c:pt idx="6727">
                  <c:v>1.7176331595702767</c:v>
                </c:pt>
                <c:pt idx="6728">
                  <c:v>1.71437160348208</c:v>
                </c:pt>
                <c:pt idx="6729">
                  <c:v>1.7162691101161449</c:v>
                </c:pt>
                <c:pt idx="6730">
                  <c:v>1.7121477152751228</c:v>
                </c:pt>
                <c:pt idx="6731">
                  <c:v>1.7038990687444784</c:v>
                </c:pt>
                <c:pt idx="6732">
                  <c:v>1.7097518699040077</c:v>
                </c:pt>
                <c:pt idx="6733">
                  <c:v>1.7126812026851292</c:v>
                </c:pt>
                <c:pt idx="6734">
                  <c:v>1.7087317876854635</c:v>
                </c:pt>
                <c:pt idx="6735">
                  <c:v>1.7152724855369341</c:v>
                </c:pt>
                <c:pt idx="6736">
                  <c:v>1.7144185111954902</c:v>
                </c:pt>
                <c:pt idx="6737">
                  <c:v>1.7116728870722961</c:v>
                </c:pt>
                <c:pt idx="6738">
                  <c:v>1.7118507313250335</c:v>
                </c:pt>
                <c:pt idx="6739">
                  <c:v>1.7154679683596388</c:v>
                </c:pt>
                <c:pt idx="6740">
                  <c:v>1.7151299184303221</c:v>
                </c:pt>
                <c:pt idx="6741">
                  <c:v>1.7151358055065198</c:v>
                </c:pt>
                <c:pt idx="6742">
                  <c:v>1.7170333574887902</c:v>
                </c:pt>
                <c:pt idx="6743">
                  <c:v>1.7201346927822754</c:v>
                </c:pt>
                <c:pt idx="6744">
                  <c:v>1.7161853080126832</c:v>
                </c:pt>
                <c:pt idx="6745">
                  <c:v>1.7184268121186002</c:v>
                </c:pt>
                <c:pt idx="6746">
                  <c:v>1.7151653013724182</c:v>
                </c:pt>
                <c:pt idx="6747">
                  <c:v>1.7139674278022174</c:v>
                </c:pt>
                <c:pt idx="6748">
                  <c:v>1.7184445338197216</c:v>
                </c:pt>
                <c:pt idx="6749">
                  <c:v>1.713291380844665</c:v>
                </c:pt>
                <c:pt idx="6750">
                  <c:v>1.7163927388091578</c:v>
                </c:pt>
                <c:pt idx="6751">
                  <c:v>1.7176024394390252</c:v>
                </c:pt>
                <c:pt idx="6752">
                  <c:v>1.7196719863745933</c:v>
                </c:pt>
                <c:pt idx="6753">
                  <c:v>1.7158945965582986</c:v>
                </c:pt>
                <c:pt idx="6754">
                  <c:v>1.7205436899700342</c:v>
                </c:pt>
                <c:pt idx="6755">
                  <c:v>1.7134988947722938</c:v>
                </c:pt>
                <c:pt idx="6756">
                  <c:v>1.710925295832471</c:v>
                </c:pt>
                <c:pt idx="6757">
                  <c:v>1.7195296837671945</c:v>
                </c:pt>
                <c:pt idx="6758">
                  <c:v>1.7185038202746146</c:v>
                </c:pt>
                <c:pt idx="6759">
                  <c:v>1.7190256695520791</c:v>
                </c:pt>
                <c:pt idx="6760">
                  <c:v>1.7174838967593129</c:v>
                </c:pt>
                <c:pt idx="6761">
                  <c:v>1.7173178795724333</c:v>
                </c:pt>
                <c:pt idx="6762">
                  <c:v>1.7207632123377707</c:v>
                </c:pt>
                <c:pt idx="6763">
                  <c:v>1.7259282377145089</c:v>
                </c:pt>
                <c:pt idx="6764">
                  <c:v>1.7181955987234319</c:v>
                </c:pt>
                <c:pt idx="6765">
                  <c:v>1.7199212539893094</c:v>
                </c:pt>
                <c:pt idx="6766">
                  <c:v>1.7226787278431779</c:v>
                </c:pt>
                <c:pt idx="6767">
                  <c:v>1.7230286350684256</c:v>
                </c:pt>
                <c:pt idx="6768">
                  <c:v>1.7228626405525536</c:v>
                </c:pt>
                <c:pt idx="6769">
                  <c:v>1.7180534926022242</c:v>
                </c:pt>
                <c:pt idx="6770">
                  <c:v>1.7235624776616751</c:v>
                </c:pt>
                <c:pt idx="6771">
                  <c:v>1.7266639036453806</c:v>
                </c:pt>
                <c:pt idx="6772">
                  <c:v>1.7204790076544216</c:v>
                </c:pt>
                <c:pt idx="6773">
                  <c:v>1.7182493986273848</c:v>
                </c:pt>
                <c:pt idx="6774">
                  <c:v>1.7218667414641518</c:v>
                </c:pt>
                <c:pt idx="6775">
                  <c:v>1.7249681825597987</c:v>
                </c:pt>
                <c:pt idx="6776">
                  <c:v>1.7237703996860094</c:v>
                </c:pt>
                <c:pt idx="6777">
                  <c:v>1.7258400373056069</c:v>
                </c:pt>
                <c:pt idx="6778">
                  <c:v>1.7267058916077989</c:v>
                </c:pt>
                <c:pt idx="6779">
                  <c:v>1.7322148993382571</c:v>
                </c:pt>
                <c:pt idx="6780">
                  <c:v>1.7342845445169206</c:v>
                </c:pt>
                <c:pt idx="6781">
                  <c:v>1.7293034620734409</c:v>
                </c:pt>
                <c:pt idx="6782">
                  <c:v>1.7269019185470622</c:v>
                </c:pt>
                <c:pt idx="6783">
                  <c:v>1.7294874805787874</c:v>
                </c:pt>
                <c:pt idx="6784">
                  <c:v>1.7301813777106305</c:v>
                </c:pt>
                <c:pt idx="6785">
                  <c:v>1.7300154360958391</c:v>
                </c:pt>
                <c:pt idx="6786">
                  <c:v>1.7353525093331466</c:v>
                </c:pt>
                <c:pt idx="6787">
                  <c:v>1.7293396385255586</c:v>
                </c:pt>
                <c:pt idx="6788">
                  <c:v>1.7286578027287134</c:v>
                </c:pt>
                <c:pt idx="6789">
                  <c:v>1.7319312538957901</c:v>
                </c:pt>
                <c:pt idx="6790">
                  <c:v>1.7317653349520061</c:v>
                </c:pt>
                <c:pt idx="6791">
                  <c:v>1.7333191086196231</c:v>
                </c:pt>
                <c:pt idx="6792">
                  <c:v>1.7360766656046458</c:v>
                </c:pt>
                <c:pt idx="6793">
                  <c:v>1.7364266635139232</c:v>
                </c:pt>
                <c:pt idx="6794">
                  <c:v>1.7338531854943942</c:v>
                </c:pt>
                <c:pt idx="6795">
                  <c:v>1.7352350019916623</c:v>
                </c:pt>
                <c:pt idx="6796">
                  <c:v>1.7416039164879678</c:v>
                </c:pt>
                <c:pt idx="6797">
                  <c:v>1.7366228944984439</c:v>
                </c:pt>
                <c:pt idx="6798">
                  <c:v>1.7350812501850377</c:v>
                </c:pt>
                <c:pt idx="6799">
                  <c:v>1.734399452171141</c:v>
                </c:pt>
                <c:pt idx="6800">
                  <c:v>1.7393926337387582</c:v>
                </c:pt>
                <c:pt idx="6801">
                  <c:v>1.7385388710016374</c:v>
                </c:pt>
                <c:pt idx="6802">
                  <c:v>1.7390608714232785</c:v>
                </c:pt>
                <c:pt idx="6803">
                  <c:v>1.7443979975616668</c:v>
                </c:pt>
                <c:pt idx="6804">
                  <c:v>1.7389010965082212</c:v>
                </c:pt>
                <c:pt idx="6805">
                  <c:v>1.7363276562716408</c:v>
                </c:pt>
                <c:pt idx="6806">
                  <c:v>1.7408049512100792</c:v>
                </c:pt>
                <c:pt idx="6807">
                  <c:v>1.7468299664838192</c:v>
                </c:pt>
                <c:pt idx="6808">
                  <c:v>1.7360020379786969</c:v>
                </c:pt>
                <c:pt idx="6809">
                  <c:v>1.7389316277061566</c:v>
                </c:pt>
                <c:pt idx="6810">
                  <c:v>1.7444407412387766</c:v>
                </c:pt>
                <c:pt idx="6811">
                  <c:v>1.7416953589499793</c:v>
                </c:pt>
                <c:pt idx="6812">
                  <c:v>1.7401537599723969</c:v>
                </c:pt>
                <c:pt idx="6813">
                  <c:v>1.7466947147702057</c:v>
                </c:pt>
                <c:pt idx="6814">
                  <c:v>1.7444652417754039</c:v>
                </c:pt>
                <c:pt idx="6815">
                  <c:v>1.7458471338447603</c:v>
                </c:pt>
                <c:pt idx="6816">
                  <c:v>1.7458532703144207</c:v>
                </c:pt>
                <c:pt idx="6817">
                  <c:v>1.7475790994016731</c:v>
                </c:pt>
                <c:pt idx="6818">
                  <c:v>1.7460375230950982</c:v>
                </c:pt>
                <c:pt idx="6819">
                  <c:v>1.7450118636477754</c:v>
                </c:pt>
                <c:pt idx="6820">
                  <c:v>1.7496611762167096</c:v>
                </c:pt>
                <c:pt idx="6821">
                  <c:v>1.7489794613339673</c:v>
                </c:pt>
                <c:pt idx="6822">
                  <c:v>1.7493295574863403</c:v>
                </c:pt>
                <c:pt idx="6823">
                  <c:v>1.7498516259271946</c:v>
                </c:pt>
                <c:pt idx="6824">
                  <c:v>1.7531251980083742</c:v>
                </c:pt>
                <c:pt idx="6825">
                  <c:v>1.7579464979777306</c:v>
                </c:pt>
                <c:pt idx="6826">
                  <c:v>1.7627678054999623</c:v>
                </c:pt>
                <c:pt idx="6827">
                  <c:v>1.7617421611707718</c:v>
                </c:pt>
                <c:pt idx="6828">
                  <c:v>1.7634680355938481</c:v>
                </c:pt>
                <c:pt idx="6829">
                  <c:v>1.7598628825652478</c:v>
                </c:pt>
                <c:pt idx="6830">
                  <c:v>1.7591811979187697</c:v>
                </c:pt>
                <c:pt idx="6831">
                  <c:v>1.762970701977334</c:v>
                </c:pt>
                <c:pt idx="6832">
                  <c:v>1.7574738916017267</c:v>
                </c:pt>
                <c:pt idx="6833">
                  <c:v>1.7604035569012748</c:v>
                </c:pt>
                <c:pt idx="6834">
                  <c:v>1.7648809501013814</c:v>
                </c:pt>
                <c:pt idx="6835">
                  <c:v>1.7638553586732717</c:v>
                </c:pt>
                <c:pt idx="6836">
                  <c:v>1.7595623391617545</c:v>
                </c:pt>
                <c:pt idx="6837">
                  <c:v>1.7662753493544352</c:v>
                </c:pt>
                <c:pt idx="6838">
                  <c:v>1.7626702114563488</c:v>
                </c:pt>
                <c:pt idx="6839">
                  <c:v>1.7669756625918571</c:v>
                </c:pt>
                <c:pt idx="6840">
                  <c:v>1.7680136932339783</c:v>
                </c:pt>
                <c:pt idx="6841">
                  <c:v>1.7681918926761493</c:v>
                </c:pt>
                <c:pt idx="6842">
                  <c:v>1.7707776663060069</c:v>
                </c:pt>
                <c:pt idx="6843">
                  <c:v>1.7750831174415151</c:v>
                </c:pt>
                <c:pt idx="6844">
                  <c:v>1.7713060450255145</c:v>
                </c:pt>
                <c:pt idx="6845">
                  <c:v>1.7704524409854454</c:v>
                </c:pt>
                <c:pt idx="6846">
                  <c:v>1.7718344539565232</c:v>
                </c:pt>
                <c:pt idx="6847">
                  <c:v>1.7768278017740671</c:v>
                </c:pt>
                <c:pt idx="6848">
                  <c:v>1.7711590720172508</c:v>
                </c:pt>
                <c:pt idx="6849">
                  <c:v>1.7696176166743058</c:v>
                </c:pt>
                <c:pt idx="6850">
                  <c:v>1.7682481259988669</c:v>
                </c:pt>
                <c:pt idx="6851">
                  <c:v>1.7727255871810412</c:v>
                </c:pt>
                <c:pt idx="6852">
                  <c:v>1.7775469929897048</c:v>
                </c:pt>
                <c:pt idx="6853">
                  <c:v>1.7766934191611365</c:v>
                </c:pt>
                <c:pt idx="6854">
                  <c:v>1.7784193918644535</c:v>
                </c:pt>
                <c:pt idx="6855">
                  <c:v>1.7773938533064704</c:v>
                </c:pt>
                <c:pt idx="6856">
                  <c:v>1.7820433018766852</c:v>
                </c:pt>
                <c:pt idx="6857">
                  <c:v>1.7872086673556795</c:v>
                </c:pt>
                <c:pt idx="6858">
                  <c:v>1.7774127236699022</c:v>
                </c:pt>
                <c:pt idx="6859">
                  <c:v>1.7806864318080806</c:v>
                </c:pt>
                <c:pt idx="6860">
                  <c:v>1.7863677141339454</c:v>
                </c:pt>
                <c:pt idx="6861">
                  <c:v>1.7806990448001305</c:v>
                </c:pt>
                <c:pt idx="6862">
                  <c:v>1.7801894533624276</c:v>
                </c:pt>
                <c:pt idx="6863">
                  <c:v>1.7881063375936885</c:v>
                </c:pt>
                <c:pt idx="6864">
                  <c:v>1.78639296283858</c:v>
                </c:pt>
                <c:pt idx="6865">
                  <c:v>1.7894947212911849</c:v>
                </c:pt>
                <c:pt idx="6866">
                  <c:v>1.7881252986535316</c:v>
                </c:pt>
                <c:pt idx="6867">
                  <c:v>1.7888195056389846</c:v>
                </c:pt>
                <c:pt idx="6868">
                  <c:v>1.7926091532826591</c:v>
                </c:pt>
                <c:pt idx="6869">
                  <c:v>1.787112478951669</c:v>
                </c:pt>
                <c:pt idx="6870">
                  <c:v>1.789354413819108</c:v>
                </c:pt>
                <c:pt idx="6871">
                  <c:v>1.7948637691799338</c:v>
                </c:pt>
                <c:pt idx="6872">
                  <c:v>1.7962458652945474</c:v>
                </c:pt>
                <c:pt idx="6873">
                  <c:v>1.799175689291147</c:v>
                </c:pt>
                <c:pt idx="6874">
                  <c:v>1.7978062968649948</c:v>
                </c:pt>
                <c:pt idx="6875">
                  <c:v>1.8027997580994846</c:v>
                </c:pt>
                <c:pt idx="6876">
                  <c:v>1.8060735417664149</c:v>
                </c:pt>
                <c:pt idx="6877">
                  <c:v>1.8053920158107977</c:v>
                </c:pt>
                <c:pt idx="6878">
                  <c:v>1.8064302126780822</c:v>
                </c:pt>
                <c:pt idx="6879">
                  <c:v>1.8100479258657514</c:v>
                </c:pt>
                <c:pt idx="6880">
                  <c:v>1.8110861302859111</c:v>
                </c:pt>
                <c:pt idx="6881">
                  <c:v>1.8090288864949742</c:v>
                </c:pt>
                <c:pt idx="6882">
                  <c:v>1.8128185946235591</c:v>
                </c:pt>
                <c:pt idx="6883">
                  <c:v>1.8068060789744504</c:v>
                </c:pt>
                <c:pt idx="6884">
                  <c:v>1.8068124724214036</c:v>
                </c:pt>
                <c:pt idx="6885">
                  <c:v>1.8104302157586647</c:v>
                </c:pt>
                <c:pt idx="6886">
                  <c:v>1.8107805688759486</c:v>
                </c:pt>
                <c:pt idx="6887">
                  <c:v>1.8100990882994914</c:v>
                </c:pt>
                <c:pt idx="6888">
                  <c:v>1.8119971616839772</c:v>
                </c:pt>
                <c:pt idx="6889">
                  <c:v>1.8180224868237089</c:v>
                </c:pt>
                <c:pt idx="6890">
                  <c:v>1.8154493866708119</c:v>
                </c:pt>
                <c:pt idx="6891">
                  <c:v>1.8133921731532845</c:v>
                </c:pt>
                <c:pt idx="6892">
                  <c:v>1.8187296393134473</c:v>
                </c:pt>
                <c:pt idx="6893">
                  <c:v>1.8259587704292102</c:v>
                </c:pt>
                <c:pt idx="6894">
                  <c:v>1.818914481571271</c:v>
                </c:pt>
                <c:pt idx="6895">
                  <c:v>1.8168572982652447</c:v>
                </c:pt>
                <c:pt idx="6896">
                  <c:v>1.8156599537120433</c:v>
                </c:pt>
                <c:pt idx="6897">
                  <c:v>1.8170421631816938</c:v>
                </c:pt>
                <c:pt idx="6898">
                  <c:v>1.8232394983680917</c:v>
                </c:pt>
                <c:pt idx="6899">
                  <c:v>1.8292648688250746</c:v>
                </c:pt>
                <c:pt idx="6900">
                  <c:v>1.8258319450251026</c:v>
                </c:pt>
                <c:pt idx="6901">
                  <c:v>1.822571001060296</c:v>
                </c:pt>
                <c:pt idx="6902">
                  <c:v>1.8261888276030023</c:v>
                </c:pt>
                <c:pt idx="6903">
                  <c:v>1.8244756039673065</c:v>
                </c:pt>
                <c:pt idx="6904">
                  <c:v>1.8298131230595045</c:v>
                </c:pt>
                <c:pt idx="6905">
                  <c:v>1.8305074736114952</c:v>
                </c:pt>
                <c:pt idx="6906">
                  <c:v>1.8308579098723152</c:v>
                </c:pt>
                <c:pt idx="6907">
                  <c:v>1.8303484846597755</c:v>
                </c:pt>
                <c:pt idx="6908">
                  <c:v>1.8322466412497063</c:v>
                </c:pt>
                <c:pt idx="6909">
                  <c:v>1.8293296720609808</c:v>
                </c:pt>
                <c:pt idx="6910">
                  <c:v>1.8315717732154919</c:v>
                </c:pt>
                <c:pt idx="6911">
                  <c:v>1.8298585873441722</c:v>
                </c:pt>
                <c:pt idx="6912">
                  <c:v>1.8216105983123634</c:v>
                </c:pt>
                <c:pt idx="6913">
                  <c:v>1.8240246792401311</c:v>
                </c:pt>
                <c:pt idx="6914">
                  <c:v>1.829190263876324</c:v>
                </c:pt>
                <c:pt idx="6915">
                  <c:v>1.8329801004656963</c:v>
                </c:pt>
                <c:pt idx="6916">
                  <c:v>1.8319548112764124</c:v>
                </c:pt>
                <c:pt idx="6917">
                  <c:v>1.8295537967608424</c:v>
                </c:pt>
                <c:pt idx="6918">
                  <c:v>1.8378148371610072</c:v>
                </c:pt>
                <c:pt idx="6919">
                  <c:v>1.8307706465523546</c:v>
                </c:pt>
                <c:pt idx="6920">
                  <c:v>1.8323249114478313</c:v>
                </c:pt>
                <c:pt idx="6921">
                  <c:v>1.8359428059664142</c:v>
                </c:pt>
                <c:pt idx="6922">
                  <c:v>1.841968289778434</c:v>
                </c:pt>
                <c:pt idx="6923">
                  <c:v>1.8388794012394538</c:v>
                </c:pt>
                <c:pt idx="6924">
                  <c:v>1.8326950871480023</c:v>
                </c:pt>
                <c:pt idx="6925">
                  <c:v>1.8289183245856118</c:v>
                </c:pt>
                <c:pt idx="6926">
                  <c:v>1.8235938643527361</c:v>
                </c:pt>
                <c:pt idx="6927">
                  <c:v>1.8321988870818573</c:v>
                </c:pt>
                <c:pt idx="6928">
                  <c:v>1.8420077007431681</c:v>
                </c:pt>
                <c:pt idx="6929">
                  <c:v>1.8377150590982829</c:v>
                </c:pt>
                <c:pt idx="6930">
                  <c:v>1.8373777195230703</c:v>
                </c:pt>
                <c:pt idx="6931">
                  <c:v>1.8334290224427656</c:v>
                </c:pt>
                <c:pt idx="6932">
                  <c:v>1.8351552974468175</c:v>
                </c:pt>
                <c:pt idx="6933">
                  <c:v>1.8337861543893645</c:v>
                </c:pt>
                <c:pt idx="6934">
                  <c:v>1.8365442706400328</c:v>
                </c:pt>
                <c:pt idx="6935">
                  <c:v>1.8350031628531649</c:v>
                </c:pt>
                <c:pt idx="6936">
                  <c:v>1.8348378031750263</c:v>
                </c:pt>
                <c:pt idx="6937">
                  <c:v>1.8408633323042973</c:v>
                </c:pt>
                <c:pt idx="6938">
                  <c:v>1.8331313583686457</c:v>
                </c:pt>
                <c:pt idx="6939">
                  <c:v>1.8453477764291437</c:v>
                </c:pt>
                <c:pt idx="6940">
                  <c:v>1.8429468374423259</c:v>
                </c:pt>
                <c:pt idx="6941">
                  <c:v>1.838310319270646</c:v>
                </c:pt>
                <c:pt idx="6942">
                  <c:v>1.837113178768893</c:v>
                </c:pt>
                <c:pt idx="6943">
                  <c:v>1.8352281642437296</c:v>
                </c:pt>
                <c:pt idx="6944">
                  <c:v>1.8397060184230498</c:v>
                </c:pt>
                <c:pt idx="6945">
                  <c:v>1.8409164521089834</c:v>
                </c:pt>
                <c:pt idx="6946">
                  <c:v>1.8371397953487545</c:v>
                </c:pt>
                <c:pt idx="6947">
                  <c:v>1.8369744885407424</c:v>
                </c:pt>
                <c:pt idx="6948">
                  <c:v>1.8430000630491734</c:v>
                </c:pt>
                <c:pt idx="6949">
                  <c:v>1.8378476733478744</c:v>
                </c:pt>
                <c:pt idx="6950">
                  <c:v>1.8321793667997048</c:v>
                </c:pt>
                <c:pt idx="6951">
                  <c:v>1.8347655938497101</c:v>
                </c:pt>
                <c:pt idx="6952">
                  <c:v>1.8376957428056699</c:v>
                </c:pt>
                <c:pt idx="6953">
                  <c:v>1.8347789701155175</c:v>
                </c:pt>
                <c:pt idx="6954">
                  <c:v>1.8428682120733395</c:v>
                </c:pt>
                <c:pt idx="6955">
                  <c:v>1.8365120541603854</c:v>
                </c:pt>
                <c:pt idx="6956">
                  <c:v>1.836174812834459</c:v>
                </c:pt>
                <c:pt idx="6957">
                  <c:v>1.8327421535708459</c:v>
                </c:pt>
                <c:pt idx="6958">
                  <c:v>1.832404919797795</c:v>
                </c:pt>
                <c:pt idx="6959">
                  <c:v>1.8305199884161676</c:v>
                </c:pt>
                <c:pt idx="6960">
                  <c:v>1.8325903363836784</c:v>
                </c:pt>
                <c:pt idx="6961">
                  <c:v>1.8288137476612352</c:v>
                </c:pt>
                <c:pt idx="6962">
                  <c:v>1.8271007885618979</c:v>
                </c:pt>
                <c:pt idx="6963">
                  <c:v>1.8222923887424305</c:v>
                </c:pt>
                <c:pt idx="6964">
                  <c:v>1.8233309483953601</c:v>
                </c:pt>
                <c:pt idx="6965">
                  <c:v>1.8229937524485942</c:v>
                </c:pt>
                <c:pt idx="6966">
                  <c:v>1.8267838308537907</c:v>
                </c:pt>
                <c:pt idx="6967">
                  <c:v>1.8310898033853231</c:v>
                </c:pt>
                <c:pt idx="6968">
                  <c:v>1.8292048946623216</c:v>
                </c:pt>
                <c:pt idx="6969">
                  <c:v>1.8288677289270563</c:v>
                </c:pt>
                <c:pt idx="6970">
                  <c:v>1.8237154299221685</c:v>
                </c:pt>
                <c:pt idx="6971">
                  <c:v>1.8238941659280232</c:v>
                </c:pt>
                <c:pt idx="6972">
                  <c:v>1.8175381062643554</c:v>
                </c:pt>
                <c:pt idx="6973">
                  <c:v>1.8180607868347907</c:v>
                </c:pt>
                <c:pt idx="6974">
                  <c:v>1.8302773635675769</c:v>
                </c:pt>
                <c:pt idx="6975">
                  <c:v>1.8259849411417992</c:v>
                </c:pt>
                <c:pt idx="6976">
                  <c:v>1.8237561407243437</c:v>
                </c:pt>
                <c:pt idx="6977">
                  <c:v>1.8199796124249021</c:v>
                </c:pt>
                <c:pt idx="6978">
                  <c:v>1.8251454917470458</c:v>
                </c:pt>
                <c:pt idx="6979">
                  <c:v>1.8213689861681386</c:v>
                </c:pt>
                <c:pt idx="6980">
                  <c:v>1.8239553265731807</c:v>
                </c:pt>
                <c:pt idx="6981">
                  <c:v>1.8218985287114249</c:v>
                </c:pt>
                <c:pt idx="6982">
                  <c:v>1.8139947789301472</c:v>
                </c:pt>
                <c:pt idx="6983">
                  <c:v>1.8091864698689997</c:v>
                </c:pt>
                <c:pt idx="6984">
                  <c:v>1.8153841828848845</c:v>
                </c:pt>
                <c:pt idx="6985">
                  <c:v>1.8153910221991099</c:v>
                </c:pt>
                <c:pt idx="6986">
                  <c:v>1.8109266803611686</c:v>
                </c:pt>
                <c:pt idx="6987">
                  <c:v>1.8179842547885039</c:v>
                </c:pt>
                <c:pt idx="6988">
                  <c:v>1.8138638499622677</c:v>
                </c:pt>
                <c:pt idx="6989">
                  <c:v>1.8112911805708927</c:v>
                </c:pt>
                <c:pt idx="6990">
                  <c:v>1.8171449792956065</c:v>
                </c:pt>
                <c:pt idx="6991">
                  <c:v>1.8217950021938811</c:v>
                </c:pt>
                <c:pt idx="6992">
                  <c:v>1.8137193482300078</c:v>
                </c:pt>
                <c:pt idx="6993">
                  <c:v>1.8051277773573551</c:v>
                </c:pt>
                <c:pt idx="6994">
                  <c:v>1.8032429894803566</c:v>
                </c:pt>
                <c:pt idx="6995">
                  <c:v>1.8149437627832181</c:v>
                </c:pt>
                <c:pt idx="6996">
                  <c:v>1.8166703475789709</c:v>
                </c:pt>
                <c:pt idx="6997">
                  <c:v>1.8106583307291699</c:v>
                </c:pt>
                <c:pt idx="6998">
                  <c:v>1.7931243899993081</c:v>
                </c:pt>
                <c:pt idx="6999">
                  <c:v>1.8010418712172547</c:v>
                </c:pt>
                <c:pt idx="7000">
                  <c:v>1.8017366525307672</c:v>
                </c:pt>
                <c:pt idx="7001">
                  <c:v>1.796240560142621</c:v>
                </c:pt>
                <c:pt idx="7002">
                  <c:v>1.7953876362327732</c:v>
                </c:pt>
                <c:pt idx="7003">
                  <c:v>1.7993498456544568</c:v>
                </c:pt>
                <c:pt idx="7004">
                  <c:v>1.7979810275563644</c:v>
                </c:pt>
                <c:pt idx="7005">
                  <c:v>1.7919690560857233</c:v>
                </c:pt>
                <c:pt idx="7006">
                  <c:v>1.7954153637043782</c:v>
                </c:pt>
                <c:pt idx="7007">
                  <c:v>1.7912950646803036</c:v>
                </c:pt>
                <c:pt idx="7008">
                  <c:v>1.7942254781107132</c:v>
                </c:pt>
                <c:pt idx="7009">
                  <c:v>1.7918248641451644</c:v>
                </c:pt>
                <c:pt idx="7010">
                  <c:v>1.7945833355666938</c:v>
                </c:pt>
                <c:pt idx="7011">
                  <c:v>1.7921827291540202</c:v>
                </c:pt>
                <c:pt idx="7012">
                  <c:v>1.7835912489777788</c:v>
                </c:pt>
                <c:pt idx="7013">
                  <c:v>1.7835982242437578</c:v>
                </c:pt>
                <c:pt idx="7014">
                  <c:v>1.7813696052191248</c:v>
                </c:pt>
                <c:pt idx="7015">
                  <c:v>1.7805167417941876</c:v>
                </c:pt>
                <c:pt idx="7016">
                  <c:v>1.7844790191917481</c:v>
                </c:pt>
                <c:pt idx="7017">
                  <c:v>1.7843140373430963</c:v>
                </c:pt>
                <c:pt idx="7018">
                  <c:v>1.7844930076119003</c:v>
                </c:pt>
                <c:pt idx="7019">
                  <c:v>1.7808886557081058</c:v>
                </c:pt>
                <c:pt idx="7020">
                  <c:v>1.781067633529785</c:v>
                </c:pt>
                <c:pt idx="7021">
                  <c:v>1.7805587448809288</c:v>
                </c:pt>
                <c:pt idx="7022">
                  <c:v>1.7762665264446906</c:v>
                </c:pt>
                <c:pt idx="7023">
                  <c:v>1.7781652195983051</c:v>
                </c:pt>
                <c:pt idx="7024">
                  <c:v>1.7759366458909234</c:v>
                </c:pt>
                <c:pt idx="7025">
                  <c:v>1.7759436817037217</c:v>
                </c:pt>
                <c:pt idx="7026">
                  <c:v>1.7787022135482526</c:v>
                </c:pt>
                <c:pt idx="7027">
                  <c:v>1.7795691031577181</c:v>
                </c:pt>
                <c:pt idx="7028">
                  <c:v>1.7656466635613948</c:v>
                </c:pt>
                <c:pt idx="7029">
                  <c:v>1.7682332609499203</c:v>
                </c:pt>
                <c:pt idx="7030">
                  <c:v>1.7778705707929303</c:v>
                </c:pt>
                <c:pt idx="7031">
                  <c:v>1.7716867479479113</c:v>
                </c:pt>
                <c:pt idx="7032">
                  <c:v>1.7682544438551591</c:v>
                </c:pt>
                <c:pt idx="7033">
                  <c:v>1.7658539507975224</c:v>
                </c:pt>
                <c:pt idx="7034">
                  <c:v>1.7668928505155628</c:v>
                </c:pt>
                <c:pt idx="7035">
                  <c:v>1.7613969243154346</c:v>
                </c:pt>
                <c:pt idx="7036">
                  <c:v>1.7693145717956895</c:v>
                </c:pt>
                <c:pt idx="7037">
                  <c:v>1.7646784994912823</c:v>
                </c:pt>
                <c:pt idx="7038">
                  <c:v>1.7626219736568516</c:v>
                </c:pt>
                <c:pt idx="7039">
                  <c:v>1.7655525458214583</c:v>
                </c:pt>
                <c:pt idx="7040">
                  <c:v>1.763839979719267</c:v>
                </c:pt>
                <c:pt idx="7041">
                  <c:v>1.7616114815777826</c:v>
                </c:pt>
                <c:pt idx="7042">
                  <c:v>1.7652299580020641</c:v>
                </c:pt>
                <c:pt idx="7043">
                  <c:v>1.7643772305907894</c:v>
                </c:pt>
                <c:pt idx="7044">
                  <c:v>1.7471874687194113</c:v>
                </c:pt>
                <c:pt idx="7045">
                  <c:v>1.7480544414909853</c:v>
                </c:pt>
                <c:pt idx="7046">
                  <c:v>1.7602713734255873</c:v>
                </c:pt>
                <c:pt idx="7047">
                  <c:v>1.7618262353325129</c:v>
                </c:pt>
                <c:pt idx="7048">
                  <c:v>1.7565023494586514</c:v>
                </c:pt>
                <c:pt idx="7049">
                  <c:v>1.7554776951194828</c:v>
                </c:pt>
                <c:pt idx="7050">
                  <c:v>1.7580643831796563</c:v>
                </c:pt>
                <c:pt idx="7051">
                  <c:v>1.7568677641110728</c:v>
                </c:pt>
                <c:pt idx="7052">
                  <c:v>1.7520598102084048</c:v>
                </c:pt>
                <c:pt idx="7053">
                  <c:v>1.7467359470117416</c:v>
                </c:pt>
                <c:pt idx="7054">
                  <c:v>1.7489787207250262</c:v>
                </c:pt>
                <c:pt idx="7055">
                  <c:v>1.7517374112975632</c:v>
                </c:pt>
                <c:pt idx="7056">
                  <c:v>1.7471014372362514</c:v>
                </c:pt>
                <c:pt idx="7057">
                  <c:v>1.7433253094806402</c:v>
                </c:pt>
                <c:pt idx="7058">
                  <c:v>1.7495233928350451</c:v>
                </c:pt>
                <c:pt idx="7059">
                  <c:v>1.7493586377026582</c:v>
                </c:pt>
                <c:pt idx="7060">
                  <c:v>1.7481620639822804</c:v>
                </c:pt>
                <c:pt idx="7061">
                  <c:v>1.7466215608030728</c:v>
                </c:pt>
                <c:pt idx="7062">
                  <c:v>1.7407818336482381</c:v>
                </c:pt>
                <c:pt idx="7063">
                  <c:v>1.7399292196105729</c:v>
                </c:pt>
                <c:pt idx="7064">
                  <c:v>1.7437197741193062</c:v>
                </c:pt>
                <c:pt idx="7065">
                  <c:v>1.7440709433928556</c:v>
                </c:pt>
                <c:pt idx="7066">
                  <c:v>1.73926305750321</c:v>
                </c:pt>
                <c:pt idx="7067">
                  <c:v>1.742709682559304</c:v>
                </c:pt>
                <c:pt idx="7068">
                  <c:v>1.7394495245516441</c:v>
                </c:pt>
                <c:pt idx="7069">
                  <c:v>1.7365333111209464</c:v>
                </c:pt>
                <c:pt idx="7070">
                  <c:v>1.7344769515488243</c:v>
                </c:pt>
                <c:pt idx="7071">
                  <c:v>1.7406751029162513</c:v>
                </c:pt>
                <c:pt idx="7072">
                  <c:v>1.7441217506433528</c:v>
                </c:pt>
                <c:pt idx="7073">
                  <c:v>1.7412055598774716</c:v>
                </c:pt>
                <c:pt idx="7074">
                  <c:v>1.7305507674660365</c:v>
                </c:pt>
                <c:pt idx="7075">
                  <c:v>1.7315898712293343</c:v>
                </c:pt>
                <c:pt idx="7076">
                  <c:v>1.7358963879269529</c:v>
                </c:pt>
                <c:pt idx="7077">
                  <c:v>1.7410627660484039</c:v>
                </c:pt>
                <c:pt idx="7078">
                  <c:v>1.7367708423600252</c:v>
                </c:pt>
                <c:pt idx="7079">
                  <c:v>1.728695619095765</c:v>
                </c:pt>
                <c:pt idx="7080">
                  <c:v>1.7348938158113976</c:v>
                </c:pt>
                <c:pt idx="7081">
                  <c:v>1.7431556421501364</c:v>
                </c:pt>
                <c:pt idx="7082">
                  <c:v>1.7412713077613855</c:v>
                </c:pt>
                <c:pt idx="7083">
                  <c:v>1.7362915478325449</c:v>
                </c:pt>
                <c:pt idx="7084">
                  <c:v>1.7338913192679308</c:v>
                </c:pt>
                <c:pt idx="7085">
                  <c:v>1.7328668538558876</c:v>
                </c:pt>
                <c:pt idx="7086">
                  <c:v>1.7323582901849646</c:v>
                </c:pt>
                <c:pt idx="7087">
                  <c:v>1.7325376156555838</c:v>
                </c:pt>
                <c:pt idx="7088">
                  <c:v>1.7294495357385666</c:v>
                </c:pt>
                <c:pt idx="7089">
                  <c:v>1.7315205336619433</c:v>
                </c:pt>
                <c:pt idx="7090">
                  <c:v>1.7329036500028434</c:v>
                </c:pt>
                <c:pt idx="7091">
                  <c:v>1.7313633055268784</c:v>
                </c:pt>
                <c:pt idx="7092">
                  <c:v>1.7306828149156799</c:v>
                </c:pt>
                <c:pt idx="7093">
                  <c:v>1.7277667223990851</c:v>
                </c:pt>
                <c:pt idx="7094">
                  <c:v>1.7270862468998278</c:v>
                </c:pt>
                <c:pt idx="7095">
                  <c:v>1.7234822879188889</c:v>
                </c:pt>
                <c:pt idx="7096">
                  <c:v>1.725209386613509</c:v>
                </c:pt>
                <c:pt idx="7097">
                  <c:v>1.7295160166723553</c:v>
                </c:pt>
                <c:pt idx="7098">
                  <c:v>1.7286635915618154</c:v>
                </c:pt>
                <c:pt idx="7099">
                  <c:v>1.7262634385692894</c:v>
                </c:pt>
                <c:pt idx="7100">
                  <c:v>1.7235193636769994</c:v>
                </c:pt>
                <c:pt idx="7101">
                  <c:v>1.7193995407440801</c:v>
                </c:pt>
                <c:pt idx="7102">
                  <c:v>1.7247380120619242</c:v>
                </c:pt>
                <c:pt idx="7103">
                  <c:v>1.7256053022399835</c:v>
                </c:pt>
                <c:pt idx="7104">
                  <c:v>1.7247528998004509</c:v>
                </c:pt>
                <c:pt idx="7105">
                  <c:v>1.7235565754673452</c:v>
                </c:pt>
                <c:pt idx="7106">
                  <c:v>1.7227041957050109</c:v>
                </c:pt>
                <c:pt idx="7107">
                  <c:v>1.720819997348495</c:v>
                </c:pt>
                <c:pt idx="7108">
                  <c:v>1.7249547231380733</c:v>
                </c:pt>
                <c:pt idx="7109">
                  <c:v>1.7263379452811352</c:v>
                </c:pt>
                <c:pt idx="7110">
                  <c:v>1.7222181752431056</c:v>
                </c:pt>
                <c:pt idx="7111">
                  <c:v>1.7220536846161227</c:v>
                </c:pt>
                <c:pt idx="7112">
                  <c:v>1.7191377130136312</c:v>
                </c:pt>
                <c:pt idx="7113">
                  <c:v>1.719661119081066</c:v>
                </c:pt>
                <c:pt idx="7114">
                  <c:v>1.7234519305299465</c:v>
                </c:pt>
                <c:pt idx="7115">
                  <c:v>1.724663225732733</c:v>
                </c:pt>
                <c:pt idx="7116">
                  <c:v>1.7220911987010123</c:v>
                </c:pt>
                <c:pt idx="7117">
                  <c:v>1.7212388793926341</c:v>
                </c:pt>
                <c:pt idx="7118">
                  <c:v>1.7215903434016613</c:v>
                </c:pt>
                <c:pt idx="7119">
                  <c:v>1.7195342483349436</c:v>
                </c:pt>
                <c:pt idx="7120">
                  <c:v>1.7183379995739261</c:v>
                </c:pt>
                <c:pt idx="7121">
                  <c:v>1.7210970453297061</c:v>
                </c:pt>
                <c:pt idx="7122">
                  <c:v>1.7169773433108895</c:v>
                </c:pt>
                <c:pt idx="7123">
                  <c:v>1.7178447392911103</c:v>
                </c:pt>
                <c:pt idx="7124">
                  <c:v>1.7231833390821238</c:v>
                </c:pt>
                <c:pt idx="7125">
                  <c:v>1.7230189315862954</c:v>
                </c:pt>
                <c:pt idx="7126">
                  <c:v>1.7249181537135729</c:v>
                </c:pt>
                <c:pt idx="7127">
                  <c:v>1.7185628875661179</c:v>
                </c:pt>
                <c:pt idx="7128">
                  <c:v>1.7206340895347518</c:v>
                </c:pt>
                <c:pt idx="7129">
                  <c:v>1.7173742716045843</c:v>
                </c:pt>
                <c:pt idx="7130">
                  <c:v>1.7160061110214238</c:v>
                </c:pt>
                <c:pt idx="7131">
                  <c:v>1.7211727763130957</c:v>
                </c:pt>
                <c:pt idx="7132">
                  <c:v>1.719116756818466</c:v>
                </c:pt>
                <c:pt idx="7133">
                  <c:v>1.7177486189063129</c:v>
                </c:pt>
                <c:pt idx="7134">
                  <c:v>1.7156926069645584</c:v>
                </c:pt>
                <c:pt idx="7135">
                  <c:v>1.7160441616638062</c:v>
                </c:pt>
                <c:pt idx="7136">
                  <c:v>1.7167396684867002</c:v>
                </c:pt>
                <c:pt idx="7137">
                  <c:v>1.7131359588868424</c:v>
                </c:pt>
                <c:pt idx="7138">
                  <c:v>1.7145193397331469</c:v>
                </c:pt>
                <c:pt idx="7139">
                  <c:v>1.7169345542855743</c:v>
                </c:pt>
                <c:pt idx="7140">
                  <c:v>1.7157384188857847</c:v>
                </c:pt>
                <c:pt idx="7141">
                  <c:v>1.7131665429920497</c:v>
                </c:pt>
                <c:pt idx="7142">
                  <c:v>1.7138620800450173</c:v>
                </c:pt>
                <c:pt idx="7143">
                  <c:v>1.7152455062333365</c:v>
                </c:pt>
                <c:pt idx="7144">
                  <c:v>1.7135334842043681</c:v>
                </c:pt>
                <c:pt idx="7145">
                  <c:v>1.7207638622564914</c:v>
                </c:pt>
                <c:pt idx="7146">
                  <c:v>1.7161283869697237</c:v>
                </c:pt>
                <c:pt idx="7147">
                  <c:v>1.7157921356585832</c:v>
                </c:pt>
                <c:pt idx="7148">
                  <c:v>1.7149399977244548</c:v>
                </c:pt>
                <c:pt idx="7149">
                  <c:v>1.7092727189616379</c:v>
                </c:pt>
                <c:pt idx="7150">
                  <c:v>1.7101402736451012</c:v>
                </c:pt>
                <c:pt idx="7151">
                  <c:v>1.7185744652385129</c:v>
                </c:pt>
                <c:pt idx="7152">
                  <c:v>1.7165185591051109</c:v>
                </c:pt>
                <c:pt idx="7153">
                  <c:v>1.7091316255138418</c:v>
                </c:pt>
                <c:pt idx="7154">
                  <c:v>1.7146423562965787</c:v>
                </c:pt>
                <c:pt idx="7155">
                  <c:v>1.7161978152273352</c:v>
                </c:pt>
                <c:pt idx="7156">
                  <c:v>1.7150017856235162</c:v>
                </c:pt>
                <c:pt idx="7157">
                  <c:v>1.7138057484668223</c:v>
                </c:pt>
                <c:pt idx="7158">
                  <c:v>1.7089983689107866</c:v>
                </c:pt>
                <c:pt idx="7159">
                  <c:v>1.7119296061122462</c:v>
                </c:pt>
                <c:pt idx="7160">
                  <c:v>1.7196759765895191</c:v>
                </c:pt>
                <c:pt idx="7161">
                  <c:v>1.7109133327405688</c:v>
                </c:pt>
                <c:pt idx="7162">
                  <c:v>1.7098892980962384</c:v>
                </c:pt>
                <c:pt idx="7163">
                  <c:v>1.710241019051604</c:v>
                </c:pt>
                <c:pt idx="7164">
                  <c:v>1.7133442512125518</c:v>
                </c:pt>
                <c:pt idx="7165">
                  <c:v>1.7087088892870121</c:v>
                </c:pt>
                <c:pt idx="7166">
                  <c:v>1.7152515066707619</c:v>
                </c:pt>
                <c:pt idx="7167">
                  <c:v>1.7173229504676017</c:v>
                </c:pt>
                <c:pt idx="7168">
                  <c:v>1.7185345479649321</c:v>
                </c:pt>
                <c:pt idx="7169">
                  <c:v>1.7132113271279232</c:v>
                </c:pt>
                <c:pt idx="7170">
                  <c:v>1.7104676527670819</c:v>
                </c:pt>
                <c:pt idx="7171">
                  <c:v>1.7123671469526389</c:v>
                </c:pt>
                <c:pt idx="7172">
                  <c:v>1.7166742077730073</c:v>
                </c:pt>
                <c:pt idx="7173">
                  <c:v>1.7104911708603714</c:v>
                </c:pt>
                <c:pt idx="7174">
                  <c:v>1.7060278265616129</c:v>
                </c:pt>
                <c:pt idx="7175">
                  <c:v>1.7105068823389933</c:v>
                </c:pt>
                <c:pt idx="7176">
                  <c:v>1.7144700212657886</c:v>
                </c:pt>
                <c:pt idx="7177">
                  <c:v>1.7096627626238561</c:v>
                </c:pt>
                <c:pt idx="7178">
                  <c:v>1.7107024482866613</c:v>
                </c:pt>
                <c:pt idx="7179">
                  <c:v>1.7098504841739077</c:v>
                </c:pt>
                <c:pt idx="7180">
                  <c:v>1.7115780665311306</c:v>
                </c:pt>
                <c:pt idx="7181">
                  <c:v>1.7110700469829574</c:v>
                </c:pt>
                <c:pt idx="7182">
                  <c:v>1.7129696016286613</c:v>
                </c:pt>
                <c:pt idx="7183">
                  <c:v>1.7116017584396042</c:v>
                </c:pt>
                <c:pt idx="7184">
                  <c:v>1.7097180135218084</c:v>
                </c:pt>
                <c:pt idx="7185">
                  <c:v>1.708006240880112</c:v>
                </c:pt>
                <c:pt idx="7186">
                  <c:v>1.7073262868325974</c:v>
                </c:pt>
                <c:pt idx="7187">
                  <c:v>1.707678151379264</c:v>
                </c:pt>
                <c:pt idx="7188">
                  <c:v>1.7092338067962116</c:v>
                </c:pt>
                <c:pt idx="7189">
                  <c:v>1.7068341828083031</c:v>
                </c:pt>
                <c:pt idx="7190">
                  <c:v>1.7083898533433828</c:v>
                </c:pt>
                <c:pt idx="7191">
                  <c:v>1.7099455238722716</c:v>
                </c:pt>
                <c:pt idx="7192">
                  <c:v>1.7089216781612573</c:v>
                </c:pt>
                <c:pt idx="7193">
                  <c:v>1.7073819231500569</c:v>
                </c:pt>
                <c:pt idx="7194">
                  <c:v>1.7056702034100604</c:v>
                </c:pt>
                <c:pt idx="7195">
                  <c:v>1.7060221208540935</c:v>
                </c:pt>
                <c:pt idx="7196">
                  <c:v>1.7089535772158471</c:v>
                </c:pt>
                <c:pt idx="7197">
                  <c:v>1.7113691318457669</c:v>
                </c:pt>
                <c:pt idx="7198">
                  <c:v>1.7081097144470478</c:v>
                </c:pt>
                <c:pt idx="7199">
                  <c:v>1.7055381861911096</c:v>
                </c:pt>
                <c:pt idx="7200">
                  <c:v>1.7074378541906123</c:v>
                </c:pt>
                <c:pt idx="7201">
                  <c:v>1.7072739001273134</c:v>
                </c:pt>
                <c:pt idx="7202">
                  <c:v>1.712269023904408</c:v>
                </c:pt>
                <c:pt idx="7203">
                  <c:v>1.7129649236996844</c:v>
                </c:pt>
                <c:pt idx="7204">
                  <c:v>1.7103934181135154</c:v>
                </c:pt>
                <c:pt idx="7205">
                  <c:v>1.7064461795986581</c:v>
                </c:pt>
                <c:pt idx="7206">
                  <c:v>1.7121292000701704</c:v>
                </c:pt>
                <c:pt idx="7207">
                  <c:v>1.7107615004724144</c:v>
                </c:pt>
                <c:pt idx="7208">
                  <c:v>1.7078460881046136</c:v>
                </c:pt>
                <c:pt idx="7209">
                  <c:v>1.7071662776422092</c:v>
                </c:pt>
                <c:pt idx="7210">
                  <c:v>1.7061425377277848</c:v>
                </c:pt>
                <c:pt idx="7211">
                  <c:v>1.7087301477705299</c:v>
                </c:pt>
                <c:pt idx="7212">
                  <c:v>1.7094261004668874</c:v>
                </c:pt>
                <c:pt idx="7213">
                  <c:v>1.7106379775753724</c:v>
                </c:pt>
                <c:pt idx="7214">
                  <c:v>1.711677882401567</c:v>
                </c:pt>
                <c:pt idx="7215">
                  <c:v>1.7096223616814816</c:v>
                </c:pt>
                <c:pt idx="7216">
                  <c:v>1.7084266872732874</c:v>
                </c:pt>
                <c:pt idx="7217">
                  <c:v>1.7067151111177823</c:v>
                </c:pt>
                <c:pt idx="7218">
                  <c:v>1.7091308017737463</c:v>
                </c:pt>
                <c:pt idx="7219">
                  <c:v>1.7120623941708306</c:v>
                </c:pt>
                <c:pt idx="7220">
                  <c:v>1.7113826517276391</c:v>
                </c:pt>
                <c:pt idx="7221">
                  <c:v>1.7136263852132543</c:v>
                </c:pt>
                <c:pt idx="7222">
                  <c:v>1.7064118395538559</c:v>
                </c:pt>
                <c:pt idx="7223">
                  <c:v>1.7071078678223015</c:v>
                </c:pt>
                <c:pt idx="7224">
                  <c:v>1.7119311629022165</c:v>
                </c:pt>
                <c:pt idx="7225">
                  <c:v>1.712283261718023</c:v>
                </c:pt>
                <c:pt idx="7226">
                  <c:v>1.7107437183111458</c:v>
                </c:pt>
                <c:pt idx="7227">
                  <c:v>1.7073125175634529</c:v>
                </c:pt>
                <c:pt idx="7228">
                  <c:v>1.7068047927445664</c:v>
                </c:pt>
                <c:pt idx="7229">
                  <c:v>1.7066410200555173</c:v>
                </c:pt>
                <c:pt idx="7230">
                  <c:v>1.7114643378064394</c:v>
                </c:pt>
                <c:pt idx="7231">
                  <c:v>1.7131922375701474</c:v>
                </c:pt>
                <c:pt idx="7232">
                  <c:v>1.7092451577523418</c:v>
                </c:pt>
                <c:pt idx="7233">
                  <c:v>1.7082215689814746</c:v>
                </c:pt>
                <c:pt idx="7234">
                  <c:v>1.7094335745631286</c:v>
                </c:pt>
                <c:pt idx="7235">
                  <c:v>1.7085819580807426</c:v>
                </c:pt>
                <c:pt idx="7236">
                  <c:v>1.7099659359446868</c:v>
                </c:pt>
                <c:pt idx="7237">
                  <c:v>1.7099741808799427</c:v>
                </c:pt>
                <c:pt idx="7238">
                  <c:v>1.7106702998386087</c:v>
                </c:pt>
                <c:pt idx="7239">
                  <c:v>1.7094747841336573</c:v>
                </c:pt>
                <c:pt idx="7240">
                  <c:v>1.7036360998761164</c:v>
                </c:pt>
                <c:pt idx="7241">
                  <c:v>1.7017527101434209</c:v>
                </c:pt>
                <c:pt idx="7242">
                  <c:v>1.7027927963420082</c:v>
                </c:pt>
                <c:pt idx="7243">
                  <c:v>1.7077881770654411</c:v>
                </c:pt>
                <c:pt idx="7244">
                  <c:v>1.7100320541361667</c:v>
                </c:pt>
                <c:pt idx="7245">
                  <c:v>1.7109001982782037</c:v>
                </c:pt>
                <c:pt idx="7246">
                  <c:v>1.7062653351272079</c:v>
                </c:pt>
                <c:pt idx="7247">
                  <c:v>1.7040380461707088</c:v>
                </c:pt>
                <c:pt idx="7248">
                  <c:v>1.7067978627710749</c:v>
                </c:pt>
                <c:pt idx="7249">
                  <c:v>1.7049145259363647</c:v>
                </c:pt>
                <c:pt idx="7250">
                  <c:v>1.7047508817173893</c:v>
                </c:pt>
                <c:pt idx="7251">
                  <c:v>1.7063069301110529</c:v>
                </c:pt>
                <c:pt idx="7252">
                  <c:v>1.7113023712884416</c:v>
                </c:pt>
                <c:pt idx="7253">
                  <c:v>1.7116546514846891</c:v>
                </c:pt>
                <c:pt idx="7254">
                  <c:v>1.7104592264575762</c:v>
                </c:pt>
                <c:pt idx="7255">
                  <c:v>1.7096077460012344</c:v>
                </c:pt>
                <c:pt idx="7256">
                  <c:v>1.711335796909119</c:v>
                </c:pt>
                <c:pt idx="7257">
                  <c:v>1.7032616241055525</c:v>
                </c:pt>
                <c:pt idx="7258">
                  <c:v>1.7073972567620468</c:v>
                </c:pt>
                <c:pt idx="7259">
                  <c:v>1.7092973026294196</c:v>
                </c:pt>
                <c:pt idx="7260">
                  <c:v>1.7067261597855596</c:v>
                </c:pt>
                <c:pt idx="7261">
                  <c:v>1.7081103114708784</c:v>
                </c:pt>
                <c:pt idx="7262">
                  <c:v>1.705883113199028</c:v>
                </c:pt>
                <c:pt idx="7263">
                  <c:v>1.7015923079750785</c:v>
                </c:pt>
                <c:pt idx="7264">
                  <c:v>1.7058999431464128</c:v>
                </c:pt>
                <c:pt idx="7265">
                  <c:v>1.7062523064670045</c:v>
                </c:pt>
                <c:pt idx="7266">
                  <c:v>1.7041971182665836</c:v>
                </c:pt>
                <c:pt idx="7267">
                  <c:v>1.7048934261554702</c:v>
                </c:pt>
                <c:pt idx="7268">
                  <c:v>1.7061056584546272</c:v>
                </c:pt>
                <c:pt idx="7269">
                  <c:v>1.7069739537414599</c:v>
                </c:pt>
                <c:pt idx="7270">
                  <c:v>1.706810437998749</c:v>
                </c:pt>
                <c:pt idx="7271">
                  <c:v>1.7059590557848836</c:v>
                </c:pt>
                <c:pt idx="7272">
                  <c:v>1.7021842127572486</c:v>
                </c:pt>
                <c:pt idx="7273">
                  <c:v>1.7073517622473056</c:v>
                </c:pt>
                <c:pt idx="7274">
                  <c:v>1.7083920600520737</c:v>
                </c:pt>
                <c:pt idx="7275">
                  <c:v>1.7096043301391319</c:v>
                </c:pt>
                <c:pt idx="7276">
                  <c:v>1.7044537617350646</c:v>
                </c:pt>
                <c:pt idx="7277">
                  <c:v>1.7063539209556173</c:v>
                </c:pt>
                <c:pt idx="7278">
                  <c:v>1.7080821305667444</c:v>
                </c:pt>
                <c:pt idx="7279">
                  <c:v>1.7074027735430601</c:v>
                </c:pt>
                <c:pt idx="7280">
                  <c:v>1.7082711444013619</c:v>
                </c:pt>
                <c:pt idx="7281">
                  <c:v>1.7038084802507785</c:v>
                </c:pt>
                <c:pt idx="7282">
                  <c:v>1.7082882086185058</c:v>
                </c:pt>
                <c:pt idx="7283">
                  <c:v>1.7125959722648665</c:v>
                </c:pt>
                <c:pt idx="7284">
                  <c:v>1.7077894013307939</c:v>
                </c:pt>
                <c:pt idx="7285">
                  <c:v>1.7053903894798959</c:v>
                </c:pt>
                <c:pt idx="7286">
                  <c:v>1.7062588056851651</c:v>
                </c:pt>
                <c:pt idx="7287">
                  <c:v>1.7081590329205971</c:v>
                </c:pt>
                <c:pt idx="7288">
                  <c:v>1.7028365753647747</c:v>
                </c:pt>
                <c:pt idx="7289">
                  <c:v>1.704220908420629</c:v>
                </c:pt>
                <c:pt idx="7290">
                  <c:v>1.7099044805702428</c:v>
                </c:pt>
                <c:pt idx="7291">
                  <c:v>1.7044100733988041</c:v>
                </c:pt>
                <c:pt idx="7292">
                  <c:v>1.7030429254797685</c:v>
                </c:pt>
                <c:pt idx="7293">
                  <c:v>1.7028795684353473</c:v>
                </c:pt>
                <c:pt idx="7294">
                  <c:v>1.7051237855841843</c:v>
                </c:pt>
                <c:pt idx="7295">
                  <c:v>1.7051324083817385</c:v>
                </c:pt>
                <c:pt idx="7296">
                  <c:v>1.7044531722709193</c:v>
                </c:pt>
                <c:pt idx="7297">
                  <c:v>1.7061814952389405</c:v>
                </c:pt>
                <c:pt idx="7298">
                  <c:v>1.7113492109888297</c:v>
                </c:pt>
                <c:pt idx="7299">
                  <c:v>1.7051669827006333</c:v>
                </c:pt>
                <c:pt idx="7300">
                  <c:v>1.7053476155683791</c:v>
                </c:pt>
                <c:pt idx="7301">
                  <c:v>1.7082797520851176</c:v>
                </c:pt>
                <c:pt idx="7302">
                  <c:v>1.7031293574980915</c:v>
                </c:pt>
                <c:pt idx="7303">
                  <c:v>1.7041698593444023</c:v>
                </c:pt>
                <c:pt idx="7304">
                  <c:v>1.7060701999398238</c:v>
                </c:pt>
                <c:pt idx="7305">
                  <c:v>1.7053910242872941</c:v>
                </c:pt>
                <c:pt idx="7306">
                  <c:v>1.7071194077117477</c:v>
                </c:pt>
                <c:pt idx="7307">
                  <c:v>1.7054084285831688</c:v>
                </c:pt>
                <c:pt idx="7308">
                  <c:v>1.707996680989283</c:v>
                </c:pt>
                <c:pt idx="7309">
                  <c:v>1.7076614650163704</c:v>
                </c:pt>
                <c:pt idx="7310">
                  <c:v>1.7056065639917419</c:v>
                </c:pt>
                <c:pt idx="7311">
                  <c:v>1.7033797057955264</c:v>
                </c:pt>
                <c:pt idx="7312">
                  <c:v>1.7032164772248934</c:v>
                </c:pt>
                <c:pt idx="7313">
                  <c:v>1.7068365784503101</c:v>
                </c:pt>
                <c:pt idx="7314">
                  <c:v>1.708736994619058</c:v>
                </c:pt>
                <c:pt idx="7315">
                  <c:v>1.708401816435285</c:v>
                </c:pt>
                <c:pt idx="7316">
                  <c:v>1.7113340587510897</c:v>
                </c:pt>
                <c:pt idx="7317">
                  <c:v>1.7049799866469624</c:v>
                </c:pt>
                <c:pt idx="7318">
                  <c:v>1.7039569646698525</c:v>
                </c:pt>
                <c:pt idx="7319">
                  <c:v>1.7098126904716726</c:v>
                </c:pt>
                <c:pt idx="7320">
                  <c:v>1.7086177188832798</c:v>
                </c:pt>
                <c:pt idx="7321">
                  <c:v>1.7063909211478305</c:v>
                </c:pt>
                <c:pt idx="7322">
                  <c:v>1.7057118588515758</c:v>
                </c:pt>
                <c:pt idx="7323">
                  <c:v>1.7077843077646182</c:v>
                </c:pt>
                <c:pt idx="7324">
                  <c:v>1.7129521973278341</c:v>
                </c:pt>
                <c:pt idx="7325">
                  <c:v>1.7117572559695149</c:v>
                </c:pt>
                <c:pt idx="7326">
                  <c:v>1.7024797759508412</c:v>
                </c:pt>
                <c:pt idx="7327">
                  <c:v>1.7012848421472544</c:v>
                </c:pt>
                <c:pt idx="7328">
                  <c:v>1.7057648803642582</c:v>
                </c:pt>
                <c:pt idx="7329">
                  <c:v>1.7083532763536255</c:v>
                </c:pt>
                <c:pt idx="7330">
                  <c:v>1.7075023097899602</c:v>
                </c:pt>
                <c:pt idx="7331">
                  <c:v>1.7045877060472181</c:v>
                </c:pt>
                <c:pt idx="7332">
                  <c:v>1.7047685656318476</c:v>
                </c:pt>
                <c:pt idx="7333">
                  <c:v>1.7054653269545017</c:v>
                </c:pt>
                <c:pt idx="7334">
                  <c:v>1.7108052568229353</c:v>
                </c:pt>
                <c:pt idx="7335">
                  <c:v>1.7084066001602325</c:v>
                </c:pt>
                <c:pt idx="7336">
                  <c:v>1.7066958250738153</c:v>
                </c:pt>
                <c:pt idx="7337">
                  <c:v>1.710316092557207</c:v>
                </c:pt>
                <c:pt idx="7338">
                  <c:v>1.7063697306773347</c:v>
                </c:pt>
                <c:pt idx="7339">
                  <c:v>1.7010476283121845</c:v>
                </c:pt>
                <c:pt idx="7340">
                  <c:v>1.7022603442739441</c:v>
                </c:pt>
                <c:pt idx="7341">
                  <c:v>1.7088041179186921</c:v>
                </c:pt>
                <c:pt idx="7342">
                  <c:v>1.7089850379622304</c:v>
                </c:pt>
                <c:pt idx="7343">
                  <c:v>1.7053826508782501</c:v>
                </c:pt>
                <c:pt idx="7344">
                  <c:v>1.706251467614968</c:v>
                </c:pt>
                <c:pt idx="7345">
                  <c:v>1.7109035990345558</c:v>
                </c:pt>
                <c:pt idx="7346">
                  <c:v>1.7110845568610427</c:v>
                </c:pt>
                <c:pt idx="7347">
                  <c:v>1.7119533962700062</c:v>
                </c:pt>
                <c:pt idx="7348">
                  <c:v>1.7092108857205617</c:v>
                </c:pt>
                <c:pt idx="7349">
                  <c:v>1.7037168866452095</c:v>
                </c:pt>
                <c:pt idx="7350">
                  <c:v>1.705101642905996</c:v>
                </c:pt>
                <c:pt idx="7351">
                  <c:v>1.7064864142787239</c:v>
                </c:pt>
                <c:pt idx="7352">
                  <c:v>1.7066674098943504</c:v>
                </c:pt>
                <c:pt idx="7353">
                  <c:v>1.7099438537272647</c:v>
                </c:pt>
                <c:pt idx="7354">
                  <c:v>1.7145960531598745</c:v>
                </c:pt>
                <c:pt idx="7355">
                  <c:v>1.7082422531183601</c:v>
                </c:pt>
                <c:pt idx="7356">
                  <c:v>1.7084232789578693</c:v>
                </c:pt>
                <c:pt idx="7357">
                  <c:v>1.7089482493743404</c:v>
                </c:pt>
                <c:pt idx="7358">
                  <c:v>1.707753534726095</c:v>
                </c:pt>
                <c:pt idx="7359">
                  <c:v>1.7041512610058192</c:v>
                </c:pt>
                <c:pt idx="7360">
                  <c:v>1.7063959391481089</c:v>
                </c:pt>
                <c:pt idx="7361">
                  <c:v>1.7065770027767575</c:v>
                </c:pt>
                <c:pt idx="7362">
                  <c:v>1.7074459479816917</c:v>
                </c:pt>
                <c:pt idx="7363">
                  <c:v>1.7141618299446795</c:v>
                </c:pt>
                <c:pt idx="7364">
                  <c:v>1.7072921886221919</c:v>
                </c:pt>
                <c:pt idx="7365">
                  <c:v>1.7036899526836264</c:v>
                </c:pt>
                <c:pt idx="7366">
                  <c:v>1.7028392430662993</c:v>
                </c:pt>
                <c:pt idx="7367">
                  <c:v>1.7052559312763043</c:v>
                </c:pt>
                <c:pt idx="7368">
                  <c:v>1.7143794327677551</c:v>
                </c:pt>
                <c:pt idx="7369">
                  <c:v>1.7100893530395673</c:v>
                </c:pt>
                <c:pt idx="7370">
                  <c:v>1.7073470011933654</c:v>
                </c:pt>
                <c:pt idx="7371">
                  <c:v>1.7092478178997528</c:v>
                </c:pt>
                <c:pt idx="7372">
                  <c:v>1.7068494106243222</c:v>
                </c:pt>
                <c:pt idx="7373">
                  <c:v>1.70875024243646</c:v>
                </c:pt>
                <c:pt idx="7374">
                  <c:v>1.7051480745158694</c:v>
                </c:pt>
                <c:pt idx="7375">
                  <c:v>1.7060171104116431</c:v>
                </c:pt>
                <c:pt idx="7376">
                  <c:v>1.7084338590811758</c:v>
                </c:pt>
                <c:pt idx="7377">
                  <c:v>1.708271091500281</c:v>
                </c:pt>
                <c:pt idx="7378">
                  <c:v>1.7112037645776079</c:v>
                </c:pt>
                <c:pt idx="7379">
                  <c:v>1.7110410121086543</c:v>
                </c:pt>
                <c:pt idx="7380">
                  <c:v>1.7081267484403093</c:v>
                </c:pt>
                <c:pt idx="7381">
                  <c:v>1.7103715701714239</c:v>
                </c:pt>
                <c:pt idx="7382">
                  <c:v>1.7105527698261169</c:v>
                </c:pt>
                <c:pt idx="7383">
                  <c:v>1.7086703474229608</c:v>
                </c:pt>
                <c:pt idx="7384">
                  <c:v>1.70747580659609</c:v>
                </c:pt>
                <c:pt idx="7385">
                  <c:v>1.7076570289217903</c:v>
                </c:pt>
                <c:pt idx="7386">
                  <c:v>1.7140291325701247</c:v>
                </c:pt>
                <c:pt idx="7387">
                  <c:v>1.7102550754971599</c:v>
                </c:pt>
                <c:pt idx="7388">
                  <c:v>1.7130158443052186</c:v>
                </c:pt>
                <c:pt idx="7389">
                  <c:v>1.7111334596850112</c:v>
                </c:pt>
                <c:pt idx="7390">
                  <c:v>1.7138942436050111</c:v>
                </c:pt>
                <c:pt idx="7391">
                  <c:v>1.716655019972136</c:v>
                </c:pt>
                <c:pt idx="7392">
                  <c:v>1.7120211543764194</c:v>
                </c:pt>
                <c:pt idx="7393">
                  <c:v>1.7127183313443208</c:v>
                </c:pt>
                <c:pt idx="7394">
                  <c:v>1.7134155083184128</c:v>
                </c:pt>
                <c:pt idx="7395">
                  <c:v>1.7092975595757578</c:v>
                </c:pt>
                <c:pt idx="7396">
                  <c:v>1.7137780663372322</c:v>
                </c:pt>
                <c:pt idx="7397">
                  <c:v>1.713099510376445</c:v>
                </c:pt>
                <c:pt idx="7398">
                  <c:v>1.7088096120225071</c:v>
                </c:pt>
                <c:pt idx="7399">
                  <c:v>1.7139780154783992</c:v>
                </c:pt>
                <c:pt idx="7400">
                  <c:v>1.7129555300649733</c:v>
                </c:pt>
              </c:numCache>
            </c:numRef>
          </c:yVal>
          <c:smooth val="0"/>
          <c:extLst>
            <c:ext xmlns:c16="http://schemas.microsoft.com/office/drawing/2014/chart" uri="{C3380CC4-5D6E-409C-BE32-E72D297353CC}">
              <c16:uniqueId val="{00000000-922E-4BFE-AAF6-B32BCC6F0CC7}"/>
            </c:ext>
          </c:extLst>
        </c:ser>
        <c:ser>
          <c:idx val="1"/>
          <c:order val="1"/>
          <c:tx>
            <c:strRef>
              <c:f>'003 - XRD'!$C$2</c:f>
              <c:strCache>
                <c:ptCount val="1"/>
                <c:pt idx="0">
                  <c:v>Ru/CeO2</c:v>
                </c:pt>
              </c:strCache>
            </c:strRef>
          </c:tx>
          <c:spPr>
            <a:ln w="15875" cap="rnd">
              <a:solidFill>
                <a:srgbClr val="002060"/>
              </a:solidFill>
              <a:round/>
            </a:ln>
            <a:effectLst/>
          </c:spPr>
          <c:marker>
            <c:symbol val="none"/>
          </c:marker>
          <c:xVal>
            <c:numRef>
              <c:f>'003 - XRD'!$B$5:$B$7405</c:f>
              <c:numCache>
                <c:formatCode>General</c:formatCode>
                <c:ptCount val="7401"/>
                <c:pt idx="0">
                  <c:v>19</c:v>
                </c:pt>
                <c:pt idx="1">
                  <c:v>19.010000000000002</c:v>
                </c:pt>
                <c:pt idx="2">
                  <c:v>19.02</c:v>
                </c:pt>
                <c:pt idx="3">
                  <c:v>19.03</c:v>
                </c:pt>
                <c:pt idx="4">
                  <c:v>19.04</c:v>
                </c:pt>
                <c:pt idx="5">
                  <c:v>19.05</c:v>
                </c:pt>
                <c:pt idx="6">
                  <c:v>19.059999999999999</c:v>
                </c:pt>
                <c:pt idx="7">
                  <c:v>19.07</c:v>
                </c:pt>
                <c:pt idx="8">
                  <c:v>19.079999999999998</c:v>
                </c:pt>
                <c:pt idx="9">
                  <c:v>19.09</c:v>
                </c:pt>
                <c:pt idx="10">
                  <c:v>19.100000000000001</c:v>
                </c:pt>
                <c:pt idx="11">
                  <c:v>19.11</c:v>
                </c:pt>
                <c:pt idx="12">
                  <c:v>19.12</c:v>
                </c:pt>
                <c:pt idx="13">
                  <c:v>19.13</c:v>
                </c:pt>
                <c:pt idx="14">
                  <c:v>19.14</c:v>
                </c:pt>
                <c:pt idx="15">
                  <c:v>19.149999999999999</c:v>
                </c:pt>
                <c:pt idx="16">
                  <c:v>19.16</c:v>
                </c:pt>
                <c:pt idx="17">
                  <c:v>19.170000000000002</c:v>
                </c:pt>
                <c:pt idx="18">
                  <c:v>19.18</c:v>
                </c:pt>
                <c:pt idx="19">
                  <c:v>19.190000000000001</c:v>
                </c:pt>
                <c:pt idx="20">
                  <c:v>19.2</c:v>
                </c:pt>
                <c:pt idx="21">
                  <c:v>19.21</c:v>
                </c:pt>
                <c:pt idx="22">
                  <c:v>19.22</c:v>
                </c:pt>
                <c:pt idx="23">
                  <c:v>19.23</c:v>
                </c:pt>
                <c:pt idx="24">
                  <c:v>19.239999999999998</c:v>
                </c:pt>
                <c:pt idx="25">
                  <c:v>19.25</c:v>
                </c:pt>
                <c:pt idx="26">
                  <c:v>19.260000000000002</c:v>
                </c:pt>
                <c:pt idx="27">
                  <c:v>19.27</c:v>
                </c:pt>
                <c:pt idx="28">
                  <c:v>19.28</c:v>
                </c:pt>
                <c:pt idx="29">
                  <c:v>19.29</c:v>
                </c:pt>
                <c:pt idx="30">
                  <c:v>19.3</c:v>
                </c:pt>
                <c:pt idx="31">
                  <c:v>19.309999999999999</c:v>
                </c:pt>
                <c:pt idx="32">
                  <c:v>19.3200000000001</c:v>
                </c:pt>
                <c:pt idx="33">
                  <c:v>19.330000000000101</c:v>
                </c:pt>
                <c:pt idx="34">
                  <c:v>19.340000000000099</c:v>
                </c:pt>
                <c:pt idx="35">
                  <c:v>19.350000000000101</c:v>
                </c:pt>
                <c:pt idx="36">
                  <c:v>19.360000000000099</c:v>
                </c:pt>
                <c:pt idx="37">
                  <c:v>19.3700000000001</c:v>
                </c:pt>
                <c:pt idx="38">
                  <c:v>19.380000000000098</c:v>
                </c:pt>
                <c:pt idx="39">
                  <c:v>19.3900000000001</c:v>
                </c:pt>
                <c:pt idx="40">
                  <c:v>19.400000000000102</c:v>
                </c:pt>
                <c:pt idx="41">
                  <c:v>19.4100000000001</c:v>
                </c:pt>
                <c:pt idx="42">
                  <c:v>19.420000000000101</c:v>
                </c:pt>
                <c:pt idx="43">
                  <c:v>19.430000000000099</c:v>
                </c:pt>
                <c:pt idx="44">
                  <c:v>19.440000000000101</c:v>
                </c:pt>
                <c:pt idx="45">
                  <c:v>19.450000000000099</c:v>
                </c:pt>
                <c:pt idx="46">
                  <c:v>19.4600000000001</c:v>
                </c:pt>
                <c:pt idx="47">
                  <c:v>19.470000000000098</c:v>
                </c:pt>
                <c:pt idx="48">
                  <c:v>19.4800000000001</c:v>
                </c:pt>
                <c:pt idx="49">
                  <c:v>19.490000000000101</c:v>
                </c:pt>
                <c:pt idx="50">
                  <c:v>19.500000000000099</c:v>
                </c:pt>
                <c:pt idx="51">
                  <c:v>19.510000000000101</c:v>
                </c:pt>
                <c:pt idx="52">
                  <c:v>19.520000000000099</c:v>
                </c:pt>
                <c:pt idx="53">
                  <c:v>19.530000000000101</c:v>
                </c:pt>
                <c:pt idx="54">
                  <c:v>19.540000000000099</c:v>
                </c:pt>
                <c:pt idx="55">
                  <c:v>19.5500000000001</c:v>
                </c:pt>
                <c:pt idx="56">
                  <c:v>19.560000000000102</c:v>
                </c:pt>
                <c:pt idx="57">
                  <c:v>19.5700000000001</c:v>
                </c:pt>
                <c:pt idx="58">
                  <c:v>19.580000000000101</c:v>
                </c:pt>
                <c:pt idx="59">
                  <c:v>19.590000000000099</c:v>
                </c:pt>
                <c:pt idx="60">
                  <c:v>19.600000000000101</c:v>
                </c:pt>
                <c:pt idx="61">
                  <c:v>19.610000000000099</c:v>
                </c:pt>
                <c:pt idx="62">
                  <c:v>19.6200000000001</c:v>
                </c:pt>
                <c:pt idx="63">
                  <c:v>19.630000000000098</c:v>
                </c:pt>
                <c:pt idx="64">
                  <c:v>19.6400000000001</c:v>
                </c:pt>
                <c:pt idx="65">
                  <c:v>19.650000000000102</c:v>
                </c:pt>
                <c:pt idx="66">
                  <c:v>19.6600000000001</c:v>
                </c:pt>
                <c:pt idx="67">
                  <c:v>19.670000000000101</c:v>
                </c:pt>
                <c:pt idx="68">
                  <c:v>19.680000000000099</c:v>
                </c:pt>
                <c:pt idx="69">
                  <c:v>19.690000000000101</c:v>
                </c:pt>
                <c:pt idx="70">
                  <c:v>19.700000000000099</c:v>
                </c:pt>
                <c:pt idx="71">
                  <c:v>19.7100000000001</c:v>
                </c:pt>
                <c:pt idx="72">
                  <c:v>19.720000000000098</c:v>
                </c:pt>
                <c:pt idx="73">
                  <c:v>19.7300000000001</c:v>
                </c:pt>
                <c:pt idx="74">
                  <c:v>19.740000000000101</c:v>
                </c:pt>
                <c:pt idx="75">
                  <c:v>19.750000000000099</c:v>
                </c:pt>
                <c:pt idx="76">
                  <c:v>19.760000000000101</c:v>
                </c:pt>
                <c:pt idx="77">
                  <c:v>19.770000000000099</c:v>
                </c:pt>
                <c:pt idx="78">
                  <c:v>19.780000000000101</c:v>
                </c:pt>
                <c:pt idx="79">
                  <c:v>19.790000000000099</c:v>
                </c:pt>
                <c:pt idx="80">
                  <c:v>19.8000000000001</c:v>
                </c:pt>
                <c:pt idx="81">
                  <c:v>19.810000000000102</c:v>
                </c:pt>
                <c:pt idx="82">
                  <c:v>19.8200000000001</c:v>
                </c:pt>
                <c:pt idx="83">
                  <c:v>19.830000000000101</c:v>
                </c:pt>
                <c:pt idx="84">
                  <c:v>19.840000000000099</c:v>
                </c:pt>
                <c:pt idx="85">
                  <c:v>19.850000000000101</c:v>
                </c:pt>
                <c:pt idx="86">
                  <c:v>19.860000000000099</c:v>
                </c:pt>
                <c:pt idx="87">
                  <c:v>19.8700000000001</c:v>
                </c:pt>
                <c:pt idx="88">
                  <c:v>19.880000000000098</c:v>
                </c:pt>
                <c:pt idx="89">
                  <c:v>19.8900000000001</c:v>
                </c:pt>
                <c:pt idx="90">
                  <c:v>19.900000000000102</c:v>
                </c:pt>
                <c:pt idx="91">
                  <c:v>19.9100000000001</c:v>
                </c:pt>
                <c:pt idx="92">
                  <c:v>19.920000000000101</c:v>
                </c:pt>
                <c:pt idx="93">
                  <c:v>19.930000000000099</c:v>
                </c:pt>
                <c:pt idx="94">
                  <c:v>19.940000000000101</c:v>
                </c:pt>
                <c:pt idx="95">
                  <c:v>19.950000000000099</c:v>
                </c:pt>
                <c:pt idx="96">
                  <c:v>19.9600000000002</c:v>
                </c:pt>
                <c:pt idx="97">
                  <c:v>19.970000000000201</c:v>
                </c:pt>
                <c:pt idx="98">
                  <c:v>19.980000000000199</c:v>
                </c:pt>
                <c:pt idx="99">
                  <c:v>19.990000000000201</c:v>
                </c:pt>
                <c:pt idx="100">
                  <c:v>20.000000000000199</c:v>
                </c:pt>
                <c:pt idx="101">
                  <c:v>20.010000000000201</c:v>
                </c:pt>
                <c:pt idx="102">
                  <c:v>20.020000000000199</c:v>
                </c:pt>
                <c:pt idx="103">
                  <c:v>20.0300000000002</c:v>
                </c:pt>
                <c:pt idx="104">
                  <c:v>20.040000000000202</c:v>
                </c:pt>
                <c:pt idx="105">
                  <c:v>20.0500000000002</c:v>
                </c:pt>
                <c:pt idx="106">
                  <c:v>20.060000000000201</c:v>
                </c:pt>
                <c:pt idx="107">
                  <c:v>20.070000000000199</c:v>
                </c:pt>
                <c:pt idx="108">
                  <c:v>20.080000000000201</c:v>
                </c:pt>
                <c:pt idx="109">
                  <c:v>20.090000000000199</c:v>
                </c:pt>
                <c:pt idx="110">
                  <c:v>20.1000000000002</c:v>
                </c:pt>
                <c:pt idx="111">
                  <c:v>20.110000000000198</c:v>
                </c:pt>
                <c:pt idx="112">
                  <c:v>20.1200000000002</c:v>
                </c:pt>
                <c:pt idx="113">
                  <c:v>20.130000000000202</c:v>
                </c:pt>
                <c:pt idx="114">
                  <c:v>20.1400000000002</c:v>
                </c:pt>
                <c:pt idx="115">
                  <c:v>20.150000000000201</c:v>
                </c:pt>
                <c:pt idx="116">
                  <c:v>20.160000000000199</c:v>
                </c:pt>
                <c:pt idx="117">
                  <c:v>20.170000000000201</c:v>
                </c:pt>
                <c:pt idx="118">
                  <c:v>20.180000000000199</c:v>
                </c:pt>
                <c:pt idx="119">
                  <c:v>20.1900000000002</c:v>
                </c:pt>
                <c:pt idx="120">
                  <c:v>20.200000000000198</c:v>
                </c:pt>
                <c:pt idx="121">
                  <c:v>20.2100000000002</c:v>
                </c:pt>
                <c:pt idx="122">
                  <c:v>20.220000000000201</c:v>
                </c:pt>
                <c:pt idx="123">
                  <c:v>20.230000000000199</c:v>
                </c:pt>
                <c:pt idx="124">
                  <c:v>20.240000000000201</c:v>
                </c:pt>
                <c:pt idx="125">
                  <c:v>20.250000000000199</c:v>
                </c:pt>
                <c:pt idx="126">
                  <c:v>20.260000000000201</c:v>
                </c:pt>
                <c:pt idx="127">
                  <c:v>20.270000000000199</c:v>
                </c:pt>
                <c:pt idx="128">
                  <c:v>20.2800000000002</c:v>
                </c:pt>
                <c:pt idx="129">
                  <c:v>20.290000000000202</c:v>
                </c:pt>
                <c:pt idx="130">
                  <c:v>20.3000000000002</c:v>
                </c:pt>
                <c:pt idx="131">
                  <c:v>20.310000000000201</c:v>
                </c:pt>
                <c:pt idx="132">
                  <c:v>20.320000000000199</c:v>
                </c:pt>
                <c:pt idx="133">
                  <c:v>20.330000000000201</c:v>
                </c:pt>
                <c:pt idx="134">
                  <c:v>20.340000000000199</c:v>
                </c:pt>
                <c:pt idx="135">
                  <c:v>20.3500000000002</c:v>
                </c:pt>
                <c:pt idx="136">
                  <c:v>20.360000000000198</c:v>
                </c:pt>
                <c:pt idx="137">
                  <c:v>20.3700000000002</c:v>
                </c:pt>
                <c:pt idx="138">
                  <c:v>20.380000000000202</c:v>
                </c:pt>
                <c:pt idx="139">
                  <c:v>20.3900000000002</c:v>
                </c:pt>
                <c:pt idx="140">
                  <c:v>20.400000000000201</c:v>
                </c:pt>
                <c:pt idx="141">
                  <c:v>20.410000000000199</c:v>
                </c:pt>
                <c:pt idx="142">
                  <c:v>20.420000000000201</c:v>
                </c:pt>
                <c:pt idx="143">
                  <c:v>20.430000000000199</c:v>
                </c:pt>
                <c:pt idx="144">
                  <c:v>20.4400000000002</c:v>
                </c:pt>
                <c:pt idx="145">
                  <c:v>20.450000000000198</c:v>
                </c:pt>
                <c:pt idx="146">
                  <c:v>20.4600000000002</c:v>
                </c:pt>
                <c:pt idx="147">
                  <c:v>20.470000000000201</c:v>
                </c:pt>
                <c:pt idx="148">
                  <c:v>20.480000000000199</c:v>
                </c:pt>
                <c:pt idx="149">
                  <c:v>20.490000000000201</c:v>
                </c:pt>
                <c:pt idx="150">
                  <c:v>20.500000000000199</c:v>
                </c:pt>
                <c:pt idx="151">
                  <c:v>20.510000000000201</c:v>
                </c:pt>
                <c:pt idx="152">
                  <c:v>20.520000000000199</c:v>
                </c:pt>
                <c:pt idx="153">
                  <c:v>20.5300000000002</c:v>
                </c:pt>
                <c:pt idx="154">
                  <c:v>20.540000000000202</c:v>
                </c:pt>
                <c:pt idx="155">
                  <c:v>20.5500000000002</c:v>
                </c:pt>
                <c:pt idx="156">
                  <c:v>20.560000000000201</c:v>
                </c:pt>
                <c:pt idx="157">
                  <c:v>20.570000000000199</c:v>
                </c:pt>
                <c:pt idx="158">
                  <c:v>20.5800000000003</c:v>
                </c:pt>
                <c:pt idx="159">
                  <c:v>20.590000000000199</c:v>
                </c:pt>
                <c:pt idx="160">
                  <c:v>20.6000000000003</c:v>
                </c:pt>
                <c:pt idx="161">
                  <c:v>20.610000000000198</c:v>
                </c:pt>
                <c:pt idx="162">
                  <c:v>20.6200000000002</c:v>
                </c:pt>
                <c:pt idx="163">
                  <c:v>20.630000000000301</c:v>
                </c:pt>
                <c:pt idx="164">
                  <c:v>20.640000000000299</c:v>
                </c:pt>
                <c:pt idx="165">
                  <c:v>20.650000000000301</c:v>
                </c:pt>
                <c:pt idx="166">
                  <c:v>20.660000000000299</c:v>
                </c:pt>
                <c:pt idx="167">
                  <c:v>20.6700000000003</c:v>
                </c:pt>
                <c:pt idx="168">
                  <c:v>20.680000000000302</c:v>
                </c:pt>
                <c:pt idx="169">
                  <c:v>20.6900000000003</c:v>
                </c:pt>
                <c:pt idx="170">
                  <c:v>20.700000000000301</c:v>
                </c:pt>
                <c:pt idx="171">
                  <c:v>20.710000000000299</c:v>
                </c:pt>
                <c:pt idx="172">
                  <c:v>20.720000000000301</c:v>
                </c:pt>
                <c:pt idx="173">
                  <c:v>20.730000000000299</c:v>
                </c:pt>
                <c:pt idx="174">
                  <c:v>20.7400000000003</c:v>
                </c:pt>
                <c:pt idx="175">
                  <c:v>20.750000000000298</c:v>
                </c:pt>
                <c:pt idx="176">
                  <c:v>20.7600000000003</c:v>
                </c:pt>
                <c:pt idx="177">
                  <c:v>20.770000000000302</c:v>
                </c:pt>
                <c:pt idx="178">
                  <c:v>20.7800000000003</c:v>
                </c:pt>
                <c:pt idx="179">
                  <c:v>20.790000000000301</c:v>
                </c:pt>
                <c:pt idx="180">
                  <c:v>20.800000000000299</c:v>
                </c:pt>
                <c:pt idx="181">
                  <c:v>20.810000000000301</c:v>
                </c:pt>
                <c:pt idx="182">
                  <c:v>20.820000000000299</c:v>
                </c:pt>
                <c:pt idx="183">
                  <c:v>20.8300000000003</c:v>
                </c:pt>
                <c:pt idx="184">
                  <c:v>20.840000000000298</c:v>
                </c:pt>
                <c:pt idx="185">
                  <c:v>20.8500000000003</c:v>
                </c:pt>
                <c:pt idx="186">
                  <c:v>20.860000000000301</c:v>
                </c:pt>
                <c:pt idx="187">
                  <c:v>20.870000000000299</c:v>
                </c:pt>
                <c:pt idx="188">
                  <c:v>20.880000000000301</c:v>
                </c:pt>
                <c:pt idx="189">
                  <c:v>20.890000000000299</c:v>
                </c:pt>
                <c:pt idx="190">
                  <c:v>20.900000000000301</c:v>
                </c:pt>
                <c:pt idx="191">
                  <c:v>20.910000000000299</c:v>
                </c:pt>
                <c:pt idx="192">
                  <c:v>20.9200000000003</c:v>
                </c:pt>
                <c:pt idx="193">
                  <c:v>20.930000000000302</c:v>
                </c:pt>
                <c:pt idx="194">
                  <c:v>20.9400000000003</c:v>
                </c:pt>
                <c:pt idx="195">
                  <c:v>20.950000000000301</c:v>
                </c:pt>
                <c:pt idx="196">
                  <c:v>20.960000000000299</c:v>
                </c:pt>
                <c:pt idx="197">
                  <c:v>20.970000000000301</c:v>
                </c:pt>
                <c:pt idx="198">
                  <c:v>20.980000000000299</c:v>
                </c:pt>
                <c:pt idx="199">
                  <c:v>20.9900000000003</c:v>
                </c:pt>
                <c:pt idx="200">
                  <c:v>21.000000000000298</c:v>
                </c:pt>
                <c:pt idx="201">
                  <c:v>21.0100000000003</c:v>
                </c:pt>
                <c:pt idx="202">
                  <c:v>21.020000000000302</c:v>
                </c:pt>
                <c:pt idx="203">
                  <c:v>21.0300000000003</c:v>
                </c:pt>
                <c:pt idx="204">
                  <c:v>21.040000000000301</c:v>
                </c:pt>
                <c:pt idx="205">
                  <c:v>21.050000000000299</c:v>
                </c:pt>
                <c:pt idx="206">
                  <c:v>21.060000000000301</c:v>
                </c:pt>
                <c:pt idx="207">
                  <c:v>21.070000000000299</c:v>
                </c:pt>
                <c:pt idx="208">
                  <c:v>21.0800000000003</c:v>
                </c:pt>
                <c:pt idx="209">
                  <c:v>21.090000000000298</c:v>
                </c:pt>
                <c:pt idx="210">
                  <c:v>21.1000000000003</c:v>
                </c:pt>
                <c:pt idx="211">
                  <c:v>21.110000000000301</c:v>
                </c:pt>
                <c:pt idx="212">
                  <c:v>21.120000000000299</c:v>
                </c:pt>
                <c:pt idx="213">
                  <c:v>21.130000000000301</c:v>
                </c:pt>
                <c:pt idx="214">
                  <c:v>21.140000000000299</c:v>
                </c:pt>
                <c:pt idx="215">
                  <c:v>21.150000000000301</c:v>
                </c:pt>
                <c:pt idx="216">
                  <c:v>21.160000000000299</c:v>
                </c:pt>
                <c:pt idx="217">
                  <c:v>21.1700000000003</c:v>
                </c:pt>
                <c:pt idx="218">
                  <c:v>21.180000000000302</c:v>
                </c:pt>
                <c:pt idx="219">
                  <c:v>21.1900000000003</c:v>
                </c:pt>
                <c:pt idx="220">
                  <c:v>21.200000000000301</c:v>
                </c:pt>
                <c:pt idx="221">
                  <c:v>21.210000000000299</c:v>
                </c:pt>
                <c:pt idx="222">
                  <c:v>21.2200000000004</c:v>
                </c:pt>
                <c:pt idx="223">
                  <c:v>21.230000000000299</c:v>
                </c:pt>
                <c:pt idx="224">
                  <c:v>21.2400000000004</c:v>
                </c:pt>
                <c:pt idx="225">
                  <c:v>21.250000000000298</c:v>
                </c:pt>
                <c:pt idx="226">
                  <c:v>21.2600000000003</c:v>
                </c:pt>
                <c:pt idx="227">
                  <c:v>21.270000000000401</c:v>
                </c:pt>
                <c:pt idx="228">
                  <c:v>21.280000000000399</c:v>
                </c:pt>
                <c:pt idx="229">
                  <c:v>21.290000000000401</c:v>
                </c:pt>
                <c:pt idx="230">
                  <c:v>21.300000000000399</c:v>
                </c:pt>
                <c:pt idx="231">
                  <c:v>21.3100000000004</c:v>
                </c:pt>
                <c:pt idx="232">
                  <c:v>21.320000000000402</c:v>
                </c:pt>
                <c:pt idx="233">
                  <c:v>21.3300000000004</c:v>
                </c:pt>
                <c:pt idx="234">
                  <c:v>21.340000000000401</c:v>
                </c:pt>
                <c:pt idx="235">
                  <c:v>21.350000000000399</c:v>
                </c:pt>
                <c:pt idx="236">
                  <c:v>21.360000000000401</c:v>
                </c:pt>
                <c:pt idx="237">
                  <c:v>21.370000000000399</c:v>
                </c:pt>
                <c:pt idx="238">
                  <c:v>21.3800000000004</c:v>
                </c:pt>
                <c:pt idx="239">
                  <c:v>21.390000000000398</c:v>
                </c:pt>
                <c:pt idx="240">
                  <c:v>21.4000000000004</c:v>
                </c:pt>
                <c:pt idx="241">
                  <c:v>21.410000000000402</c:v>
                </c:pt>
                <c:pt idx="242">
                  <c:v>21.4200000000004</c:v>
                </c:pt>
                <c:pt idx="243">
                  <c:v>21.430000000000401</c:v>
                </c:pt>
                <c:pt idx="244">
                  <c:v>21.440000000000399</c:v>
                </c:pt>
                <c:pt idx="245">
                  <c:v>21.450000000000401</c:v>
                </c:pt>
                <c:pt idx="246">
                  <c:v>21.460000000000399</c:v>
                </c:pt>
                <c:pt idx="247">
                  <c:v>21.4700000000004</c:v>
                </c:pt>
                <c:pt idx="248">
                  <c:v>21.480000000000398</c:v>
                </c:pt>
                <c:pt idx="249">
                  <c:v>21.4900000000004</c:v>
                </c:pt>
                <c:pt idx="250">
                  <c:v>21.500000000000401</c:v>
                </c:pt>
                <c:pt idx="251">
                  <c:v>21.510000000000399</c:v>
                </c:pt>
                <c:pt idx="252">
                  <c:v>21.520000000000401</c:v>
                </c:pt>
                <c:pt idx="253">
                  <c:v>21.530000000000399</c:v>
                </c:pt>
                <c:pt idx="254">
                  <c:v>21.540000000000401</c:v>
                </c:pt>
                <c:pt idx="255">
                  <c:v>21.550000000000399</c:v>
                </c:pt>
                <c:pt idx="256">
                  <c:v>21.5600000000004</c:v>
                </c:pt>
                <c:pt idx="257">
                  <c:v>21.570000000000402</c:v>
                </c:pt>
                <c:pt idx="258">
                  <c:v>21.5800000000004</c:v>
                </c:pt>
                <c:pt idx="259">
                  <c:v>21.590000000000401</c:v>
                </c:pt>
                <c:pt idx="260">
                  <c:v>21.600000000000399</c:v>
                </c:pt>
                <c:pt idx="261">
                  <c:v>21.610000000000401</c:v>
                </c:pt>
                <c:pt idx="262">
                  <c:v>21.620000000000399</c:v>
                </c:pt>
                <c:pt idx="263">
                  <c:v>21.6300000000004</c:v>
                </c:pt>
                <c:pt idx="264">
                  <c:v>21.640000000000398</c:v>
                </c:pt>
                <c:pt idx="265">
                  <c:v>21.6500000000004</c:v>
                </c:pt>
                <c:pt idx="266">
                  <c:v>21.660000000000402</c:v>
                </c:pt>
                <c:pt idx="267">
                  <c:v>21.6700000000004</c:v>
                </c:pt>
                <c:pt idx="268">
                  <c:v>21.680000000000401</c:v>
                </c:pt>
                <c:pt idx="269">
                  <c:v>21.690000000000399</c:v>
                </c:pt>
                <c:pt idx="270">
                  <c:v>21.700000000000401</c:v>
                </c:pt>
                <c:pt idx="271">
                  <c:v>21.710000000000399</c:v>
                </c:pt>
                <c:pt idx="272">
                  <c:v>21.7200000000004</c:v>
                </c:pt>
                <c:pt idx="273">
                  <c:v>21.730000000000398</c:v>
                </c:pt>
                <c:pt idx="274">
                  <c:v>21.7400000000004</c:v>
                </c:pt>
                <c:pt idx="275">
                  <c:v>21.750000000000401</c:v>
                </c:pt>
                <c:pt idx="276">
                  <c:v>21.760000000000399</c:v>
                </c:pt>
                <c:pt idx="277">
                  <c:v>21.770000000000401</c:v>
                </c:pt>
                <c:pt idx="278">
                  <c:v>21.780000000000399</c:v>
                </c:pt>
                <c:pt idx="279">
                  <c:v>21.790000000000401</c:v>
                </c:pt>
                <c:pt idx="280">
                  <c:v>21.800000000000399</c:v>
                </c:pt>
                <c:pt idx="281">
                  <c:v>21.8100000000004</c:v>
                </c:pt>
                <c:pt idx="282">
                  <c:v>21.820000000000402</c:v>
                </c:pt>
                <c:pt idx="283">
                  <c:v>21.8300000000004</c:v>
                </c:pt>
                <c:pt idx="284">
                  <c:v>21.840000000000401</c:v>
                </c:pt>
                <c:pt idx="285">
                  <c:v>21.850000000000399</c:v>
                </c:pt>
                <c:pt idx="286">
                  <c:v>21.8600000000005</c:v>
                </c:pt>
                <c:pt idx="287">
                  <c:v>21.870000000000399</c:v>
                </c:pt>
                <c:pt idx="288">
                  <c:v>21.8800000000005</c:v>
                </c:pt>
                <c:pt idx="289">
                  <c:v>21.890000000000398</c:v>
                </c:pt>
                <c:pt idx="290">
                  <c:v>21.9000000000004</c:v>
                </c:pt>
                <c:pt idx="291">
                  <c:v>21.910000000000501</c:v>
                </c:pt>
                <c:pt idx="292">
                  <c:v>21.920000000000499</c:v>
                </c:pt>
                <c:pt idx="293">
                  <c:v>21.930000000000501</c:v>
                </c:pt>
                <c:pt idx="294">
                  <c:v>21.940000000000499</c:v>
                </c:pt>
                <c:pt idx="295">
                  <c:v>21.9500000000005</c:v>
                </c:pt>
                <c:pt idx="296">
                  <c:v>21.960000000000498</c:v>
                </c:pt>
                <c:pt idx="297">
                  <c:v>21.9700000000005</c:v>
                </c:pt>
                <c:pt idx="298">
                  <c:v>21.980000000000501</c:v>
                </c:pt>
                <c:pt idx="299">
                  <c:v>21.990000000000499</c:v>
                </c:pt>
                <c:pt idx="300">
                  <c:v>22.000000000000501</c:v>
                </c:pt>
                <c:pt idx="301">
                  <c:v>22.010000000000499</c:v>
                </c:pt>
                <c:pt idx="302">
                  <c:v>22.020000000000501</c:v>
                </c:pt>
                <c:pt idx="303">
                  <c:v>22.030000000000499</c:v>
                </c:pt>
                <c:pt idx="304">
                  <c:v>22.0400000000005</c:v>
                </c:pt>
                <c:pt idx="305">
                  <c:v>22.050000000000502</c:v>
                </c:pt>
                <c:pt idx="306">
                  <c:v>22.0600000000005</c:v>
                </c:pt>
                <c:pt idx="307">
                  <c:v>22.070000000000501</c:v>
                </c:pt>
                <c:pt idx="308">
                  <c:v>22.080000000000499</c:v>
                </c:pt>
                <c:pt idx="309">
                  <c:v>22.090000000000501</c:v>
                </c:pt>
                <c:pt idx="310">
                  <c:v>22.100000000000499</c:v>
                </c:pt>
                <c:pt idx="311">
                  <c:v>22.1100000000005</c:v>
                </c:pt>
                <c:pt idx="312">
                  <c:v>22.120000000000498</c:v>
                </c:pt>
                <c:pt idx="313">
                  <c:v>22.1300000000005</c:v>
                </c:pt>
                <c:pt idx="314">
                  <c:v>22.140000000000502</c:v>
                </c:pt>
                <c:pt idx="315">
                  <c:v>22.1500000000005</c:v>
                </c:pt>
                <c:pt idx="316">
                  <c:v>22.160000000000501</c:v>
                </c:pt>
                <c:pt idx="317">
                  <c:v>22.170000000000499</c:v>
                </c:pt>
                <c:pt idx="318">
                  <c:v>22.180000000000501</c:v>
                </c:pt>
                <c:pt idx="319">
                  <c:v>22.190000000000499</c:v>
                </c:pt>
                <c:pt idx="320">
                  <c:v>22.2000000000005</c:v>
                </c:pt>
                <c:pt idx="321">
                  <c:v>22.210000000000498</c:v>
                </c:pt>
                <c:pt idx="322">
                  <c:v>22.2200000000005</c:v>
                </c:pt>
                <c:pt idx="323">
                  <c:v>22.230000000000501</c:v>
                </c:pt>
                <c:pt idx="324">
                  <c:v>22.240000000000499</c:v>
                </c:pt>
                <c:pt idx="325">
                  <c:v>22.250000000000501</c:v>
                </c:pt>
                <c:pt idx="326">
                  <c:v>22.260000000000499</c:v>
                </c:pt>
                <c:pt idx="327">
                  <c:v>22.270000000000501</c:v>
                </c:pt>
                <c:pt idx="328">
                  <c:v>22.280000000000499</c:v>
                </c:pt>
                <c:pt idx="329">
                  <c:v>22.2900000000005</c:v>
                </c:pt>
                <c:pt idx="330">
                  <c:v>22.300000000000502</c:v>
                </c:pt>
                <c:pt idx="331">
                  <c:v>22.3100000000005</c:v>
                </c:pt>
                <c:pt idx="332">
                  <c:v>22.320000000000501</c:v>
                </c:pt>
                <c:pt idx="333">
                  <c:v>22.330000000000499</c:v>
                </c:pt>
                <c:pt idx="334">
                  <c:v>22.340000000000501</c:v>
                </c:pt>
                <c:pt idx="335">
                  <c:v>22.350000000000499</c:v>
                </c:pt>
                <c:pt idx="336">
                  <c:v>22.3600000000005</c:v>
                </c:pt>
                <c:pt idx="337">
                  <c:v>22.370000000000498</c:v>
                </c:pt>
                <c:pt idx="338">
                  <c:v>22.3800000000005</c:v>
                </c:pt>
                <c:pt idx="339">
                  <c:v>22.390000000000502</c:v>
                </c:pt>
                <c:pt idx="340">
                  <c:v>22.4000000000005</c:v>
                </c:pt>
                <c:pt idx="341">
                  <c:v>22.410000000000501</c:v>
                </c:pt>
                <c:pt idx="342">
                  <c:v>22.420000000000499</c:v>
                </c:pt>
                <c:pt idx="343">
                  <c:v>22.430000000000501</c:v>
                </c:pt>
                <c:pt idx="344">
                  <c:v>22.440000000000499</c:v>
                </c:pt>
                <c:pt idx="345">
                  <c:v>22.4500000000005</c:v>
                </c:pt>
                <c:pt idx="346">
                  <c:v>22.460000000000498</c:v>
                </c:pt>
                <c:pt idx="347">
                  <c:v>22.4700000000005</c:v>
                </c:pt>
                <c:pt idx="348">
                  <c:v>22.480000000000501</c:v>
                </c:pt>
                <c:pt idx="349">
                  <c:v>22.490000000000499</c:v>
                </c:pt>
                <c:pt idx="350">
                  <c:v>22.5000000000006</c:v>
                </c:pt>
                <c:pt idx="351">
                  <c:v>22.510000000000499</c:v>
                </c:pt>
                <c:pt idx="352">
                  <c:v>22.5200000000006</c:v>
                </c:pt>
                <c:pt idx="353">
                  <c:v>22.530000000000499</c:v>
                </c:pt>
                <c:pt idx="354">
                  <c:v>22.5400000000005</c:v>
                </c:pt>
                <c:pt idx="355">
                  <c:v>22.550000000000601</c:v>
                </c:pt>
                <c:pt idx="356">
                  <c:v>22.560000000000599</c:v>
                </c:pt>
                <c:pt idx="357">
                  <c:v>22.570000000000601</c:v>
                </c:pt>
                <c:pt idx="358">
                  <c:v>22.580000000000599</c:v>
                </c:pt>
                <c:pt idx="359">
                  <c:v>22.5900000000006</c:v>
                </c:pt>
                <c:pt idx="360">
                  <c:v>22.600000000000598</c:v>
                </c:pt>
                <c:pt idx="361">
                  <c:v>22.6100000000006</c:v>
                </c:pt>
                <c:pt idx="362">
                  <c:v>22.620000000000601</c:v>
                </c:pt>
                <c:pt idx="363">
                  <c:v>22.630000000000599</c:v>
                </c:pt>
                <c:pt idx="364">
                  <c:v>22.640000000000601</c:v>
                </c:pt>
                <c:pt idx="365">
                  <c:v>22.650000000000599</c:v>
                </c:pt>
                <c:pt idx="366">
                  <c:v>22.660000000000601</c:v>
                </c:pt>
                <c:pt idx="367">
                  <c:v>22.670000000000599</c:v>
                </c:pt>
                <c:pt idx="368">
                  <c:v>22.6800000000006</c:v>
                </c:pt>
                <c:pt idx="369">
                  <c:v>22.690000000000602</c:v>
                </c:pt>
                <c:pt idx="370">
                  <c:v>22.7000000000006</c:v>
                </c:pt>
                <c:pt idx="371">
                  <c:v>22.710000000000601</c:v>
                </c:pt>
                <c:pt idx="372">
                  <c:v>22.720000000000599</c:v>
                </c:pt>
                <c:pt idx="373">
                  <c:v>22.730000000000601</c:v>
                </c:pt>
                <c:pt idx="374">
                  <c:v>22.740000000000599</c:v>
                </c:pt>
                <c:pt idx="375">
                  <c:v>22.7500000000006</c:v>
                </c:pt>
                <c:pt idx="376">
                  <c:v>22.760000000000598</c:v>
                </c:pt>
                <c:pt idx="377">
                  <c:v>22.7700000000006</c:v>
                </c:pt>
                <c:pt idx="378">
                  <c:v>22.780000000000602</c:v>
                </c:pt>
                <c:pt idx="379">
                  <c:v>22.7900000000006</c:v>
                </c:pt>
                <c:pt idx="380">
                  <c:v>22.800000000000601</c:v>
                </c:pt>
                <c:pt idx="381">
                  <c:v>22.810000000000599</c:v>
                </c:pt>
                <c:pt idx="382">
                  <c:v>22.820000000000601</c:v>
                </c:pt>
                <c:pt idx="383">
                  <c:v>22.830000000000599</c:v>
                </c:pt>
                <c:pt idx="384">
                  <c:v>22.8400000000006</c:v>
                </c:pt>
                <c:pt idx="385">
                  <c:v>22.850000000000598</c:v>
                </c:pt>
                <c:pt idx="386">
                  <c:v>22.8600000000006</c:v>
                </c:pt>
                <c:pt idx="387">
                  <c:v>22.870000000000601</c:v>
                </c:pt>
                <c:pt idx="388">
                  <c:v>22.880000000000599</c:v>
                </c:pt>
                <c:pt idx="389">
                  <c:v>22.890000000000601</c:v>
                </c:pt>
                <c:pt idx="390">
                  <c:v>22.900000000000599</c:v>
                </c:pt>
                <c:pt idx="391">
                  <c:v>22.910000000000601</c:v>
                </c:pt>
                <c:pt idx="392">
                  <c:v>22.920000000000599</c:v>
                </c:pt>
                <c:pt idx="393">
                  <c:v>22.9300000000006</c:v>
                </c:pt>
                <c:pt idx="394">
                  <c:v>22.940000000000602</c:v>
                </c:pt>
                <c:pt idx="395">
                  <c:v>22.9500000000006</c:v>
                </c:pt>
                <c:pt idx="396">
                  <c:v>22.960000000000601</c:v>
                </c:pt>
                <c:pt idx="397">
                  <c:v>22.970000000000599</c:v>
                </c:pt>
                <c:pt idx="398">
                  <c:v>22.980000000000601</c:v>
                </c:pt>
                <c:pt idx="399">
                  <c:v>22.990000000000599</c:v>
                </c:pt>
                <c:pt idx="400">
                  <c:v>23.0000000000006</c:v>
                </c:pt>
                <c:pt idx="401">
                  <c:v>23.010000000000598</c:v>
                </c:pt>
                <c:pt idx="402">
                  <c:v>23.0200000000006</c:v>
                </c:pt>
                <c:pt idx="403">
                  <c:v>23.030000000000602</c:v>
                </c:pt>
                <c:pt idx="404">
                  <c:v>23.0400000000006</c:v>
                </c:pt>
                <c:pt idx="405">
                  <c:v>23.050000000000601</c:v>
                </c:pt>
                <c:pt idx="406">
                  <c:v>23.060000000000599</c:v>
                </c:pt>
                <c:pt idx="407">
                  <c:v>23.070000000000601</c:v>
                </c:pt>
                <c:pt idx="408">
                  <c:v>23.080000000000599</c:v>
                </c:pt>
                <c:pt idx="409">
                  <c:v>23.0900000000006</c:v>
                </c:pt>
                <c:pt idx="410">
                  <c:v>23.100000000000598</c:v>
                </c:pt>
                <c:pt idx="411">
                  <c:v>23.1100000000006</c:v>
                </c:pt>
                <c:pt idx="412">
                  <c:v>23.120000000000601</c:v>
                </c:pt>
                <c:pt idx="413">
                  <c:v>23.130000000000599</c:v>
                </c:pt>
                <c:pt idx="414">
                  <c:v>23.1400000000007</c:v>
                </c:pt>
                <c:pt idx="415">
                  <c:v>23.150000000000599</c:v>
                </c:pt>
                <c:pt idx="416">
                  <c:v>23.1600000000007</c:v>
                </c:pt>
                <c:pt idx="417">
                  <c:v>23.170000000000599</c:v>
                </c:pt>
                <c:pt idx="418">
                  <c:v>23.1800000000006</c:v>
                </c:pt>
                <c:pt idx="419">
                  <c:v>23.190000000000701</c:v>
                </c:pt>
                <c:pt idx="420">
                  <c:v>23.200000000000699</c:v>
                </c:pt>
                <c:pt idx="421">
                  <c:v>23.210000000000701</c:v>
                </c:pt>
                <c:pt idx="422">
                  <c:v>23.220000000000699</c:v>
                </c:pt>
                <c:pt idx="423">
                  <c:v>23.2300000000007</c:v>
                </c:pt>
                <c:pt idx="424">
                  <c:v>23.240000000000698</c:v>
                </c:pt>
                <c:pt idx="425">
                  <c:v>23.2500000000007</c:v>
                </c:pt>
                <c:pt idx="426">
                  <c:v>23.260000000000701</c:v>
                </c:pt>
                <c:pt idx="427">
                  <c:v>23.270000000000699</c:v>
                </c:pt>
                <c:pt idx="428">
                  <c:v>23.280000000000701</c:v>
                </c:pt>
                <c:pt idx="429">
                  <c:v>23.290000000000699</c:v>
                </c:pt>
                <c:pt idx="430">
                  <c:v>23.300000000000701</c:v>
                </c:pt>
                <c:pt idx="431">
                  <c:v>23.310000000000699</c:v>
                </c:pt>
                <c:pt idx="432">
                  <c:v>23.3200000000007</c:v>
                </c:pt>
                <c:pt idx="433">
                  <c:v>23.330000000000702</c:v>
                </c:pt>
                <c:pt idx="434">
                  <c:v>23.3400000000007</c:v>
                </c:pt>
                <c:pt idx="435">
                  <c:v>23.350000000000701</c:v>
                </c:pt>
                <c:pt idx="436">
                  <c:v>23.360000000000699</c:v>
                </c:pt>
                <c:pt idx="437">
                  <c:v>23.370000000000701</c:v>
                </c:pt>
                <c:pt idx="438">
                  <c:v>23.380000000000699</c:v>
                </c:pt>
                <c:pt idx="439">
                  <c:v>23.3900000000007</c:v>
                </c:pt>
                <c:pt idx="440">
                  <c:v>23.400000000000698</c:v>
                </c:pt>
                <c:pt idx="441">
                  <c:v>23.4100000000007</c:v>
                </c:pt>
                <c:pt idx="442">
                  <c:v>23.420000000000702</c:v>
                </c:pt>
                <c:pt idx="443">
                  <c:v>23.4300000000007</c:v>
                </c:pt>
                <c:pt idx="444">
                  <c:v>23.440000000000701</c:v>
                </c:pt>
                <c:pt idx="445">
                  <c:v>23.450000000000699</c:v>
                </c:pt>
                <c:pt idx="446">
                  <c:v>23.460000000000701</c:v>
                </c:pt>
                <c:pt idx="447">
                  <c:v>23.470000000000699</c:v>
                </c:pt>
                <c:pt idx="448">
                  <c:v>23.4800000000007</c:v>
                </c:pt>
                <c:pt idx="449">
                  <c:v>23.490000000000698</c:v>
                </c:pt>
                <c:pt idx="450">
                  <c:v>23.5000000000007</c:v>
                </c:pt>
                <c:pt idx="451">
                  <c:v>23.510000000000701</c:v>
                </c:pt>
                <c:pt idx="452">
                  <c:v>23.520000000000699</c:v>
                </c:pt>
                <c:pt idx="453">
                  <c:v>23.530000000000701</c:v>
                </c:pt>
                <c:pt idx="454">
                  <c:v>23.540000000000699</c:v>
                </c:pt>
                <c:pt idx="455">
                  <c:v>23.550000000000701</c:v>
                </c:pt>
                <c:pt idx="456">
                  <c:v>23.560000000000699</c:v>
                </c:pt>
                <c:pt idx="457">
                  <c:v>23.5700000000007</c:v>
                </c:pt>
                <c:pt idx="458">
                  <c:v>23.580000000000702</c:v>
                </c:pt>
                <c:pt idx="459">
                  <c:v>23.5900000000007</c:v>
                </c:pt>
                <c:pt idx="460">
                  <c:v>23.600000000000701</c:v>
                </c:pt>
                <c:pt idx="461">
                  <c:v>23.610000000000699</c:v>
                </c:pt>
                <c:pt idx="462">
                  <c:v>23.620000000000701</c:v>
                </c:pt>
                <c:pt idx="463">
                  <c:v>23.630000000000699</c:v>
                </c:pt>
                <c:pt idx="464">
                  <c:v>23.6400000000007</c:v>
                </c:pt>
                <c:pt idx="465">
                  <c:v>23.650000000000698</c:v>
                </c:pt>
                <c:pt idx="466">
                  <c:v>23.6600000000007</c:v>
                </c:pt>
                <c:pt idx="467">
                  <c:v>23.670000000000702</c:v>
                </c:pt>
                <c:pt idx="468">
                  <c:v>23.6800000000007</c:v>
                </c:pt>
                <c:pt idx="469">
                  <c:v>23.690000000000701</c:v>
                </c:pt>
                <c:pt idx="470">
                  <c:v>23.700000000000699</c:v>
                </c:pt>
                <c:pt idx="471">
                  <c:v>23.710000000000701</c:v>
                </c:pt>
                <c:pt idx="472">
                  <c:v>23.720000000000699</c:v>
                </c:pt>
                <c:pt idx="473">
                  <c:v>23.7300000000007</c:v>
                </c:pt>
                <c:pt idx="474">
                  <c:v>23.740000000000698</c:v>
                </c:pt>
                <c:pt idx="475">
                  <c:v>23.7500000000007</c:v>
                </c:pt>
                <c:pt idx="476">
                  <c:v>23.760000000000701</c:v>
                </c:pt>
                <c:pt idx="477">
                  <c:v>23.770000000000699</c:v>
                </c:pt>
                <c:pt idx="478">
                  <c:v>23.7800000000008</c:v>
                </c:pt>
                <c:pt idx="479">
                  <c:v>23.790000000000699</c:v>
                </c:pt>
                <c:pt idx="480">
                  <c:v>23.8000000000008</c:v>
                </c:pt>
                <c:pt idx="481">
                  <c:v>23.810000000000699</c:v>
                </c:pt>
                <c:pt idx="482">
                  <c:v>23.8200000000007</c:v>
                </c:pt>
                <c:pt idx="483">
                  <c:v>23.830000000000801</c:v>
                </c:pt>
                <c:pt idx="484">
                  <c:v>23.840000000000799</c:v>
                </c:pt>
                <c:pt idx="485">
                  <c:v>23.850000000000801</c:v>
                </c:pt>
                <c:pt idx="486">
                  <c:v>23.860000000000799</c:v>
                </c:pt>
                <c:pt idx="487">
                  <c:v>23.8700000000008</c:v>
                </c:pt>
                <c:pt idx="488">
                  <c:v>23.880000000000798</c:v>
                </c:pt>
                <c:pt idx="489">
                  <c:v>23.8900000000008</c:v>
                </c:pt>
                <c:pt idx="490">
                  <c:v>23.900000000000801</c:v>
                </c:pt>
                <c:pt idx="491">
                  <c:v>23.9100000000008</c:v>
                </c:pt>
                <c:pt idx="492">
                  <c:v>23.920000000000801</c:v>
                </c:pt>
                <c:pt idx="493">
                  <c:v>23.930000000000799</c:v>
                </c:pt>
                <c:pt idx="494">
                  <c:v>23.940000000000801</c:v>
                </c:pt>
                <c:pt idx="495">
                  <c:v>23.950000000000799</c:v>
                </c:pt>
                <c:pt idx="496">
                  <c:v>23.9600000000008</c:v>
                </c:pt>
                <c:pt idx="497">
                  <c:v>23.970000000000802</c:v>
                </c:pt>
                <c:pt idx="498">
                  <c:v>23.9800000000008</c:v>
                </c:pt>
                <c:pt idx="499">
                  <c:v>23.990000000000801</c:v>
                </c:pt>
                <c:pt idx="500">
                  <c:v>24.000000000000799</c:v>
                </c:pt>
                <c:pt idx="501">
                  <c:v>24.010000000000801</c:v>
                </c:pt>
                <c:pt idx="502">
                  <c:v>24.020000000000799</c:v>
                </c:pt>
                <c:pt idx="503">
                  <c:v>24.0300000000008</c:v>
                </c:pt>
                <c:pt idx="504">
                  <c:v>24.040000000000799</c:v>
                </c:pt>
                <c:pt idx="505">
                  <c:v>24.0500000000008</c:v>
                </c:pt>
                <c:pt idx="506">
                  <c:v>24.060000000000802</c:v>
                </c:pt>
                <c:pt idx="507">
                  <c:v>24.0700000000008</c:v>
                </c:pt>
                <c:pt idx="508">
                  <c:v>24.080000000000801</c:v>
                </c:pt>
                <c:pt idx="509">
                  <c:v>24.090000000000799</c:v>
                </c:pt>
                <c:pt idx="510">
                  <c:v>24.100000000000801</c:v>
                </c:pt>
                <c:pt idx="511">
                  <c:v>24.110000000000799</c:v>
                </c:pt>
                <c:pt idx="512">
                  <c:v>24.1200000000008</c:v>
                </c:pt>
                <c:pt idx="513">
                  <c:v>24.130000000000798</c:v>
                </c:pt>
                <c:pt idx="514">
                  <c:v>24.1400000000008</c:v>
                </c:pt>
                <c:pt idx="515">
                  <c:v>24.150000000000801</c:v>
                </c:pt>
                <c:pt idx="516">
                  <c:v>24.1600000000008</c:v>
                </c:pt>
                <c:pt idx="517">
                  <c:v>24.170000000000801</c:v>
                </c:pt>
                <c:pt idx="518">
                  <c:v>24.180000000000799</c:v>
                </c:pt>
                <c:pt idx="519">
                  <c:v>24.190000000000801</c:v>
                </c:pt>
                <c:pt idx="520">
                  <c:v>24.200000000000799</c:v>
                </c:pt>
                <c:pt idx="521">
                  <c:v>24.2100000000008</c:v>
                </c:pt>
                <c:pt idx="522">
                  <c:v>24.220000000000802</c:v>
                </c:pt>
                <c:pt idx="523">
                  <c:v>24.2300000000008</c:v>
                </c:pt>
                <c:pt idx="524">
                  <c:v>24.240000000000801</c:v>
                </c:pt>
                <c:pt idx="525">
                  <c:v>24.250000000000799</c:v>
                </c:pt>
                <c:pt idx="526">
                  <c:v>24.260000000000801</c:v>
                </c:pt>
                <c:pt idx="527">
                  <c:v>24.270000000000799</c:v>
                </c:pt>
                <c:pt idx="528">
                  <c:v>24.2800000000008</c:v>
                </c:pt>
                <c:pt idx="529">
                  <c:v>24.290000000000799</c:v>
                </c:pt>
                <c:pt idx="530">
                  <c:v>24.3000000000008</c:v>
                </c:pt>
                <c:pt idx="531">
                  <c:v>24.310000000000802</c:v>
                </c:pt>
                <c:pt idx="532">
                  <c:v>24.3200000000008</c:v>
                </c:pt>
                <c:pt idx="533">
                  <c:v>24.330000000000801</c:v>
                </c:pt>
                <c:pt idx="534">
                  <c:v>24.340000000000799</c:v>
                </c:pt>
                <c:pt idx="535">
                  <c:v>24.350000000000801</c:v>
                </c:pt>
                <c:pt idx="536">
                  <c:v>24.360000000000799</c:v>
                </c:pt>
                <c:pt idx="537">
                  <c:v>24.3700000000008</c:v>
                </c:pt>
                <c:pt idx="538">
                  <c:v>24.380000000000798</c:v>
                </c:pt>
                <c:pt idx="539">
                  <c:v>24.3900000000008</c:v>
                </c:pt>
                <c:pt idx="540">
                  <c:v>24.400000000000801</c:v>
                </c:pt>
                <c:pt idx="541">
                  <c:v>24.4100000000008</c:v>
                </c:pt>
                <c:pt idx="542">
                  <c:v>24.420000000000901</c:v>
                </c:pt>
                <c:pt idx="543">
                  <c:v>24.430000000000799</c:v>
                </c:pt>
                <c:pt idx="544">
                  <c:v>24.4400000000009</c:v>
                </c:pt>
                <c:pt idx="545">
                  <c:v>24.450000000000799</c:v>
                </c:pt>
                <c:pt idx="546">
                  <c:v>24.4600000000008</c:v>
                </c:pt>
                <c:pt idx="547">
                  <c:v>24.470000000000901</c:v>
                </c:pt>
                <c:pt idx="548">
                  <c:v>24.480000000000899</c:v>
                </c:pt>
                <c:pt idx="549">
                  <c:v>24.490000000000901</c:v>
                </c:pt>
                <c:pt idx="550">
                  <c:v>24.500000000000899</c:v>
                </c:pt>
                <c:pt idx="551">
                  <c:v>24.5100000000009</c:v>
                </c:pt>
                <c:pt idx="552">
                  <c:v>24.520000000000898</c:v>
                </c:pt>
                <c:pt idx="553">
                  <c:v>24.5300000000009</c:v>
                </c:pt>
                <c:pt idx="554">
                  <c:v>24.540000000000902</c:v>
                </c:pt>
                <c:pt idx="555">
                  <c:v>24.5500000000009</c:v>
                </c:pt>
                <c:pt idx="556">
                  <c:v>24.560000000000901</c:v>
                </c:pt>
                <c:pt idx="557">
                  <c:v>24.570000000000899</c:v>
                </c:pt>
                <c:pt idx="558">
                  <c:v>24.580000000000901</c:v>
                </c:pt>
                <c:pt idx="559">
                  <c:v>24.590000000000899</c:v>
                </c:pt>
                <c:pt idx="560">
                  <c:v>24.6000000000009</c:v>
                </c:pt>
                <c:pt idx="561">
                  <c:v>24.610000000000898</c:v>
                </c:pt>
                <c:pt idx="562">
                  <c:v>24.6200000000009</c:v>
                </c:pt>
                <c:pt idx="563">
                  <c:v>24.630000000000901</c:v>
                </c:pt>
                <c:pt idx="564">
                  <c:v>24.640000000000899</c:v>
                </c:pt>
                <c:pt idx="565">
                  <c:v>24.650000000000901</c:v>
                </c:pt>
                <c:pt idx="566">
                  <c:v>24.660000000000899</c:v>
                </c:pt>
                <c:pt idx="567">
                  <c:v>24.670000000000901</c:v>
                </c:pt>
                <c:pt idx="568">
                  <c:v>24.680000000000899</c:v>
                </c:pt>
                <c:pt idx="569">
                  <c:v>24.6900000000009</c:v>
                </c:pt>
                <c:pt idx="570">
                  <c:v>24.700000000000902</c:v>
                </c:pt>
                <c:pt idx="571">
                  <c:v>24.7100000000009</c:v>
                </c:pt>
                <c:pt idx="572">
                  <c:v>24.720000000000901</c:v>
                </c:pt>
                <c:pt idx="573">
                  <c:v>24.730000000000899</c:v>
                </c:pt>
                <c:pt idx="574">
                  <c:v>24.740000000000901</c:v>
                </c:pt>
                <c:pt idx="575">
                  <c:v>24.750000000000899</c:v>
                </c:pt>
                <c:pt idx="576">
                  <c:v>24.7600000000009</c:v>
                </c:pt>
                <c:pt idx="577">
                  <c:v>24.770000000000898</c:v>
                </c:pt>
                <c:pt idx="578">
                  <c:v>24.7800000000009</c:v>
                </c:pt>
                <c:pt idx="579">
                  <c:v>24.790000000000902</c:v>
                </c:pt>
                <c:pt idx="580">
                  <c:v>24.8000000000009</c:v>
                </c:pt>
                <c:pt idx="581">
                  <c:v>24.810000000000901</c:v>
                </c:pt>
                <c:pt idx="582">
                  <c:v>24.820000000000899</c:v>
                </c:pt>
                <c:pt idx="583">
                  <c:v>24.830000000000901</c:v>
                </c:pt>
                <c:pt idx="584">
                  <c:v>24.840000000000899</c:v>
                </c:pt>
                <c:pt idx="585">
                  <c:v>24.8500000000009</c:v>
                </c:pt>
                <c:pt idx="586">
                  <c:v>24.860000000000898</c:v>
                </c:pt>
                <c:pt idx="587">
                  <c:v>24.8700000000009</c:v>
                </c:pt>
                <c:pt idx="588">
                  <c:v>24.880000000000901</c:v>
                </c:pt>
                <c:pt idx="589">
                  <c:v>24.890000000000899</c:v>
                </c:pt>
                <c:pt idx="590">
                  <c:v>24.900000000000901</c:v>
                </c:pt>
                <c:pt idx="591">
                  <c:v>24.910000000000899</c:v>
                </c:pt>
                <c:pt idx="592">
                  <c:v>24.920000000000901</c:v>
                </c:pt>
                <c:pt idx="593">
                  <c:v>24.930000000000899</c:v>
                </c:pt>
                <c:pt idx="594">
                  <c:v>24.9400000000009</c:v>
                </c:pt>
                <c:pt idx="595">
                  <c:v>24.950000000000902</c:v>
                </c:pt>
                <c:pt idx="596">
                  <c:v>24.9600000000009</c:v>
                </c:pt>
                <c:pt idx="597">
                  <c:v>24.970000000000901</c:v>
                </c:pt>
                <c:pt idx="598">
                  <c:v>24.980000000000899</c:v>
                </c:pt>
                <c:pt idx="599">
                  <c:v>24.990000000000901</c:v>
                </c:pt>
                <c:pt idx="600">
                  <c:v>25.000000000000899</c:v>
                </c:pt>
                <c:pt idx="601">
                  <c:v>25.0100000000009</c:v>
                </c:pt>
                <c:pt idx="602">
                  <c:v>25.020000000000898</c:v>
                </c:pt>
                <c:pt idx="603">
                  <c:v>25.0300000000009</c:v>
                </c:pt>
                <c:pt idx="604">
                  <c:v>25.040000000000902</c:v>
                </c:pt>
                <c:pt idx="605">
                  <c:v>25.0500000000009</c:v>
                </c:pt>
                <c:pt idx="606">
                  <c:v>25.060000000001001</c:v>
                </c:pt>
                <c:pt idx="607">
                  <c:v>25.070000000000899</c:v>
                </c:pt>
                <c:pt idx="608">
                  <c:v>25.080000000001</c:v>
                </c:pt>
                <c:pt idx="609">
                  <c:v>25.090000000000899</c:v>
                </c:pt>
                <c:pt idx="610">
                  <c:v>25.1000000000009</c:v>
                </c:pt>
                <c:pt idx="611">
                  <c:v>25.110000000001001</c:v>
                </c:pt>
                <c:pt idx="612">
                  <c:v>25.120000000000999</c:v>
                </c:pt>
                <c:pt idx="613">
                  <c:v>25.130000000001001</c:v>
                </c:pt>
                <c:pt idx="614">
                  <c:v>25.140000000000999</c:v>
                </c:pt>
                <c:pt idx="615">
                  <c:v>25.150000000001</c:v>
                </c:pt>
                <c:pt idx="616">
                  <c:v>25.160000000000998</c:v>
                </c:pt>
                <c:pt idx="617">
                  <c:v>25.170000000001</c:v>
                </c:pt>
                <c:pt idx="618">
                  <c:v>25.180000000001002</c:v>
                </c:pt>
                <c:pt idx="619">
                  <c:v>25.190000000001</c:v>
                </c:pt>
                <c:pt idx="620">
                  <c:v>25.200000000001001</c:v>
                </c:pt>
                <c:pt idx="621">
                  <c:v>25.210000000000999</c:v>
                </c:pt>
                <c:pt idx="622">
                  <c:v>25.220000000001001</c:v>
                </c:pt>
                <c:pt idx="623">
                  <c:v>25.230000000000999</c:v>
                </c:pt>
                <c:pt idx="624">
                  <c:v>25.240000000001</c:v>
                </c:pt>
                <c:pt idx="625">
                  <c:v>25.250000000000998</c:v>
                </c:pt>
                <c:pt idx="626">
                  <c:v>25.260000000001</c:v>
                </c:pt>
                <c:pt idx="627">
                  <c:v>25.270000000001001</c:v>
                </c:pt>
                <c:pt idx="628">
                  <c:v>25.280000000000999</c:v>
                </c:pt>
                <c:pt idx="629">
                  <c:v>25.290000000001001</c:v>
                </c:pt>
                <c:pt idx="630">
                  <c:v>25.300000000000999</c:v>
                </c:pt>
                <c:pt idx="631">
                  <c:v>25.310000000001001</c:v>
                </c:pt>
                <c:pt idx="632">
                  <c:v>25.320000000000999</c:v>
                </c:pt>
                <c:pt idx="633">
                  <c:v>25.330000000001</c:v>
                </c:pt>
                <c:pt idx="634">
                  <c:v>25.340000000001002</c:v>
                </c:pt>
                <c:pt idx="635">
                  <c:v>25.350000000001</c:v>
                </c:pt>
                <c:pt idx="636">
                  <c:v>25.360000000001001</c:v>
                </c:pt>
                <c:pt idx="637">
                  <c:v>25.370000000000999</c:v>
                </c:pt>
                <c:pt idx="638">
                  <c:v>25.380000000001001</c:v>
                </c:pt>
                <c:pt idx="639">
                  <c:v>25.390000000000999</c:v>
                </c:pt>
                <c:pt idx="640">
                  <c:v>25.400000000001</c:v>
                </c:pt>
                <c:pt idx="641">
                  <c:v>25.410000000000998</c:v>
                </c:pt>
                <c:pt idx="642">
                  <c:v>25.420000000001</c:v>
                </c:pt>
                <c:pt idx="643">
                  <c:v>25.430000000001002</c:v>
                </c:pt>
                <c:pt idx="644">
                  <c:v>25.440000000001</c:v>
                </c:pt>
                <c:pt idx="645">
                  <c:v>25.450000000001001</c:v>
                </c:pt>
                <c:pt idx="646">
                  <c:v>25.460000000000999</c:v>
                </c:pt>
                <c:pt idx="647">
                  <c:v>25.470000000001001</c:v>
                </c:pt>
                <c:pt idx="648">
                  <c:v>25.480000000000999</c:v>
                </c:pt>
                <c:pt idx="649">
                  <c:v>25.490000000001</c:v>
                </c:pt>
                <c:pt idx="650">
                  <c:v>25.500000000000998</c:v>
                </c:pt>
                <c:pt idx="651">
                  <c:v>25.510000000001</c:v>
                </c:pt>
                <c:pt idx="652">
                  <c:v>25.520000000001001</c:v>
                </c:pt>
                <c:pt idx="653">
                  <c:v>25.530000000000999</c:v>
                </c:pt>
                <c:pt idx="654">
                  <c:v>25.540000000001001</c:v>
                </c:pt>
                <c:pt idx="655">
                  <c:v>25.550000000000999</c:v>
                </c:pt>
                <c:pt idx="656">
                  <c:v>25.560000000001001</c:v>
                </c:pt>
                <c:pt idx="657">
                  <c:v>25.570000000000999</c:v>
                </c:pt>
                <c:pt idx="658">
                  <c:v>25.580000000001</c:v>
                </c:pt>
                <c:pt idx="659">
                  <c:v>25.590000000001002</c:v>
                </c:pt>
                <c:pt idx="660">
                  <c:v>25.600000000001</c:v>
                </c:pt>
                <c:pt idx="661">
                  <c:v>25.610000000001001</c:v>
                </c:pt>
                <c:pt idx="662">
                  <c:v>25.620000000000999</c:v>
                </c:pt>
                <c:pt idx="663">
                  <c:v>25.630000000001001</c:v>
                </c:pt>
                <c:pt idx="664">
                  <c:v>25.640000000000999</c:v>
                </c:pt>
                <c:pt idx="665">
                  <c:v>25.650000000001</c:v>
                </c:pt>
                <c:pt idx="666">
                  <c:v>25.660000000000998</c:v>
                </c:pt>
                <c:pt idx="667">
                  <c:v>25.670000000001</c:v>
                </c:pt>
                <c:pt idx="668">
                  <c:v>25.680000000001002</c:v>
                </c:pt>
                <c:pt idx="669">
                  <c:v>25.690000000001</c:v>
                </c:pt>
                <c:pt idx="670">
                  <c:v>25.700000000001101</c:v>
                </c:pt>
                <c:pt idx="671">
                  <c:v>25.710000000000999</c:v>
                </c:pt>
                <c:pt idx="672">
                  <c:v>25.7200000000011</c:v>
                </c:pt>
                <c:pt idx="673">
                  <c:v>25.730000000000999</c:v>
                </c:pt>
                <c:pt idx="674">
                  <c:v>25.7400000000011</c:v>
                </c:pt>
                <c:pt idx="675">
                  <c:v>25.750000000001101</c:v>
                </c:pt>
                <c:pt idx="676">
                  <c:v>25.760000000001099</c:v>
                </c:pt>
                <c:pt idx="677">
                  <c:v>25.770000000001101</c:v>
                </c:pt>
                <c:pt idx="678">
                  <c:v>25.780000000001099</c:v>
                </c:pt>
                <c:pt idx="679">
                  <c:v>25.7900000000011</c:v>
                </c:pt>
                <c:pt idx="680">
                  <c:v>25.800000000001098</c:v>
                </c:pt>
                <c:pt idx="681">
                  <c:v>25.8100000000011</c:v>
                </c:pt>
                <c:pt idx="682">
                  <c:v>25.820000000001102</c:v>
                </c:pt>
                <c:pt idx="683">
                  <c:v>25.8300000000011</c:v>
                </c:pt>
                <c:pt idx="684">
                  <c:v>25.840000000001101</c:v>
                </c:pt>
                <c:pt idx="685">
                  <c:v>25.850000000001099</c:v>
                </c:pt>
                <c:pt idx="686">
                  <c:v>25.860000000001101</c:v>
                </c:pt>
                <c:pt idx="687">
                  <c:v>25.870000000001099</c:v>
                </c:pt>
                <c:pt idx="688">
                  <c:v>25.8800000000011</c:v>
                </c:pt>
                <c:pt idx="689">
                  <c:v>25.890000000001098</c:v>
                </c:pt>
                <c:pt idx="690">
                  <c:v>25.9000000000011</c:v>
                </c:pt>
                <c:pt idx="691">
                  <c:v>25.910000000001101</c:v>
                </c:pt>
                <c:pt idx="692">
                  <c:v>25.920000000001099</c:v>
                </c:pt>
                <c:pt idx="693">
                  <c:v>25.930000000001101</c:v>
                </c:pt>
                <c:pt idx="694">
                  <c:v>25.940000000001099</c:v>
                </c:pt>
                <c:pt idx="695">
                  <c:v>25.950000000001101</c:v>
                </c:pt>
                <c:pt idx="696">
                  <c:v>25.960000000001099</c:v>
                </c:pt>
                <c:pt idx="697">
                  <c:v>25.9700000000011</c:v>
                </c:pt>
                <c:pt idx="698">
                  <c:v>25.980000000001102</c:v>
                </c:pt>
                <c:pt idx="699">
                  <c:v>25.9900000000011</c:v>
                </c:pt>
                <c:pt idx="700">
                  <c:v>26.000000000001101</c:v>
                </c:pt>
                <c:pt idx="701">
                  <c:v>26.010000000001099</c:v>
                </c:pt>
                <c:pt idx="702">
                  <c:v>26.020000000001101</c:v>
                </c:pt>
                <c:pt idx="703">
                  <c:v>26.030000000001099</c:v>
                </c:pt>
                <c:pt idx="704">
                  <c:v>26.0400000000011</c:v>
                </c:pt>
                <c:pt idx="705">
                  <c:v>26.050000000001098</c:v>
                </c:pt>
                <c:pt idx="706">
                  <c:v>26.0600000000011</c:v>
                </c:pt>
                <c:pt idx="707">
                  <c:v>26.070000000001102</c:v>
                </c:pt>
                <c:pt idx="708">
                  <c:v>26.0800000000011</c:v>
                </c:pt>
                <c:pt idx="709">
                  <c:v>26.090000000001101</c:v>
                </c:pt>
                <c:pt idx="710">
                  <c:v>26.100000000001099</c:v>
                </c:pt>
                <c:pt idx="711">
                  <c:v>26.110000000001101</c:v>
                </c:pt>
                <c:pt idx="712">
                  <c:v>26.120000000001099</c:v>
                </c:pt>
                <c:pt idx="713">
                  <c:v>26.1300000000011</c:v>
                </c:pt>
                <c:pt idx="714">
                  <c:v>26.140000000001098</c:v>
                </c:pt>
                <c:pt idx="715">
                  <c:v>26.1500000000011</c:v>
                </c:pt>
                <c:pt idx="716">
                  <c:v>26.160000000001101</c:v>
                </c:pt>
                <c:pt idx="717">
                  <c:v>26.170000000001099</c:v>
                </c:pt>
                <c:pt idx="718">
                  <c:v>26.180000000001101</c:v>
                </c:pt>
                <c:pt idx="719">
                  <c:v>26.190000000001099</c:v>
                </c:pt>
                <c:pt idx="720">
                  <c:v>26.200000000001101</c:v>
                </c:pt>
                <c:pt idx="721">
                  <c:v>26.210000000001099</c:v>
                </c:pt>
                <c:pt idx="722">
                  <c:v>26.2200000000011</c:v>
                </c:pt>
                <c:pt idx="723">
                  <c:v>26.230000000001102</c:v>
                </c:pt>
                <c:pt idx="724">
                  <c:v>26.2400000000011</c:v>
                </c:pt>
                <c:pt idx="725">
                  <c:v>26.250000000001101</c:v>
                </c:pt>
                <c:pt idx="726">
                  <c:v>26.260000000001099</c:v>
                </c:pt>
                <c:pt idx="727">
                  <c:v>26.270000000001101</c:v>
                </c:pt>
                <c:pt idx="728">
                  <c:v>26.280000000001099</c:v>
                </c:pt>
                <c:pt idx="729">
                  <c:v>26.2900000000011</c:v>
                </c:pt>
                <c:pt idx="730">
                  <c:v>26.300000000001098</c:v>
                </c:pt>
                <c:pt idx="731">
                  <c:v>26.3100000000011</c:v>
                </c:pt>
                <c:pt idx="732">
                  <c:v>26.320000000001102</c:v>
                </c:pt>
                <c:pt idx="733">
                  <c:v>26.3300000000011</c:v>
                </c:pt>
                <c:pt idx="734">
                  <c:v>26.340000000001201</c:v>
                </c:pt>
                <c:pt idx="735">
                  <c:v>26.350000000001099</c:v>
                </c:pt>
                <c:pt idx="736">
                  <c:v>26.3600000000012</c:v>
                </c:pt>
                <c:pt idx="737">
                  <c:v>26.370000000001099</c:v>
                </c:pt>
                <c:pt idx="738">
                  <c:v>26.3800000000012</c:v>
                </c:pt>
                <c:pt idx="739">
                  <c:v>26.390000000001201</c:v>
                </c:pt>
                <c:pt idx="740">
                  <c:v>26.400000000001199</c:v>
                </c:pt>
                <c:pt idx="741">
                  <c:v>26.410000000001201</c:v>
                </c:pt>
                <c:pt idx="742">
                  <c:v>26.420000000001199</c:v>
                </c:pt>
                <c:pt idx="743">
                  <c:v>26.430000000001201</c:v>
                </c:pt>
                <c:pt idx="744">
                  <c:v>26.440000000001199</c:v>
                </c:pt>
                <c:pt idx="745">
                  <c:v>26.4500000000012</c:v>
                </c:pt>
                <c:pt idx="746">
                  <c:v>26.460000000001202</c:v>
                </c:pt>
                <c:pt idx="747">
                  <c:v>26.4700000000012</c:v>
                </c:pt>
                <c:pt idx="748">
                  <c:v>26.480000000001201</c:v>
                </c:pt>
                <c:pt idx="749">
                  <c:v>26.490000000001199</c:v>
                </c:pt>
                <c:pt idx="750">
                  <c:v>26.500000000001201</c:v>
                </c:pt>
                <c:pt idx="751">
                  <c:v>26.510000000001199</c:v>
                </c:pt>
                <c:pt idx="752">
                  <c:v>26.5200000000012</c:v>
                </c:pt>
                <c:pt idx="753">
                  <c:v>26.530000000001198</c:v>
                </c:pt>
                <c:pt idx="754">
                  <c:v>26.5400000000012</c:v>
                </c:pt>
                <c:pt idx="755">
                  <c:v>26.550000000001202</c:v>
                </c:pt>
                <c:pt idx="756">
                  <c:v>26.5600000000012</c:v>
                </c:pt>
                <c:pt idx="757">
                  <c:v>26.570000000001201</c:v>
                </c:pt>
                <c:pt idx="758">
                  <c:v>26.580000000001199</c:v>
                </c:pt>
                <c:pt idx="759">
                  <c:v>26.590000000001201</c:v>
                </c:pt>
                <c:pt idx="760">
                  <c:v>26.600000000001199</c:v>
                </c:pt>
                <c:pt idx="761">
                  <c:v>26.6100000000012</c:v>
                </c:pt>
                <c:pt idx="762">
                  <c:v>26.620000000001198</c:v>
                </c:pt>
                <c:pt idx="763">
                  <c:v>26.6300000000012</c:v>
                </c:pt>
                <c:pt idx="764">
                  <c:v>26.640000000001201</c:v>
                </c:pt>
                <c:pt idx="765">
                  <c:v>26.650000000001199</c:v>
                </c:pt>
                <c:pt idx="766">
                  <c:v>26.660000000001201</c:v>
                </c:pt>
                <c:pt idx="767">
                  <c:v>26.670000000001199</c:v>
                </c:pt>
                <c:pt idx="768">
                  <c:v>26.680000000001201</c:v>
                </c:pt>
                <c:pt idx="769">
                  <c:v>26.690000000001199</c:v>
                </c:pt>
                <c:pt idx="770">
                  <c:v>26.7000000000012</c:v>
                </c:pt>
                <c:pt idx="771">
                  <c:v>26.710000000001202</c:v>
                </c:pt>
                <c:pt idx="772">
                  <c:v>26.7200000000012</c:v>
                </c:pt>
                <c:pt idx="773">
                  <c:v>26.730000000001201</c:v>
                </c:pt>
                <c:pt idx="774">
                  <c:v>26.740000000001199</c:v>
                </c:pt>
                <c:pt idx="775">
                  <c:v>26.750000000001201</c:v>
                </c:pt>
                <c:pt idx="776">
                  <c:v>26.760000000001199</c:v>
                </c:pt>
                <c:pt idx="777">
                  <c:v>26.7700000000012</c:v>
                </c:pt>
                <c:pt idx="778">
                  <c:v>26.780000000001198</c:v>
                </c:pt>
                <c:pt idx="779">
                  <c:v>26.7900000000012</c:v>
                </c:pt>
                <c:pt idx="780">
                  <c:v>26.800000000001202</c:v>
                </c:pt>
                <c:pt idx="781">
                  <c:v>26.8100000000012</c:v>
                </c:pt>
                <c:pt idx="782">
                  <c:v>26.820000000001201</c:v>
                </c:pt>
                <c:pt idx="783">
                  <c:v>26.830000000001199</c:v>
                </c:pt>
                <c:pt idx="784">
                  <c:v>26.840000000001201</c:v>
                </c:pt>
                <c:pt idx="785">
                  <c:v>26.850000000001199</c:v>
                </c:pt>
                <c:pt idx="786">
                  <c:v>26.8600000000012</c:v>
                </c:pt>
                <c:pt idx="787">
                  <c:v>26.870000000001198</c:v>
                </c:pt>
                <c:pt idx="788">
                  <c:v>26.8800000000012</c:v>
                </c:pt>
                <c:pt idx="789">
                  <c:v>26.890000000001201</c:v>
                </c:pt>
                <c:pt idx="790">
                  <c:v>26.900000000001199</c:v>
                </c:pt>
                <c:pt idx="791">
                  <c:v>26.910000000001201</c:v>
                </c:pt>
                <c:pt idx="792">
                  <c:v>26.920000000001199</c:v>
                </c:pt>
                <c:pt idx="793">
                  <c:v>26.930000000001201</c:v>
                </c:pt>
                <c:pt idx="794">
                  <c:v>26.940000000001199</c:v>
                </c:pt>
                <c:pt idx="795">
                  <c:v>26.9500000000012</c:v>
                </c:pt>
                <c:pt idx="796">
                  <c:v>26.960000000001202</c:v>
                </c:pt>
                <c:pt idx="797">
                  <c:v>26.9700000000012</c:v>
                </c:pt>
                <c:pt idx="798">
                  <c:v>26.980000000001301</c:v>
                </c:pt>
                <c:pt idx="799">
                  <c:v>26.990000000001199</c:v>
                </c:pt>
                <c:pt idx="800">
                  <c:v>27.0000000000013</c:v>
                </c:pt>
                <c:pt idx="801">
                  <c:v>27.010000000001199</c:v>
                </c:pt>
                <c:pt idx="802">
                  <c:v>27.0200000000013</c:v>
                </c:pt>
                <c:pt idx="803">
                  <c:v>27.030000000001301</c:v>
                </c:pt>
                <c:pt idx="804">
                  <c:v>27.040000000001299</c:v>
                </c:pt>
                <c:pt idx="805">
                  <c:v>27.050000000001301</c:v>
                </c:pt>
                <c:pt idx="806">
                  <c:v>27.060000000001299</c:v>
                </c:pt>
                <c:pt idx="807">
                  <c:v>27.070000000001301</c:v>
                </c:pt>
                <c:pt idx="808">
                  <c:v>27.080000000001299</c:v>
                </c:pt>
                <c:pt idx="809">
                  <c:v>27.0900000000013</c:v>
                </c:pt>
                <c:pt idx="810">
                  <c:v>27.100000000001302</c:v>
                </c:pt>
                <c:pt idx="811">
                  <c:v>27.1100000000013</c:v>
                </c:pt>
                <c:pt idx="812">
                  <c:v>27.120000000001301</c:v>
                </c:pt>
                <c:pt idx="813">
                  <c:v>27.130000000001299</c:v>
                </c:pt>
                <c:pt idx="814">
                  <c:v>27.140000000001301</c:v>
                </c:pt>
                <c:pt idx="815">
                  <c:v>27.150000000001299</c:v>
                </c:pt>
                <c:pt idx="816">
                  <c:v>27.1600000000013</c:v>
                </c:pt>
                <c:pt idx="817">
                  <c:v>27.170000000001298</c:v>
                </c:pt>
                <c:pt idx="818">
                  <c:v>27.1800000000013</c:v>
                </c:pt>
                <c:pt idx="819">
                  <c:v>27.190000000001302</c:v>
                </c:pt>
                <c:pt idx="820">
                  <c:v>27.2000000000013</c:v>
                </c:pt>
                <c:pt idx="821">
                  <c:v>27.210000000001301</c:v>
                </c:pt>
                <c:pt idx="822">
                  <c:v>27.220000000001299</c:v>
                </c:pt>
                <c:pt idx="823">
                  <c:v>27.230000000001301</c:v>
                </c:pt>
                <c:pt idx="824">
                  <c:v>27.240000000001299</c:v>
                </c:pt>
                <c:pt idx="825">
                  <c:v>27.2500000000013</c:v>
                </c:pt>
                <c:pt idx="826">
                  <c:v>27.260000000001298</c:v>
                </c:pt>
                <c:pt idx="827">
                  <c:v>27.2700000000013</c:v>
                </c:pt>
                <c:pt idx="828">
                  <c:v>27.280000000001301</c:v>
                </c:pt>
                <c:pt idx="829">
                  <c:v>27.290000000001299</c:v>
                </c:pt>
                <c:pt idx="830">
                  <c:v>27.300000000001301</c:v>
                </c:pt>
                <c:pt idx="831">
                  <c:v>27.310000000001299</c:v>
                </c:pt>
                <c:pt idx="832">
                  <c:v>27.320000000001301</c:v>
                </c:pt>
                <c:pt idx="833">
                  <c:v>27.330000000001299</c:v>
                </c:pt>
                <c:pt idx="834">
                  <c:v>27.3400000000013</c:v>
                </c:pt>
                <c:pt idx="835">
                  <c:v>27.350000000001302</c:v>
                </c:pt>
                <c:pt idx="836">
                  <c:v>27.3600000000013</c:v>
                </c:pt>
                <c:pt idx="837">
                  <c:v>27.370000000001301</c:v>
                </c:pt>
                <c:pt idx="838">
                  <c:v>27.380000000001299</c:v>
                </c:pt>
                <c:pt idx="839">
                  <c:v>27.390000000001301</c:v>
                </c:pt>
                <c:pt idx="840">
                  <c:v>27.400000000001299</c:v>
                </c:pt>
                <c:pt idx="841">
                  <c:v>27.4100000000013</c:v>
                </c:pt>
                <c:pt idx="842">
                  <c:v>27.420000000001298</c:v>
                </c:pt>
                <c:pt idx="843">
                  <c:v>27.4300000000013</c:v>
                </c:pt>
                <c:pt idx="844">
                  <c:v>27.440000000001302</c:v>
                </c:pt>
                <c:pt idx="845">
                  <c:v>27.4500000000013</c:v>
                </c:pt>
                <c:pt idx="846">
                  <c:v>27.460000000001301</c:v>
                </c:pt>
                <c:pt idx="847">
                  <c:v>27.470000000001299</c:v>
                </c:pt>
                <c:pt idx="848">
                  <c:v>27.480000000001301</c:v>
                </c:pt>
                <c:pt idx="849">
                  <c:v>27.490000000001299</c:v>
                </c:pt>
                <c:pt idx="850">
                  <c:v>27.5000000000013</c:v>
                </c:pt>
                <c:pt idx="851">
                  <c:v>27.510000000001298</c:v>
                </c:pt>
                <c:pt idx="852">
                  <c:v>27.5200000000013</c:v>
                </c:pt>
                <c:pt idx="853">
                  <c:v>27.530000000001301</c:v>
                </c:pt>
                <c:pt idx="854">
                  <c:v>27.540000000001299</c:v>
                </c:pt>
                <c:pt idx="855">
                  <c:v>27.550000000001301</c:v>
                </c:pt>
                <c:pt idx="856">
                  <c:v>27.560000000001299</c:v>
                </c:pt>
                <c:pt idx="857">
                  <c:v>27.570000000001301</c:v>
                </c:pt>
                <c:pt idx="858">
                  <c:v>27.580000000001299</c:v>
                </c:pt>
                <c:pt idx="859">
                  <c:v>27.5900000000013</c:v>
                </c:pt>
                <c:pt idx="860">
                  <c:v>27.600000000001302</c:v>
                </c:pt>
                <c:pt idx="861">
                  <c:v>27.6100000000013</c:v>
                </c:pt>
                <c:pt idx="862">
                  <c:v>27.620000000001301</c:v>
                </c:pt>
                <c:pt idx="863">
                  <c:v>27.630000000001399</c:v>
                </c:pt>
                <c:pt idx="864">
                  <c:v>27.6400000000014</c:v>
                </c:pt>
                <c:pt idx="865">
                  <c:v>27.650000000001299</c:v>
                </c:pt>
                <c:pt idx="866">
                  <c:v>27.6600000000014</c:v>
                </c:pt>
                <c:pt idx="867">
                  <c:v>27.670000000001401</c:v>
                </c:pt>
                <c:pt idx="868">
                  <c:v>27.680000000001399</c:v>
                </c:pt>
                <c:pt idx="869">
                  <c:v>27.690000000001401</c:v>
                </c:pt>
                <c:pt idx="870">
                  <c:v>27.700000000001399</c:v>
                </c:pt>
                <c:pt idx="871">
                  <c:v>27.710000000001401</c:v>
                </c:pt>
                <c:pt idx="872">
                  <c:v>27.720000000001399</c:v>
                </c:pt>
                <c:pt idx="873">
                  <c:v>27.7300000000014</c:v>
                </c:pt>
                <c:pt idx="874">
                  <c:v>27.740000000001402</c:v>
                </c:pt>
                <c:pt idx="875">
                  <c:v>27.7500000000014</c:v>
                </c:pt>
                <c:pt idx="876">
                  <c:v>27.760000000001401</c:v>
                </c:pt>
                <c:pt idx="877">
                  <c:v>27.770000000001399</c:v>
                </c:pt>
                <c:pt idx="878">
                  <c:v>27.780000000001401</c:v>
                </c:pt>
                <c:pt idx="879">
                  <c:v>27.790000000001399</c:v>
                </c:pt>
                <c:pt idx="880">
                  <c:v>27.8000000000014</c:v>
                </c:pt>
                <c:pt idx="881">
                  <c:v>27.810000000001398</c:v>
                </c:pt>
                <c:pt idx="882">
                  <c:v>27.8200000000014</c:v>
                </c:pt>
                <c:pt idx="883">
                  <c:v>27.830000000001402</c:v>
                </c:pt>
                <c:pt idx="884">
                  <c:v>27.8400000000014</c:v>
                </c:pt>
                <c:pt idx="885">
                  <c:v>27.850000000001401</c:v>
                </c:pt>
                <c:pt idx="886">
                  <c:v>27.860000000001399</c:v>
                </c:pt>
                <c:pt idx="887">
                  <c:v>27.870000000001401</c:v>
                </c:pt>
                <c:pt idx="888">
                  <c:v>27.880000000001399</c:v>
                </c:pt>
                <c:pt idx="889">
                  <c:v>27.8900000000014</c:v>
                </c:pt>
                <c:pt idx="890">
                  <c:v>27.900000000001398</c:v>
                </c:pt>
                <c:pt idx="891">
                  <c:v>27.9100000000014</c:v>
                </c:pt>
                <c:pt idx="892">
                  <c:v>27.920000000001401</c:v>
                </c:pt>
                <c:pt idx="893">
                  <c:v>27.930000000001399</c:v>
                </c:pt>
                <c:pt idx="894">
                  <c:v>27.940000000001401</c:v>
                </c:pt>
                <c:pt idx="895">
                  <c:v>27.950000000001399</c:v>
                </c:pt>
                <c:pt idx="896">
                  <c:v>27.960000000001401</c:v>
                </c:pt>
                <c:pt idx="897">
                  <c:v>27.970000000001399</c:v>
                </c:pt>
                <c:pt idx="898">
                  <c:v>27.9800000000014</c:v>
                </c:pt>
                <c:pt idx="899">
                  <c:v>27.990000000001402</c:v>
                </c:pt>
                <c:pt idx="900">
                  <c:v>28.0000000000014</c:v>
                </c:pt>
                <c:pt idx="901">
                  <c:v>28.010000000001401</c:v>
                </c:pt>
                <c:pt idx="902">
                  <c:v>28.020000000001399</c:v>
                </c:pt>
                <c:pt idx="903">
                  <c:v>28.030000000001401</c:v>
                </c:pt>
                <c:pt idx="904">
                  <c:v>28.040000000001399</c:v>
                </c:pt>
                <c:pt idx="905">
                  <c:v>28.0500000000014</c:v>
                </c:pt>
                <c:pt idx="906">
                  <c:v>28.060000000001398</c:v>
                </c:pt>
                <c:pt idx="907">
                  <c:v>28.0700000000014</c:v>
                </c:pt>
                <c:pt idx="908">
                  <c:v>28.080000000001402</c:v>
                </c:pt>
                <c:pt idx="909">
                  <c:v>28.0900000000014</c:v>
                </c:pt>
                <c:pt idx="910">
                  <c:v>28.100000000001401</c:v>
                </c:pt>
                <c:pt idx="911">
                  <c:v>28.110000000001399</c:v>
                </c:pt>
                <c:pt idx="912">
                  <c:v>28.120000000001401</c:v>
                </c:pt>
                <c:pt idx="913">
                  <c:v>28.130000000001399</c:v>
                </c:pt>
                <c:pt idx="914">
                  <c:v>28.1400000000014</c:v>
                </c:pt>
                <c:pt idx="915">
                  <c:v>28.150000000001398</c:v>
                </c:pt>
                <c:pt idx="916">
                  <c:v>28.1600000000014</c:v>
                </c:pt>
                <c:pt idx="917">
                  <c:v>28.170000000001401</c:v>
                </c:pt>
                <c:pt idx="918">
                  <c:v>28.180000000001399</c:v>
                </c:pt>
                <c:pt idx="919">
                  <c:v>28.190000000001401</c:v>
                </c:pt>
                <c:pt idx="920">
                  <c:v>28.200000000001399</c:v>
                </c:pt>
                <c:pt idx="921">
                  <c:v>28.210000000001401</c:v>
                </c:pt>
                <c:pt idx="922">
                  <c:v>28.220000000001399</c:v>
                </c:pt>
                <c:pt idx="923">
                  <c:v>28.2300000000014</c:v>
                </c:pt>
                <c:pt idx="924">
                  <c:v>28.240000000001402</c:v>
                </c:pt>
                <c:pt idx="925">
                  <c:v>28.2500000000014</c:v>
                </c:pt>
                <c:pt idx="926">
                  <c:v>28.260000000001401</c:v>
                </c:pt>
                <c:pt idx="927">
                  <c:v>28.270000000001499</c:v>
                </c:pt>
                <c:pt idx="928">
                  <c:v>28.2800000000015</c:v>
                </c:pt>
                <c:pt idx="929">
                  <c:v>28.290000000001399</c:v>
                </c:pt>
                <c:pt idx="930">
                  <c:v>28.3000000000015</c:v>
                </c:pt>
                <c:pt idx="931">
                  <c:v>28.310000000001502</c:v>
                </c:pt>
                <c:pt idx="932">
                  <c:v>28.3200000000015</c:v>
                </c:pt>
                <c:pt idx="933">
                  <c:v>28.330000000001501</c:v>
                </c:pt>
                <c:pt idx="934">
                  <c:v>28.340000000001499</c:v>
                </c:pt>
                <c:pt idx="935">
                  <c:v>28.350000000001501</c:v>
                </c:pt>
                <c:pt idx="936">
                  <c:v>28.360000000001499</c:v>
                </c:pt>
                <c:pt idx="937">
                  <c:v>28.3700000000015</c:v>
                </c:pt>
                <c:pt idx="938">
                  <c:v>28.380000000001498</c:v>
                </c:pt>
                <c:pt idx="939">
                  <c:v>28.3900000000015</c:v>
                </c:pt>
                <c:pt idx="940">
                  <c:v>28.400000000001501</c:v>
                </c:pt>
                <c:pt idx="941">
                  <c:v>28.410000000001499</c:v>
                </c:pt>
                <c:pt idx="942">
                  <c:v>28.420000000001501</c:v>
                </c:pt>
                <c:pt idx="943">
                  <c:v>28.430000000001499</c:v>
                </c:pt>
                <c:pt idx="944">
                  <c:v>28.440000000001501</c:v>
                </c:pt>
                <c:pt idx="945">
                  <c:v>28.450000000001499</c:v>
                </c:pt>
                <c:pt idx="946">
                  <c:v>28.4600000000015</c:v>
                </c:pt>
                <c:pt idx="947">
                  <c:v>28.470000000001502</c:v>
                </c:pt>
                <c:pt idx="948">
                  <c:v>28.4800000000015</c:v>
                </c:pt>
                <c:pt idx="949">
                  <c:v>28.490000000001501</c:v>
                </c:pt>
                <c:pt idx="950">
                  <c:v>28.500000000001499</c:v>
                </c:pt>
                <c:pt idx="951">
                  <c:v>28.510000000001501</c:v>
                </c:pt>
                <c:pt idx="952">
                  <c:v>28.520000000001499</c:v>
                </c:pt>
                <c:pt idx="953">
                  <c:v>28.5300000000015</c:v>
                </c:pt>
                <c:pt idx="954">
                  <c:v>28.540000000001498</c:v>
                </c:pt>
                <c:pt idx="955">
                  <c:v>28.5500000000015</c:v>
                </c:pt>
                <c:pt idx="956">
                  <c:v>28.560000000001502</c:v>
                </c:pt>
                <c:pt idx="957">
                  <c:v>28.5700000000015</c:v>
                </c:pt>
                <c:pt idx="958">
                  <c:v>28.580000000001501</c:v>
                </c:pt>
                <c:pt idx="959">
                  <c:v>28.590000000001499</c:v>
                </c:pt>
                <c:pt idx="960">
                  <c:v>28.600000000001501</c:v>
                </c:pt>
                <c:pt idx="961">
                  <c:v>28.610000000001499</c:v>
                </c:pt>
                <c:pt idx="962">
                  <c:v>28.6200000000015</c:v>
                </c:pt>
                <c:pt idx="963">
                  <c:v>28.630000000001498</c:v>
                </c:pt>
                <c:pt idx="964">
                  <c:v>28.6400000000015</c:v>
                </c:pt>
                <c:pt idx="965">
                  <c:v>28.650000000001501</c:v>
                </c:pt>
                <c:pt idx="966">
                  <c:v>28.660000000001499</c:v>
                </c:pt>
                <c:pt idx="967">
                  <c:v>28.670000000001501</c:v>
                </c:pt>
                <c:pt idx="968">
                  <c:v>28.680000000001499</c:v>
                </c:pt>
                <c:pt idx="969">
                  <c:v>28.690000000001501</c:v>
                </c:pt>
                <c:pt idx="970">
                  <c:v>28.700000000001499</c:v>
                </c:pt>
                <c:pt idx="971">
                  <c:v>28.7100000000015</c:v>
                </c:pt>
                <c:pt idx="972">
                  <c:v>28.720000000001502</c:v>
                </c:pt>
                <c:pt idx="973">
                  <c:v>28.7300000000015</c:v>
                </c:pt>
                <c:pt idx="974">
                  <c:v>28.740000000001501</c:v>
                </c:pt>
                <c:pt idx="975">
                  <c:v>28.750000000001499</c:v>
                </c:pt>
                <c:pt idx="976">
                  <c:v>28.760000000001501</c:v>
                </c:pt>
                <c:pt idx="977">
                  <c:v>28.770000000001499</c:v>
                </c:pt>
                <c:pt idx="978">
                  <c:v>28.7800000000015</c:v>
                </c:pt>
                <c:pt idx="979">
                  <c:v>28.790000000001498</c:v>
                </c:pt>
                <c:pt idx="980">
                  <c:v>28.8000000000015</c:v>
                </c:pt>
                <c:pt idx="981">
                  <c:v>28.810000000001502</c:v>
                </c:pt>
                <c:pt idx="982">
                  <c:v>28.8200000000015</c:v>
                </c:pt>
                <c:pt idx="983">
                  <c:v>28.830000000001501</c:v>
                </c:pt>
                <c:pt idx="984">
                  <c:v>28.840000000001499</c:v>
                </c:pt>
                <c:pt idx="985">
                  <c:v>28.850000000001501</c:v>
                </c:pt>
                <c:pt idx="986">
                  <c:v>28.860000000001499</c:v>
                </c:pt>
                <c:pt idx="987">
                  <c:v>28.8700000000015</c:v>
                </c:pt>
                <c:pt idx="988">
                  <c:v>28.880000000001498</c:v>
                </c:pt>
                <c:pt idx="989">
                  <c:v>28.8900000000015</c:v>
                </c:pt>
                <c:pt idx="990">
                  <c:v>28.900000000001501</c:v>
                </c:pt>
                <c:pt idx="991">
                  <c:v>28.910000000001499</c:v>
                </c:pt>
                <c:pt idx="992">
                  <c:v>28.9200000000016</c:v>
                </c:pt>
                <c:pt idx="993">
                  <c:v>28.930000000001499</c:v>
                </c:pt>
                <c:pt idx="994">
                  <c:v>28.9400000000016</c:v>
                </c:pt>
                <c:pt idx="995">
                  <c:v>28.950000000001602</c:v>
                </c:pt>
                <c:pt idx="996">
                  <c:v>28.9600000000016</c:v>
                </c:pt>
                <c:pt idx="997">
                  <c:v>28.970000000001601</c:v>
                </c:pt>
                <c:pt idx="998">
                  <c:v>28.980000000001599</c:v>
                </c:pt>
                <c:pt idx="999">
                  <c:v>28.990000000001601</c:v>
                </c:pt>
                <c:pt idx="1000">
                  <c:v>29.000000000001599</c:v>
                </c:pt>
                <c:pt idx="1001">
                  <c:v>29.0100000000016</c:v>
                </c:pt>
                <c:pt idx="1002">
                  <c:v>29.020000000001598</c:v>
                </c:pt>
                <c:pt idx="1003">
                  <c:v>29.0300000000016</c:v>
                </c:pt>
                <c:pt idx="1004">
                  <c:v>29.040000000001601</c:v>
                </c:pt>
                <c:pt idx="1005">
                  <c:v>29.050000000001599</c:v>
                </c:pt>
                <c:pt idx="1006">
                  <c:v>29.060000000001601</c:v>
                </c:pt>
                <c:pt idx="1007">
                  <c:v>29.070000000001599</c:v>
                </c:pt>
                <c:pt idx="1008">
                  <c:v>29.080000000001601</c:v>
                </c:pt>
                <c:pt idx="1009">
                  <c:v>29.090000000001599</c:v>
                </c:pt>
                <c:pt idx="1010">
                  <c:v>29.1000000000016</c:v>
                </c:pt>
                <c:pt idx="1011">
                  <c:v>29.110000000001602</c:v>
                </c:pt>
                <c:pt idx="1012">
                  <c:v>29.1200000000016</c:v>
                </c:pt>
                <c:pt idx="1013">
                  <c:v>29.130000000001601</c:v>
                </c:pt>
                <c:pt idx="1014">
                  <c:v>29.140000000001599</c:v>
                </c:pt>
                <c:pt idx="1015">
                  <c:v>29.150000000001601</c:v>
                </c:pt>
                <c:pt idx="1016">
                  <c:v>29.160000000001599</c:v>
                </c:pt>
                <c:pt idx="1017">
                  <c:v>29.1700000000016</c:v>
                </c:pt>
                <c:pt idx="1018">
                  <c:v>29.180000000001598</c:v>
                </c:pt>
                <c:pt idx="1019">
                  <c:v>29.1900000000016</c:v>
                </c:pt>
                <c:pt idx="1020">
                  <c:v>29.200000000001602</c:v>
                </c:pt>
                <c:pt idx="1021">
                  <c:v>29.2100000000016</c:v>
                </c:pt>
                <c:pt idx="1022">
                  <c:v>29.220000000001601</c:v>
                </c:pt>
                <c:pt idx="1023">
                  <c:v>29.230000000001599</c:v>
                </c:pt>
                <c:pt idx="1024">
                  <c:v>29.240000000001601</c:v>
                </c:pt>
                <c:pt idx="1025">
                  <c:v>29.250000000001599</c:v>
                </c:pt>
                <c:pt idx="1026">
                  <c:v>29.2600000000016</c:v>
                </c:pt>
                <c:pt idx="1027">
                  <c:v>29.270000000001598</c:v>
                </c:pt>
                <c:pt idx="1028">
                  <c:v>29.2800000000016</c:v>
                </c:pt>
                <c:pt idx="1029">
                  <c:v>29.290000000001601</c:v>
                </c:pt>
                <c:pt idx="1030">
                  <c:v>29.300000000001599</c:v>
                </c:pt>
                <c:pt idx="1031">
                  <c:v>29.310000000001601</c:v>
                </c:pt>
                <c:pt idx="1032">
                  <c:v>29.320000000001599</c:v>
                </c:pt>
                <c:pt idx="1033">
                  <c:v>29.330000000001601</c:v>
                </c:pt>
                <c:pt idx="1034">
                  <c:v>29.340000000001599</c:v>
                </c:pt>
                <c:pt idx="1035">
                  <c:v>29.3500000000016</c:v>
                </c:pt>
                <c:pt idx="1036">
                  <c:v>29.360000000001602</c:v>
                </c:pt>
                <c:pt idx="1037">
                  <c:v>29.3700000000016</c:v>
                </c:pt>
                <c:pt idx="1038">
                  <c:v>29.380000000001601</c:v>
                </c:pt>
                <c:pt idx="1039">
                  <c:v>29.390000000001599</c:v>
                </c:pt>
                <c:pt idx="1040">
                  <c:v>29.400000000001601</c:v>
                </c:pt>
                <c:pt idx="1041">
                  <c:v>29.410000000001599</c:v>
                </c:pt>
                <c:pt idx="1042">
                  <c:v>29.4200000000016</c:v>
                </c:pt>
                <c:pt idx="1043">
                  <c:v>29.430000000001598</c:v>
                </c:pt>
                <c:pt idx="1044">
                  <c:v>29.4400000000016</c:v>
                </c:pt>
                <c:pt idx="1045">
                  <c:v>29.450000000001602</c:v>
                </c:pt>
                <c:pt idx="1046">
                  <c:v>29.4600000000016</c:v>
                </c:pt>
                <c:pt idx="1047">
                  <c:v>29.470000000001601</c:v>
                </c:pt>
                <c:pt idx="1048">
                  <c:v>29.480000000001599</c:v>
                </c:pt>
                <c:pt idx="1049">
                  <c:v>29.490000000001601</c:v>
                </c:pt>
                <c:pt idx="1050">
                  <c:v>29.500000000001599</c:v>
                </c:pt>
                <c:pt idx="1051">
                  <c:v>29.5100000000016</c:v>
                </c:pt>
                <c:pt idx="1052">
                  <c:v>29.520000000001598</c:v>
                </c:pt>
                <c:pt idx="1053">
                  <c:v>29.5300000000016</c:v>
                </c:pt>
                <c:pt idx="1054">
                  <c:v>29.540000000001601</c:v>
                </c:pt>
                <c:pt idx="1055">
                  <c:v>29.550000000001599</c:v>
                </c:pt>
                <c:pt idx="1056">
                  <c:v>29.5600000000017</c:v>
                </c:pt>
                <c:pt idx="1057">
                  <c:v>29.570000000001698</c:v>
                </c:pt>
                <c:pt idx="1058">
                  <c:v>29.5800000000017</c:v>
                </c:pt>
                <c:pt idx="1059">
                  <c:v>29.590000000001702</c:v>
                </c:pt>
                <c:pt idx="1060">
                  <c:v>29.6000000000017</c:v>
                </c:pt>
                <c:pt idx="1061">
                  <c:v>29.610000000001701</c:v>
                </c:pt>
                <c:pt idx="1062">
                  <c:v>29.620000000001699</c:v>
                </c:pt>
                <c:pt idx="1063">
                  <c:v>29.630000000001701</c:v>
                </c:pt>
                <c:pt idx="1064">
                  <c:v>29.640000000001699</c:v>
                </c:pt>
                <c:pt idx="1065">
                  <c:v>29.6500000000017</c:v>
                </c:pt>
                <c:pt idx="1066">
                  <c:v>29.660000000001698</c:v>
                </c:pt>
                <c:pt idx="1067">
                  <c:v>29.6700000000017</c:v>
                </c:pt>
                <c:pt idx="1068">
                  <c:v>29.680000000001701</c:v>
                </c:pt>
                <c:pt idx="1069">
                  <c:v>29.690000000001699</c:v>
                </c:pt>
                <c:pt idx="1070">
                  <c:v>29.700000000001701</c:v>
                </c:pt>
                <c:pt idx="1071">
                  <c:v>29.710000000001699</c:v>
                </c:pt>
                <c:pt idx="1072">
                  <c:v>29.720000000001701</c:v>
                </c:pt>
                <c:pt idx="1073">
                  <c:v>29.730000000001699</c:v>
                </c:pt>
                <c:pt idx="1074">
                  <c:v>29.7400000000017</c:v>
                </c:pt>
                <c:pt idx="1075">
                  <c:v>29.750000000001702</c:v>
                </c:pt>
                <c:pt idx="1076">
                  <c:v>29.7600000000017</c:v>
                </c:pt>
                <c:pt idx="1077">
                  <c:v>29.770000000001701</c:v>
                </c:pt>
                <c:pt idx="1078">
                  <c:v>29.780000000001699</c:v>
                </c:pt>
                <c:pt idx="1079">
                  <c:v>29.790000000001701</c:v>
                </c:pt>
                <c:pt idx="1080">
                  <c:v>29.800000000001699</c:v>
                </c:pt>
                <c:pt idx="1081">
                  <c:v>29.8100000000017</c:v>
                </c:pt>
                <c:pt idx="1082">
                  <c:v>29.820000000001698</c:v>
                </c:pt>
                <c:pt idx="1083">
                  <c:v>29.8300000000017</c:v>
                </c:pt>
                <c:pt idx="1084">
                  <c:v>29.840000000001702</c:v>
                </c:pt>
                <c:pt idx="1085">
                  <c:v>29.8500000000017</c:v>
                </c:pt>
                <c:pt idx="1086">
                  <c:v>29.860000000001701</c:v>
                </c:pt>
                <c:pt idx="1087">
                  <c:v>29.870000000001699</c:v>
                </c:pt>
                <c:pt idx="1088">
                  <c:v>29.880000000001701</c:v>
                </c:pt>
                <c:pt idx="1089">
                  <c:v>29.890000000001699</c:v>
                </c:pt>
                <c:pt idx="1090">
                  <c:v>29.9000000000017</c:v>
                </c:pt>
                <c:pt idx="1091">
                  <c:v>29.910000000001698</c:v>
                </c:pt>
                <c:pt idx="1092">
                  <c:v>29.9200000000017</c:v>
                </c:pt>
                <c:pt idx="1093">
                  <c:v>29.930000000001701</c:v>
                </c:pt>
                <c:pt idx="1094">
                  <c:v>29.940000000001699</c:v>
                </c:pt>
                <c:pt idx="1095">
                  <c:v>29.950000000001701</c:v>
                </c:pt>
                <c:pt idx="1096">
                  <c:v>29.960000000001699</c:v>
                </c:pt>
                <c:pt idx="1097">
                  <c:v>29.970000000001701</c:v>
                </c:pt>
                <c:pt idx="1098">
                  <c:v>29.980000000001699</c:v>
                </c:pt>
                <c:pt idx="1099">
                  <c:v>29.9900000000017</c:v>
                </c:pt>
                <c:pt idx="1100">
                  <c:v>30.000000000001702</c:v>
                </c:pt>
                <c:pt idx="1101">
                  <c:v>30.0100000000017</c:v>
                </c:pt>
                <c:pt idx="1102">
                  <c:v>30.020000000001701</c:v>
                </c:pt>
                <c:pt idx="1103">
                  <c:v>30.030000000001699</c:v>
                </c:pt>
                <c:pt idx="1104">
                  <c:v>30.040000000001701</c:v>
                </c:pt>
                <c:pt idx="1105">
                  <c:v>30.050000000001699</c:v>
                </c:pt>
                <c:pt idx="1106">
                  <c:v>30.0600000000017</c:v>
                </c:pt>
                <c:pt idx="1107">
                  <c:v>30.070000000001698</c:v>
                </c:pt>
                <c:pt idx="1108">
                  <c:v>30.0800000000017</c:v>
                </c:pt>
                <c:pt idx="1109">
                  <c:v>30.090000000001702</c:v>
                </c:pt>
                <c:pt idx="1110">
                  <c:v>30.1000000000017</c:v>
                </c:pt>
                <c:pt idx="1111">
                  <c:v>30.110000000001701</c:v>
                </c:pt>
                <c:pt idx="1112">
                  <c:v>30.120000000001699</c:v>
                </c:pt>
                <c:pt idx="1113">
                  <c:v>30.130000000001701</c:v>
                </c:pt>
                <c:pt idx="1114">
                  <c:v>30.140000000001699</c:v>
                </c:pt>
                <c:pt idx="1115">
                  <c:v>30.1500000000017</c:v>
                </c:pt>
                <c:pt idx="1116">
                  <c:v>30.160000000001698</c:v>
                </c:pt>
                <c:pt idx="1117">
                  <c:v>30.1700000000017</c:v>
                </c:pt>
                <c:pt idx="1118">
                  <c:v>30.180000000001701</c:v>
                </c:pt>
                <c:pt idx="1119">
                  <c:v>30.190000000001699</c:v>
                </c:pt>
                <c:pt idx="1120">
                  <c:v>30.200000000001801</c:v>
                </c:pt>
                <c:pt idx="1121">
                  <c:v>30.210000000001799</c:v>
                </c:pt>
                <c:pt idx="1122">
                  <c:v>30.2200000000018</c:v>
                </c:pt>
                <c:pt idx="1123">
                  <c:v>30.230000000001802</c:v>
                </c:pt>
                <c:pt idx="1124">
                  <c:v>30.2400000000018</c:v>
                </c:pt>
                <c:pt idx="1125">
                  <c:v>30.250000000001801</c:v>
                </c:pt>
                <c:pt idx="1126">
                  <c:v>30.260000000001799</c:v>
                </c:pt>
                <c:pt idx="1127">
                  <c:v>30.270000000001801</c:v>
                </c:pt>
                <c:pt idx="1128">
                  <c:v>30.280000000001799</c:v>
                </c:pt>
                <c:pt idx="1129">
                  <c:v>30.2900000000018</c:v>
                </c:pt>
                <c:pt idx="1130">
                  <c:v>30.300000000001798</c:v>
                </c:pt>
                <c:pt idx="1131">
                  <c:v>30.3100000000018</c:v>
                </c:pt>
                <c:pt idx="1132">
                  <c:v>30.320000000001802</c:v>
                </c:pt>
                <c:pt idx="1133">
                  <c:v>30.3300000000018</c:v>
                </c:pt>
                <c:pt idx="1134">
                  <c:v>30.340000000001801</c:v>
                </c:pt>
                <c:pt idx="1135">
                  <c:v>30.350000000001799</c:v>
                </c:pt>
                <c:pt idx="1136">
                  <c:v>30.360000000001801</c:v>
                </c:pt>
                <c:pt idx="1137">
                  <c:v>30.370000000001799</c:v>
                </c:pt>
                <c:pt idx="1138">
                  <c:v>30.3800000000018</c:v>
                </c:pt>
                <c:pt idx="1139">
                  <c:v>30.390000000001798</c:v>
                </c:pt>
                <c:pt idx="1140">
                  <c:v>30.4000000000018</c:v>
                </c:pt>
                <c:pt idx="1141">
                  <c:v>30.410000000001801</c:v>
                </c:pt>
                <c:pt idx="1142">
                  <c:v>30.420000000001799</c:v>
                </c:pt>
                <c:pt idx="1143">
                  <c:v>30.430000000001801</c:v>
                </c:pt>
                <c:pt idx="1144">
                  <c:v>30.440000000001799</c:v>
                </c:pt>
                <c:pt idx="1145">
                  <c:v>30.450000000001801</c:v>
                </c:pt>
                <c:pt idx="1146">
                  <c:v>30.460000000001799</c:v>
                </c:pt>
                <c:pt idx="1147">
                  <c:v>30.4700000000018</c:v>
                </c:pt>
                <c:pt idx="1148">
                  <c:v>30.480000000001802</c:v>
                </c:pt>
                <c:pt idx="1149">
                  <c:v>30.4900000000018</c:v>
                </c:pt>
                <c:pt idx="1150">
                  <c:v>30.500000000001801</c:v>
                </c:pt>
                <c:pt idx="1151">
                  <c:v>30.510000000001799</c:v>
                </c:pt>
                <c:pt idx="1152">
                  <c:v>30.520000000001801</c:v>
                </c:pt>
                <c:pt idx="1153">
                  <c:v>30.530000000001799</c:v>
                </c:pt>
                <c:pt idx="1154">
                  <c:v>30.5400000000018</c:v>
                </c:pt>
                <c:pt idx="1155">
                  <c:v>30.550000000001798</c:v>
                </c:pt>
                <c:pt idx="1156">
                  <c:v>30.5600000000018</c:v>
                </c:pt>
                <c:pt idx="1157">
                  <c:v>30.570000000001802</c:v>
                </c:pt>
                <c:pt idx="1158">
                  <c:v>30.5800000000018</c:v>
                </c:pt>
                <c:pt idx="1159">
                  <c:v>30.590000000001801</c:v>
                </c:pt>
                <c:pt idx="1160">
                  <c:v>30.600000000001799</c:v>
                </c:pt>
                <c:pt idx="1161">
                  <c:v>30.610000000001801</c:v>
                </c:pt>
                <c:pt idx="1162">
                  <c:v>30.620000000001799</c:v>
                </c:pt>
                <c:pt idx="1163">
                  <c:v>30.6300000000018</c:v>
                </c:pt>
                <c:pt idx="1164">
                  <c:v>30.640000000001798</c:v>
                </c:pt>
                <c:pt idx="1165">
                  <c:v>30.6500000000018</c:v>
                </c:pt>
                <c:pt idx="1166">
                  <c:v>30.660000000001801</c:v>
                </c:pt>
                <c:pt idx="1167">
                  <c:v>30.670000000001799</c:v>
                </c:pt>
                <c:pt idx="1168">
                  <c:v>30.680000000001801</c:v>
                </c:pt>
                <c:pt idx="1169">
                  <c:v>30.690000000001799</c:v>
                </c:pt>
                <c:pt idx="1170">
                  <c:v>30.700000000001801</c:v>
                </c:pt>
                <c:pt idx="1171">
                  <c:v>30.710000000001799</c:v>
                </c:pt>
                <c:pt idx="1172">
                  <c:v>30.7200000000018</c:v>
                </c:pt>
                <c:pt idx="1173">
                  <c:v>30.730000000001802</c:v>
                </c:pt>
                <c:pt idx="1174">
                  <c:v>30.7400000000018</c:v>
                </c:pt>
                <c:pt idx="1175">
                  <c:v>30.750000000001801</c:v>
                </c:pt>
                <c:pt idx="1176">
                  <c:v>30.760000000001799</c:v>
                </c:pt>
                <c:pt idx="1177">
                  <c:v>30.770000000001801</c:v>
                </c:pt>
                <c:pt idx="1178">
                  <c:v>30.780000000001799</c:v>
                </c:pt>
                <c:pt idx="1179">
                  <c:v>30.7900000000018</c:v>
                </c:pt>
                <c:pt idx="1180">
                  <c:v>30.800000000001798</c:v>
                </c:pt>
                <c:pt idx="1181">
                  <c:v>30.8100000000018</c:v>
                </c:pt>
                <c:pt idx="1182">
                  <c:v>30.820000000001802</c:v>
                </c:pt>
                <c:pt idx="1183">
                  <c:v>30.8300000000018</c:v>
                </c:pt>
                <c:pt idx="1184">
                  <c:v>30.840000000001901</c:v>
                </c:pt>
                <c:pt idx="1185">
                  <c:v>30.850000000001899</c:v>
                </c:pt>
                <c:pt idx="1186">
                  <c:v>30.8600000000019</c:v>
                </c:pt>
                <c:pt idx="1187">
                  <c:v>30.870000000001902</c:v>
                </c:pt>
                <c:pt idx="1188">
                  <c:v>30.8800000000019</c:v>
                </c:pt>
                <c:pt idx="1189">
                  <c:v>30.890000000001901</c:v>
                </c:pt>
                <c:pt idx="1190">
                  <c:v>30.900000000001899</c:v>
                </c:pt>
                <c:pt idx="1191">
                  <c:v>30.910000000001901</c:v>
                </c:pt>
                <c:pt idx="1192">
                  <c:v>30.920000000001899</c:v>
                </c:pt>
                <c:pt idx="1193">
                  <c:v>30.9300000000019</c:v>
                </c:pt>
                <c:pt idx="1194">
                  <c:v>30.940000000001898</c:v>
                </c:pt>
                <c:pt idx="1195">
                  <c:v>30.9500000000019</c:v>
                </c:pt>
                <c:pt idx="1196">
                  <c:v>30.960000000001902</c:v>
                </c:pt>
                <c:pt idx="1197">
                  <c:v>30.9700000000019</c:v>
                </c:pt>
                <c:pt idx="1198">
                  <c:v>30.980000000001901</c:v>
                </c:pt>
                <c:pt idx="1199">
                  <c:v>30.990000000001899</c:v>
                </c:pt>
                <c:pt idx="1200">
                  <c:v>31.000000000001901</c:v>
                </c:pt>
                <c:pt idx="1201">
                  <c:v>31.010000000001899</c:v>
                </c:pt>
                <c:pt idx="1202">
                  <c:v>31.0200000000019</c:v>
                </c:pt>
                <c:pt idx="1203">
                  <c:v>31.030000000001898</c:v>
                </c:pt>
                <c:pt idx="1204">
                  <c:v>31.0400000000019</c:v>
                </c:pt>
                <c:pt idx="1205">
                  <c:v>31.050000000001901</c:v>
                </c:pt>
                <c:pt idx="1206">
                  <c:v>31.060000000001899</c:v>
                </c:pt>
                <c:pt idx="1207">
                  <c:v>31.070000000001901</c:v>
                </c:pt>
                <c:pt idx="1208">
                  <c:v>31.080000000001899</c:v>
                </c:pt>
                <c:pt idx="1209">
                  <c:v>31.090000000001901</c:v>
                </c:pt>
                <c:pt idx="1210">
                  <c:v>31.100000000001899</c:v>
                </c:pt>
                <c:pt idx="1211">
                  <c:v>31.1100000000019</c:v>
                </c:pt>
                <c:pt idx="1212">
                  <c:v>31.120000000001902</c:v>
                </c:pt>
                <c:pt idx="1213">
                  <c:v>31.1300000000019</c:v>
                </c:pt>
                <c:pt idx="1214">
                  <c:v>31.140000000001901</c:v>
                </c:pt>
                <c:pt idx="1215">
                  <c:v>31.150000000001899</c:v>
                </c:pt>
                <c:pt idx="1216">
                  <c:v>31.160000000001901</c:v>
                </c:pt>
                <c:pt idx="1217">
                  <c:v>31.170000000001899</c:v>
                </c:pt>
                <c:pt idx="1218">
                  <c:v>31.1800000000019</c:v>
                </c:pt>
                <c:pt idx="1219">
                  <c:v>31.190000000001898</c:v>
                </c:pt>
                <c:pt idx="1220">
                  <c:v>31.2000000000019</c:v>
                </c:pt>
                <c:pt idx="1221">
                  <c:v>31.210000000001902</c:v>
                </c:pt>
                <c:pt idx="1222">
                  <c:v>31.2200000000019</c:v>
                </c:pt>
                <c:pt idx="1223">
                  <c:v>31.230000000001901</c:v>
                </c:pt>
                <c:pt idx="1224">
                  <c:v>31.240000000001899</c:v>
                </c:pt>
                <c:pt idx="1225">
                  <c:v>31.250000000001901</c:v>
                </c:pt>
                <c:pt idx="1226">
                  <c:v>31.260000000001899</c:v>
                </c:pt>
                <c:pt idx="1227">
                  <c:v>31.2700000000019</c:v>
                </c:pt>
                <c:pt idx="1228">
                  <c:v>31.280000000001898</c:v>
                </c:pt>
                <c:pt idx="1229">
                  <c:v>31.2900000000019</c:v>
                </c:pt>
                <c:pt idx="1230">
                  <c:v>31.300000000001901</c:v>
                </c:pt>
                <c:pt idx="1231">
                  <c:v>31.310000000001899</c:v>
                </c:pt>
                <c:pt idx="1232">
                  <c:v>31.320000000001901</c:v>
                </c:pt>
                <c:pt idx="1233">
                  <c:v>31.330000000001899</c:v>
                </c:pt>
                <c:pt idx="1234">
                  <c:v>31.340000000001901</c:v>
                </c:pt>
                <c:pt idx="1235">
                  <c:v>31.350000000001899</c:v>
                </c:pt>
                <c:pt idx="1236">
                  <c:v>31.3600000000019</c:v>
                </c:pt>
                <c:pt idx="1237">
                  <c:v>31.370000000001902</c:v>
                </c:pt>
                <c:pt idx="1238">
                  <c:v>31.3800000000019</c:v>
                </c:pt>
                <c:pt idx="1239">
                  <c:v>31.390000000001901</c:v>
                </c:pt>
                <c:pt idx="1240">
                  <c:v>31.400000000001899</c:v>
                </c:pt>
                <c:pt idx="1241">
                  <c:v>31.410000000001901</c:v>
                </c:pt>
                <c:pt idx="1242">
                  <c:v>31.420000000001899</c:v>
                </c:pt>
                <c:pt idx="1243">
                  <c:v>31.4300000000019</c:v>
                </c:pt>
                <c:pt idx="1244">
                  <c:v>31.440000000001898</c:v>
                </c:pt>
                <c:pt idx="1245">
                  <c:v>31.4500000000019</c:v>
                </c:pt>
                <c:pt idx="1246">
                  <c:v>31.460000000001902</c:v>
                </c:pt>
                <c:pt idx="1247">
                  <c:v>31.4700000000019</c:v>
                </c:pt>
                <c:pt idx="1248">
                  <c:v>31.480000000002001</c:v>
                </c:pt>
                <c:pt idx="1249">
                  <c:v>31.490000000001999</c:v>
                </c:pt>
                <c:pt idx="1250">
                  <c:v>31.500000000002</c:v>
                </c:pt>
                <c:pt idx="1251">
                  <c:v>31.510000000002002</c:v>
                </c:pt>
                <c:pt idx="1252">
                  <c:v>31.520000000002</c:v>
                </c:pt>
                <c:pt idx="1253">
                  <c:v>31.530000000002001</c:v>
                </c:pt>
                <c:pt idx="1254">
                  <c:v>31.540000000001999</c:v>
                </c:pt>
                <c:pt idx="1255">
                  <c:v>31.550000000002001</c:v>
                </c:pt>
                <c:pt idx="1256">
                  <c:v>31.560000000001999</c:v>
                </c:pt>
                <c:pt idx="1257">
                  <c:v>31.570000000002</c:v>
                </c:pt>
                <c:pt idx="1258">
                  <c:v>31.580000000001998</c:v>
                </c:pt>
                <c:pt idx="1259">
                  <c:v>31.590000000002</c:v>
                </c:pt>
                <c:pt idx="1260">
                  <c:v>31.600000000002002</c:v>
                </c:pt>
                <c:pt idx="1261">
                  <c:v>31.610000000002</c:v>
                </c:pt>
                <c:pt idx="1262">
                  <c:v>31.620000000002001</c:v>
                </c:pt>
                <c:pt idx="1263">
                  <c:v>31.630000000001999</c:v>
                </c:pt>
                <c:pt idx="1264">
                  <c:v>31.640000000002001</c:v>
                </c:pt>
                <c:pt idx="1265">
                  <c:v>31.650000000001999</c:v>
                </c:pt>
                <c:pt idx="1266">
                  <c:v>31.660000000002</c:v>
                </c:pt>
                <c:pt idx="1267">
                  <c:v>31.670000000001998</c:v>
                </c:pt>
                <c:pt idx="1268">
                  <c:v>31.680000000002</c:v>
                </c:pt>
                <c:pt idx="1269">
                  <c:v>31.690000000002001</c:v>
                </c:pt>
                <c:pt idx="1270">
                  <c:v>31.700000000001999</c:v>
                </c:pt>
                <c:pt idx="1271">
                  <c:v>31.710000000002001</c:v>
                </c:pt>
                <c:pt idx="1272">
                  <c:v>31.720000000001999</c:v>
                </c:pt>
                <c:pt idx="1273">
                  <c:v>31.730000000002001</c:v>
                </c:pt>
                <c:pt idx="1274">
                  <c:v>31.740000000001999</c:v>
                </c:pt>
                <c:pt idx="1275">
                  <c:v>31.750000000002</c:v>
                </c:pt>
                <c:pt idx="1276">
                  <c:v>31.760000000002002</c:v>
                </c:pt>
                <c:pt idx="1277">
                  <c:v>31.770000000002</c:v>
                </c:pt>
                <c:pt idx="1278">
                  <c:v>31.780000000002001</c:v>
                </c:pt>
                <c:pt idx="1279">
                  <c:v>31.790000000001999</c:v>
                </c:pt>
                <c:pt idx="1280">
                  <c:v>31.800000000002001</c:v>
                </c:pt>
                <c:pt idx="1281">
                  <c:v>31.810000000001999</c:v>
                </c:pt>
                <c:pt idx="1282">
                  <c:v>31.820000000002</c:v>
                </c:pt>
                <c:pt idx="1283">
                  <c:v>31.830000000001998</c:v>
                </c:pt>
                <c:pt idx="1284">
                  <c:v>31.840000000002</c:v>
                </c:pt>
                <c:pt idx="1285">
                  <c:v>31.850000000002002</c:v>
                </c:pt>
                <c:pt idx="1286">
                  <c:v>31.860000000002</c:v>
                </c:pt>
                <c:pt idx="1287">
                  <c:v>31.870000000002001</c:v>
                </c:pt>
                <c:pt idx="1288">
                  <c:v>31.880000000001999</c:v>
                </c:pt>
                <c:pt idx="1289">
                  <c:v>31.890000000002001</c:v>
                </c:pt>
                <c:pt idx="1290">
                  <c:v>31.900000000001999</c:v>
                </c:pt>
                <c:pt idx="1291">
                  <c:v>31.910000000002</c:v>
                </c:pt>
                <c:pt idx="1292">
                  <c:v>31.920000000001998</c:v>
                </c:pt>
                <c:pt idx="1293">
                  <c:v>31.930000000002</c:v>
                </c:pt>
                <c:pt idx="1294">
                  <c:v>31.940000000002001</c:v>
                </c:pt>
                <c:pt idx="1295">
                  <c:v>31.950000000001999</c:v>
                </c:pt>
                <c:pt idx="1296">
                  <c:v>31.960000000002001</c:v>
                </c:pt>
                <c:pt idx="1297">
                  <c:v>31.970000000001999</c:v>
                </c:pt>
                <c:pt idx="1298">
                  <c:v>31.980000000002001</c:v>
                </c:pt>
                <c:pt idx="1299">
                  <c:v>31.990000000001999</c:v>
                </c:pt>
                <c:pt idx="1300">
                  <c:v>32.000000000001997</c:v>
                </c:pt>
                <c:pt idx="1301">
                  <c:v>32.010000000002002</c:v>
                </c:pt>
                <c:pt idx="1302">
                  <c:v>32.020000000002</c:v>
                </c:pt>
                <c:pt idx="1303">
                  <c:v>32.030000000001998</c:v>
                </c:pt>
                <c:pt idx="1304">
                  <c:v>32.040000000002003</c:v>
                </c:pt>
                <c:pt idx="1305">
                  <c:v>32.050000000002001</c:v>
                </c:pt>
                <c:pt idx="1306">
                  <c:v>32.060000000001999</c:v>
                </c:pt>
                <c:pt idx="1307">
                  <c:v>32.070000000001997</c:v>
                </c:pt>
                <c:pt idx="1308">
                  <c:v>32.080000000002002</c:v>
                </c:pt>
                <c:pt idx="1309">
                  <c:v>32.090000000002</c:v>
                </c:pt>
                <c:pt idx="1310">
                  <c:v>32.100000000001998</c:v>
                </c:pt>
                <c:pt idx="1311">
                  <c:v>32.110000000002003</c:v>
                </c:pt>
                <c:pt idx="1312">
                  <c:v>32.120000000002101</c:v>
                </c:pt>
                <c:pt idx="1313">
                  <c:v>32.130000000002099</c:v>
                </c:pt>
                <c:pt idx="1314">
                  <c:v>32.140000000002097</c:v>
                </c:pt>
                <c:pt idx="1315">
                  <c:v>32.150000000002102</c:v>
                </c:pt>
                <c:pt idx="1316">
                  <c:v>32.1600000000021</c:v>
                </c:pt>
                <c:pt idx="1317">
                  <c:v>32.170000000002098</c:v>
                </c:pt>
                <c:pt idx="1318">
                  <c:v>32.180000000002103</c:v>
                </c:pt>
                <c:pt idx="1319">
                  <c:v>32.190000000002101</c:v>
                </c:pt>
                <c:pt idx="1320">
                  <c:v>32.200000000002099</c:v>
                </c:pt>
                <c:pt idx="1321">
                  <c:v>32.210000000002097</c:v>
                </c:pt>
                <c:pt idx="1322">
                  <c:v>32.220000000002102</c:v>
                </c:pt>
                <c:pt idx="1323">
                  <c:v>32.2300000000021</c:v>
                </c:pt>
                <c:pt idx="1324">
                  <c:v>32.240000000002098</c:v>
                </c:pt>
                <c:pt idx="1325">
                  <c:v>32.250000000002103</c:v>
                </c:pt>
                <c:pt idx="1326">
                  <c:v>32.260000000002101</c:v>
                </c:pt>
                <c:pt idx="1327">
                  <c:v>32.270000000002099</c:v>
                </c:pt>
                <c:pt idx="1328">
                  <c:v>32.280000000002097</c:v>
                </c:pt>
                <c:pt idx="1329">
                  <c:v>32.290000000002102</c:v>
                </c:pt>
                <c:pt idx="1330">
                  <c:v>32.3000000000021</c:v>
                </c:pt>
                <c:pt idx="1331">
                  <c:v>32.310000000002098</c:v>
                </c:pt>
                <c:pt idx="1332">
                  <c:v>32.320000000002103</c:v>
                </c:pt>
                <c:pt idx="1333">
                  <c:v>32.330000000002102</c:v>
                </c:pt>
                <c:pt idx="1334">
                  <c:v>32.3400000000021</c:v>
                </c:pt>
                <c:pt idx="1335">
                  <c:v>32.350000000002098</c:v>
                </c:pt>
                <c:pt idx="1336">
                  <c:v>32.360000000002103</c:v>
                </c:pt>
                <c:pt idx="1337">
                  <c:v>32.370000000002101</c:v>
                </c:pt>
                <c:pt idx="1338">
                  <c:v>32.380000000002099</c:v>
                </c:pt>
                <c:pt idx="1339">
                  <c:v>32.390000000002097</c:v>
                </c:pt>
                <c:pt idx="1340">
                  <c:v>32.400000000002102</c:v>
                </c:pt>
                <c:pt idx="1341">
                  <c:v>32.4100000000021</c:v>
                </c:pt>
                <c:pt idx="1342">
                  <c:v>32.420000000002098</c:v>
                </c:pt>
                <c:pt idx="1343">
                  <c:v>32.430000000002103</c:v>
                </c:pt>
                <c:pt idx="1344">
                  <c:v>32.440000000002101</c:v>
                </c:pt>
                <c:pt idx="1345">
                  <c:v>32.450000000002099</c:v>
                </c:pt>
                <c:pt idx="1346">
                  <c:v>32.460000000002097</c:v>
                </c:pt>
                <c:pt idx="1347">
                  <c:v>32.470000000002102</c:v>
                </c:pt>
                <c:pt idx="1348">
                  <c:v>32.4800000000021</c:v>
                </c:pt>
                <c:pt idx="1349">
                  <c:v>32.490000000002098</c:v>
                </c:pt>
                <c:pt idx="1350">
                  <c:v>32.500000000002103</c:v>
                </c:pt>
                <c:pt idx="1351">
                  <c:v>32.510000000002101</c:v>
                </c:pt>
                <c:pt idx="1352">
                  <c:v>32.520000000002099</c:v>
                </c:pt>
                <c:pt idx="1353">
                  <c:v>32.530000000002097</c:v>
                </c:pt>
                <c:pt idx="1354">
                  <c:v>32.540000000002102</c:v>
                </c:pt>
                <c:pt idx="1355">
                  <c:v>32.5500000000021</c:v>
                </c:pt>
                <c:pt idx="1356">
                  <c:v>32.560000000002098</c:v>
                </c:pt>
                <c:pt idx="1357">
                  <c:v>32.570000000002103</c:v>
                </c:pt>
                <c:pt idx="1358">
                  <c:v>32.580000000002102</c:v>
                </c:pt>
                <c:pt idx="1359">
                  <c:v>32.5900000000021</c:v>
                </c:pt>
                <c:pt idx="1360">
                  <c:v>32.600000000002098</c:v>
                </c:pt>
                <c:pt idx="1361">
                  <c:v>32.610000000002103</c:v>
                </c:pt>
                <c:pt idx="1362">
                  <c:v>32.620000000002101</c:v>
                </c:pt>
                <c:pt idx="1363">
                  <c:v>32.630000000002099</c:v>
                </c:pt>
                <c:pt idx="1364">
                  <c:v>32.640000000002097</c:v>
                </c:pt>
                <c:pt idx="1365">
                  <c:v>32.650000000002102</c:v>
                </c:pt>
                <c:pt idx="1366">
                  <c:v>32.6600000000021</c:v>
                </c:pt>
                <c:pt idx="1367">
                  <c:v>32.670000000002098</c:v>
                </c:pt>
                <c:pt idx="1368">
                  <c:v>32.680000000002103</c:v>
                </c:pt>
                <c:pt idx="1369">
                  <c:v>32.690000000002101</c:v>
                </c:pt>
                <c:pt idx="1370">
                  <c:v>32.700000000002099</c:v>
                </c:pt>
                <c:pt idx="1371">
                  <c:v>32.710000000002097</c:v>
                </c:pt>
                <c:pt idx="1372">
                  <c:v>32.720000000002102</c:v>
                </c:pt>
                <c:pt idx="1373">
                  <c:v>32.7300000000021</c:v>
                </c:pt>
                <c:pt idx="1374">
                  <c:v>32.740000000002098</c:v>
                </c:pt>
                <c:pt idx="1375">
                  <c:v>32.750000000002103</c:v>
                </c:pt>
                <c:pt idx="1376">
                  <c:v>32.760000000002201</c:v>
                </c:pt>
                <c:pt idx="1377">
                  <c:v>32.770000000002199</c:v>
                </c:pt>
                <c:pt idx="1378">
                  <c:v>32.780000000002197</c:v>
                </c:pt>
                <c:pt idx="1379">
                  <c:v>32.790000000002202</c:v>
                </c:pt>
                <c:pt idx="1380">
                  <c:v>32.8000000000022</c:v>
                </c:pt>
                <c:pt idx="1381">
                  <c:v>32.810000000002198</c:v>
                </c:pt>
                <c:pt idx="1382">
                  <c:v>32.820000000002203</c:v>
                </c:pt>
                <c:pt idx="1383">
                  <c:v>32.830000000002201</c:v>
                </c:pt>
                <c:pt idx="1384">
                  <c:v>32.840000000002199</c:v>
                </c:pt>
                <c:pt idx="1385">
                  <c:v>32.850000000002197</c:v>
                </c:pt>
                <c:pt idx="1386">
                  <c:v>32.860000000002202</c:v>
                </c:pt>
                <c:pt idx="1387">
                  <c:v>32.8700000000022</c:v>
                </c:pt>
                <c:pt idx="1388">
                  <c:v>32.880000000002198</c:v>
                </c:pt>
                <c:pt idx="1389">
                  <c:v>32.890000000002203</c:v>
                </c:pt>
                <c:pt idx="1390">
                  <c:v>32.900000000002201</c:v>
                </c:pt>
                <c:pt idx="1391">
                  <c:v>32.910000000002199</c:v>
                </c:pt>
                <c:pt idx="1392">
                  <c:v>32.920000000002197</c:v>
                </c:pt>
                <c:pt idx="1393">
                  <c:v>32.930000000002202</c:v>
                </c:pt>
                <c:pt idx="1394">
                  <c:v>32.9400000000022</c:v>
                </c:pt>
                <c:pt idx="1395">
                  <c:v>32.950000000002198</c:v>
                </c:pt>
                <c:pt idx="1396">
                  <c:v>32.960000000002204</c:v>
                </c:pt>
                <c:pt idx="1397">
                  <c:v>32.970000000002202</c:v>
                </c:pt>
                <c:pt idx="1398">
                  <c:v>32.9800000000022</c:v>
                </c:pt>
                <c:pt idx="1399">
                  <c:v>32.990000000002198</c:v>
                </c:pt>
                <c:pt idx="1400">
                  <c:v>33.000000000002203</c:v>
                </c:pt>
                <c:pt idx="1401">
                  <c:v>33.010000000002201</c:v>
                </c:pt>
                <c:pt idx="1402">
                  <c:v>33.020000000002199</c:v>
                </c:pt>
                <c:pt idx="1403">
                  <c:v>33.030000000002197</c:v>
                </c:pt>
                <c:pt idx="1404">
                  <c:v>33.040000000002202</c:v>
                </c:pt>
                <c:pt idx="1405">
                  <c:v>33.0500000000022</c:v>
                </c:pt>
                <c:pt idx="1406">
                  <c:v>33.060000000002198</c:v>
                </c:pt>
                <c:pt idx="1407">
                  <c:v>33.070000000002203</c:v>
                </c:pt>
                <c:pt idx="1408">
                  <c:v>33.080000000002201</c:v>
                </c:pt>
                <c:pt idx="1409">
                  <c:v>33.090000000002199</c:v>
                </c:pt>
                <c:pt idx="1410">
                  <c:v>33.100000000002197</c:v>
                </c:pt>
                <c:pt idx="1411">
                  <c:v>33.110000000002202</c:v>
                </c:pt>
                <c:pt idx="1412">
                  <c:v>33.1200000000022</c:v>
                </c:pt>
                <c:pt idx="1413">
                  <c:v>33.130000000002198</c:v>
                </c:pt>
                <c:pt idx="1414">
                  <c:v>33.140000000002203</c:v>
                </c:pt>
                <c:pt idx="1415">
                  <c:v>33.150000000002201</c:v>
                </c:pt>
                <c:pt idx="1416">
                  <c:v>33.160000000002199</c:v>
                </c:pt>
                <c:pt idx="1417">
                  <c:v>33.170000000002197</c:v>
                </c:pt>
                <c:pt idx="1418">
                  <c:v>33.180000000002202</c:v>
                </c:pt>
                <c:pt idx="1419">
                  <c:v>33.1900000000022</c:v>
                </c:pt>
                <c:pt idx="1420">
                  <c:v>33.200000000002198</c:v>
                </c:pt>
                <c:pt idx="1421">
                  <c:v>33.210000000002204</c:v>
                </c:pt>
                <c:pt idx="1422">
                  <c:v>33.220000000002202</c:v>
                </c:pt>
                <c:pt idx="1423">
                  <c:v>33.2300000000022</c:v>
                </c:pt>
                <c:pt idx="1424">
                  <c:v>33.240000000002198</c:v>
                </c:pt>
                <c:pt idx="1425">
                  <c:v>33.250000000002203</c:v>
                </c:pt>
                <c:pt idx="1426">
                  <c:v>33.260000000002201</c:v>
                </c:pt>
                <c:pt idx="1427">
                  <c:v>33.270000000002199</c:v>
                </c:pt>
                <c:pt idx="1428">
                  <c:v>33.280000000002197</c:v>
                </c:pt>
                <c:pt idx="1429">
                  <c:v>33.290000000002202</c:v>
                </c:pt>
                <c:pt idx="1430">
                  <c:v>33.3000000000022</c:v>
                </c:pt>
                <c:pt idx="1431">
                  <c:v>33.310000000002198</c:v>
                </c:pt>
                <c:pt idx="1432">
                  <c:v>33.320000000002203</c:v>
                </c:pt>
                <c:pt idx="1433">
                  <c:v>33.330000000002201</c:v>
                </c:pt>
                <c:pt idx="1434">
                  <c:v>33.340000000002199</c:v>
                </c:pt>
                <c:pt idx="1435">
                  <c:v>33.350000000002197</c:v>
                </c:pt>
                <c:pt idx="1436">
                  <c:v>33.360000000002202</c:v>
                </c:pt>
                <c:pt idx="1437">
                  <c:v>33.3700000000022</c:v>
                </c:pt>
                <c:pt idx="1438">
                  <c:v>33.380000000002198</c:v>
                </c:pt>
                <c:pt idx="1439">
                  <c:v>33.390000000002203</c:v>
                </c:pt>
                <c:pt idx="1440">
                  <c:v>33.400000000002301</c:v>
                </c:pt>
                <c:pt idx="1441">
                  <c:v>33.410000000002299</c:v>
                </c:pt>
                <c:pt idx="1442">
                  <c:v>33.420000000002297</c:v>
                </c:pt>
                <c:pt idx="1443">
                  <c:v>33.430000000002302</c:v>
                </c:pt>
                <c:pt idx="1444">
                  <c:v>33.4400000000023</c:v>
                </c:pt>
                <c:pt idx="1445">
                  <c:v>33.450000000002298</c:v>
                </c:pt>
                <c:pt idx="1446">
                  <c:v>33.460000000002303</c:v>
                </c:pt>
                <c:pt idx="1447">
                  <c:v>33.470000000002301</c:v>
                </c:pt>
                <c:pt idx="1448">
                  <c:v>33.480000000002299</c:v>
                </c:pt>
                <c:pt idx="1449">
                  <c:v>33.490000000002297</c:v>
                </c:pt>
                <c:pt idx="1450">
                  <c:v>33.500000000002302</c:v>
                </c:pt>
                <c:pt idx="1451">
                  <c:v>33.5100000000023</c:v>
                </c:pt>
                <c:pt idx="1452">
                  <c:v>33.520000000002298</c:v>
                </c:pt>
                <c:pt idx="1453">
                  <c:v>33.530000000002303</c:v>
                </c:pt>
                <c:pt idx="1454">
                  <c:v>33.540000000002301</c:v>
                </c:pt>
                <c:pt idx="1455">
                  <c:v>33.550000000002299</c:v>
                </c:pt>
                <c:pt idx="1456">
                  <c:v>33.560000000002297</c:v>
                </c:pt>
                <c:pt idx="1457">
                  <c:v>33.570000000002302</c:v>
                </c:pt>
                <c:pt idx="1458">
                  <c:v>33.5800000000023</c:v>
                </c:pt>
                <c:pt idx="1459">
                  <c:v>33.590000000002298</c:v>
                </c:pt>
                <c:pt idx="1460">
                  <c:v>33.600000000002296</c:v>
                </c:pt>
                <c:pt idx="1461">
                  <c:v>33.610000000002302</c:v>
                </c:pt>
                <c:pt idx="1462">
                  <c:v>33.6200000000023</c:v>
                </c:pt>
                <c:pt idx="1463">
                  <c:v>33.630000000002298</c:v>
                </c:pt>
                <c:pt idx="1464">
                  <c:v>33.640000000002303</c:v>
                </c:pt>
                <c:pt idx="1465">
                  <c:v>33.650000000002301</c:v>
                </c:pt>
                <c:pt idx="1466">
                  <c:v>33.660000000002299</c:v>
                </c:pt>
                <c:pt idx="1467">
                  <c:v>33.670000000002297</c:v>
                </c:pt>
                <c:pt idx="1468">
                  <c:v>33.680000000002302</c:v>
                </c:pt>
                <c:pt idx="1469">
                  <c:v>33.6900000000023</c:v>
                </c:pt>
                <c:pt idx="1470">
                  <c:v>33.700000000002298</c:v>
                </c:pt>
                <c:pt idx="1471">
                  <c:v>33.710000000002303</c:v>
                </c:pt>
                <c:pt idx="1472">
                  <c:v>33.720000000002301</c:v>
                </c:pt>
                <c:pt idx="1473">
                  <c:v>33.730000000002299</c:v>
                </c:pt>
                <c:pt idx="1474">
                  <c:v>33.740000000002297</c:v>
                </c:pt>
                <c:pt idx="1475">
                  <c:v>33.750000000002302</c:v>
                </c:pt>
                <c:pt idx="1476">
                  <c:v>33.7600000000023</c:v>
                </c:pt>
                <c:pt idx="1477">
                  <c:v>33.770000000002298</c:v>
                </c:pt>
                <c:pt idx="1478">
                  <c:v>33.780000000002303</c:v>
                </c:pt>
                <c:pt idx="1479">
                  <c:v>33.790000000002301</c:v>
                </c:pt>
                <c:pt idx="1480">
                  <c:v>33.800000000002299</c:v>
                </c:pt>
                <c:pt idx="1481">
                  <c:v>33.810000000002297</c:v>
                </c:pt>
                <c:pt idx="1482">
                  <c:v>33.820000000002302</c:v>
                </c:pt>
                <c:pt idx="1483">
                  <c:v>33.8300000000023</c:v>
                </c:pt>
                <c:pt idx="1484">
                  <c:v>33.840000000002298</c:v>
                </c:pt>
                <c:pt idx="1485">
                  <c:v>33.850000000002296</c:v>
                </c:pt>
                <c:pt idx="1486">
                  <c:v>33.860000000002302</c:v>
                </c:pt>
                <c:pt idx="1487">
                  <c:v>33.8700000000023</c:v>
                </c:pt>
                <c:pt idx="1488">
                  <c:v>33.880000000002298</c:v>
                </c:pt>
                <c:pt idx="1489">
                  <c:v>33.890000000002303</c:v>
                </c:pt>
                <c:pt idx="1490">
                  <c:v>33.900000000002301</c:v>
                </c:pt>
                <c:pt idx="1491">
                  <c:v>33.910000000002299</c:v>
                </c:pt>
                <c:pt idx="1492">
                  <c:v>33.920000000002297</c:v>
                </c:pt>
                <c:pt idx="1493">
                  <c:v>33.930000000002302</c:v>
                </c:pt>
                <c:pt idx="1494">
                  <c:v>33.9400000000023</c:v>
                </c:pt>
                <c:pt idx="1495">
                  <c:v>33.950000000002298</c:v>
                </c:pt>
                <c:pt idx="1496">
                  <c:v>33.960000000002303</c:v>
                </c:pt>
                <c:pt idx="1497">
                  <c:v>33.970000000002301</c:v>
                </c:pt>
                <c:pt idx="1498">
                  <c:v>33.980000000002299</c:v>
                </c:pt>
                <c:pt idx="1499">
                  <c:v>33.990000000002297</c:v>
                </c:pt>
                <c:pt idx="1500">
                  <c:v>34.000000000002302</c:v>
                </c:pt>
                <c:pt idx="1501">
                  <c:v>34.0100000000023</c:v>
                </c:pt>
                <c:pt idx="1502">
                  <c:v>34.020000000002298</c:v>
                </c:pt>
                <c:pt idx="1503">
                  <c:v>34.030000000002303</c:v>
                </c:pt>
                <c:pt idx="1504">
                  <c:v>34.040000000002401</c:v>
                </c:pt>
                <c:pt idx="1505">
                  <c:v>34.050000000002399</c:v>
                </c:pt>
                <c:pt idx="1506">
                  <c:v>34.060000000002397</c:v>
                </c:pt>
                <c:pt idx="1507">
                  <c:v>34.070000000002402</c:v>
                </c:pt>
                <c:pt idx="1508">
                  <c:v>34.0800000000024</c:v>
                </c:pt>
                <c:pt idx="1509">
                  <c:v>34.090000000002398</c:v>
                </c:pt>
                <c:pt idx="1510">
                  <c:v>34.100000000002403</c:v>
                </c:pt>
                <c:pt idx="1511">
                  <c:v>34.110000000002401</c:v>
                </c:pt>
                <c:pt idx="1512">
                  <c:v>34.120000000002399</c:v>
                </c:pt>
                <c:pt idx="1513">
                  <c:v>34.130000000002397</c:v>
                </c:pt>
                <c:pt idx="1514">
                  <c:v>34.140000000002402</c:v>
                </c:pt>
                <c:pt idx="1515">
                  <c:v>34.1500000000024</c:v>
                </c:pt>
                <c:pt idx="1516">
                  <c:v>34.160000000002398</c:v>
                </c:pt>
                <c:pt idx="1517">
                  <c:v>34.170000000002403</c:v>
                </c:pt>
                <c:pt idx="1518">
                  <c:v>34.180000000002401</c:v>
                </c:pt>
                <c:pt idx="1519">
                  <c:v>34.190000000002399</c:v>
                </c:pt>
                <c:pt idx="1520">
                  <c:v>34.200000000002397</c:v>
                </c:pt>
                <c:pt idx="1521">
                  <c:v>34.210000000002402</c:v>
                </c:pt>
                <c:pt idx="1522">
                  <c:v>34.2200000000024</c:v>
                </c:pt>
                <c:pt idx="1523">
                  <c:v>34.230000000002399</c:v>
                </c:pt>
                <c:pt idx="1524">
                  <c:v>34.240000000002397</c:v>
                </c:pt>
                <c:pt idx="1525">
                  <c:v>34.250000000002402</c:v>
                </c:pt>
                <c:pt idx="1526">
                  <c:v>34.2600000000024</c:v>
                </c:pt>
                <c:pt idx="1527">
                  <c:v>34.270000000002398</c:v>
                </c:pt>
                <c:pt idx="1528">
                  <c:v>34.280000000002403</c:v>
                </c:pt>
                <c:pt idx="1529">
                  <c:v>34.290000000002401</c:v>
                </c:pt>
                <c:pt idx="1530">
                  <c:v>34.300000000002399</c:v>
                </c:pt>
                <c:pt idx="1531">
                  <c:v>34.310000000002397</c:v>
                </c:pt>
                <c:pt idx="1532">
                  <c:v>34.320000000002402</c:v>
                </c:pt>
                <c:pt idx="1533">
                  <c:v>34.3300000000024</c:v>
                </c:pt>
                <c:pt idx="1534">
                  <c:v>34.340000000002398</c:v>
                </c:pt>
                <c:pt idx="1535">
                  <c:v>34.350000000002403</c:v>
                </c:pt>
                <c:pt idx="1536">
                  <c:v>34.360000000002401</c:v>
                </c:pt>
                <c:pt idx="1537">
                  <c:v>34.370000000002399</c:v>
                </c:pt>
                <c:pt idx="1538">
                  <c:v>34.380000000002397</c:v>
                </c:pt>
                <c:pt idx="1539">
                  <c:v>34.390000000002402</c:v>
                </c:pt>
                <c:pt idx="1540">
                  <c:v>34.4000000000024</c:v>
                </c:pt>
                <c:pt idx="1541">
                  <c:v>34.410000000002398</c:v>
                </c:pt>
                <c:pt idx="1542">
                  <c:v>34.420000000002403</c:v>
                </c:pt>
                <c:pt idx="1543">
                  <c:v>34.430000000002401</c:v>
                </c:pt>
                <c:pt idx="1544">
                  <c:v>34.440000000002399</c:v>
                </c:pt>
                <c:pt idx="1545">
                  <c:v>34.450000000002397</c:v>
                </c:pt>
                <c:pt idx="1546">
                  <c:v>34.460000000002402</c:v>
                </c:pt>
                <c:pt idx="1547">
                  <c:v>34.4700000000024</c:v>
                </c:pt>
                <c:pt idx="1548">
                  <c:v>34.480000000002399</c:v>
                </c:pt>
                <c:pt idx="1549">
                  <c:v>34.490000000002397</c:v>
                </c:pt>
                <c:pt idx="1550">
                  <c:v>34.500000000002402</c:v>
                </c:pt>
                <c:pt idx="1551">
                  <c:v>34.5100000000024</c:v>
                </c:pt>
                <c:pt idx="1552">
                  <c:v>34.520000000002398</c:v>
                </c:pt>
                <c:pt idx="1553">
                  <c:v>34.530000000002403</c:v>
                </c:pt>
                <c:pt idx="1554">
                  <c:v>34.540000000002401</c:v>
                </c:pt>
                <c:pt idx="1555">
                  <c:v>34.550000000002399</c:v>
                </c:pt>
                <c:pt idx="1556">
                  <c:v>34.560000000002397</c:v>
                </c:pt>
                <c:pt idx="1557">
                  <c:v>34.570000000002402</c:v>
                </c:pt>
                <c:pt idx="1558">
                  <c:v>34.5800000000024</c:v>
                </c:pt>
                <c:pt idx="1559">
                  <c:v>34.590000000002398</c:v>
                </c:pt>
                <c:pt idx="1560">
                  <c:v>34.600000000002403</c:v>
                </c:pt>
                <c:pt idx="1561">
                  <c:v>34.610000000002401</c:v>
                </c:pt>
                <c:pt idx="1562">
                  <c:v>34.620000000002399</c:v>
                </c:pt>
                <c:pt idx="1563">
                  <c:v>34.630000000002397</c:v>
                </c:pt>
                <c:pt idx="1564">
                  <c:v>34.640000000002402</c:v>
                </c:pt>
                <c:pt idx="1565">
                  <c:v>34.6500000000024</c:v>
                </c:pt>
                <c:pt idx="1566">
                  <c:v>34.660000000002398</c:v>
                </c:pt>
                <c:pt idx="1567">
                  <c:v>34.670000000002403</c:v>
                </c:pt>
                <c:pt idx="1568">
                  <c:v>34.680000000002501</c:v>
                </c:pt>
                <c:pt idx="1569">
                  <c:v>34.690000000002499</c:v>
                </c:pt>
                <c:pt idx="1570">
                  <c:v>34.700000000002497</c:v>
                </c:pt>
                <c:pt idx="1571">
                  <c:v>34.710000000002502</c:v>
                </c:pt>
                <c:pt idx="1572">
                  <c:v>34.7200000000025</c:v>
                </c:pt>
                <c:pt idx="1573">
                  <c:v>34.730000000002498</c:v>
                </c:pt>
                <c:pt idx="1574">
                  <c:v>34.740000000002503</c:v>
                </c:pt>
                <c:pt idx="1575">
                  <c:v>34.750000000002501</c:v>
                </c:pt>
                <c:pt idx="1576">
                  <c:v>34.760000000002499</c:v>
                </c:pt>
                <c:pt idx="1577">
                  <c:v>34.770000000002497</c:v>
                </c:pt>
                <c:pt idx="1578">
                  <c:v>34.780000000002502</c:v>
                </c:pt>
                <c:pt idx="1579">
                  <c:v>34.7900000000025</c:v>
                </c:pt>
                <c:pt idx="1580">
                  <c:v>34.800000000002498</c:v>
                </c:pt>
                <c:pt idx="1581">
                  <c:v>34.810000000002503</c:v>
                </c:pt>
                <c:pt idx="1582">
                  <c:v>34.820000000002501</c:v>
                </c:pt>
                <c:pt idx="1583">
                  <c:v>34.830000000002499</c:v>
                </c:pt>
                <c:pt idx="1584">
                  <c:v>34.840000000002497</c:v>
                </c:pt>
                <c:pt idx="1585">
                  <c:v>34.850000000002503</c:v>
                </c:pt>
                <c:pt idx="1586">
                  <c:v>34.860000000002501</c:v>
                </c:pt>
                <c:pt idx="1587">
                  <c:v>34.870000000002499</c:v>
                </c:pt>
                <c:pt idx="1588">
                  <c:v>34.880000000002497</c:v>
                </c:pt>
                <c:pt idx="1589">
                  <c:v>34.890000000002502</c:v>
                </c:pt>
                <c:pt idx="1590">
                  <c:v>34.9000000000025</c:v>
                </c:pt>
                <c:pt idx="1591">
                  <c:v>34.910000000002498</c:v>
                </c:pt>
                <c:pt idx="1592">
                  <c:v>34.920000000002503</c:v>
                </c:pt>
                <c:pt idx="1593">
                  <c:v>34.930000000002501</c:v>
                </c:pt>
                <c:pt idx="1594">
                  <c:v>34.940000000002499</c:v>
                </c:pt>
                <c:pt idx="1595">
                  <c:v>34.950000000002497</c:v>
                </c:pt>
                <c:pt idx="1596">
                  <c:v>34.960000000002502</c:v>
                </c:pt>
                <c:pt idx="1597">
                  <c:v>34.9700000000025</c:v>
                </c:pt>
                <c:pt idx="1598">
                  <c:v>34.980000000002498</c:v>
                </c:pt>
                <c:pt idx="1599">
                  <c:v>34.990000000002503</c:v>
                </c:pt>
                <c:pt idx="1600">
                  <c:v>35.000000000002501</c:v>
                </c:pt>
                <c:pt idx="1601">
                  <c:v>35.010000000002499</c:v>
                </c:pt>
                <c:pt idx="1602">
                  <c:v>35.020000000002497</c:v>
                </c:pt>
                <c:pt idx="1603">
                  <c:v>35.030000000002502</c:v>
                </c:pt>
                <c:pt idx="1604">
                  <c:v>35.0400000000025</c:v>
                </c:pt>
                <c:pt idx="1605">
                  <c:v>35.050000000002498</c:v>
                </c:pt>
                <c:pt idx="1606">
                  <c:v>35.060000000002503</c:v>
                </c:pt>
                <c:pt idx="1607">
                  <c:v>35.070000000002501</c:v>
                </c:pt>
                <c:pt idx="1608">
                  <c:v>35.080000000002499</c:v>
                </c:pt>
                <c:pt idx="1609">
                  <c:v>35.090000000002497</c:v>
                </c:pt>
                <c:pt idx="1610">
                  <c:v>35.100000000002503</c:v>
                </c:pt>
                <c:pt idx="1611">
                  <c:v>35.110000000002501</c:v>
                </c:pt>
                <c:pt idx="1612">
                  <c:v>35.120000000002499</c:v>
                </c:pt>
                <c:pt idx="1613">
                  <c:v>35.130000000002497</c:v>
                </c:pt>
                <c:pt idx="1614">
                  <c:v>35.140000000002502</c:v>
                </c:pt>
                <c:pt idx="1615">
                  <c:v>35.1500000000025</c:v>
                </c:pt>
                <c:pt idx="1616">
                  <c:v>35.160000000002498</c:v>
                </c:pt>
                <c:pt idx="1617">
                  <c:v>35.170000000002503</c:v>
                </c:pt>
                <c:pt idx="1618">
                  <c:v>35.180000000002501</c:v>
                </c:pt>
                <c:pt idx="1619">
                  <c:v>35.190000000002499</c:v>
                </c:pt>
                <c:pt idx="1620">
                  <c:v>35.200000000002497</c:v>
                </c:pt>
                <c:pt idx="1621">
                  <c:v>35.210000000002502</c:v>
                </c:pt>
                <c:pt idx="1622">
                  <c:v>35.2200000000025</c:v>
                </c:pt>
                <c:pt idx="1623">
                  <c:v>35.230000000002498</c:v>
                </c:pt>
                <c:pt idx="1624">
                  <c:v>35.240000000002503</c:v>
                </c:pt>
                <c:pt idx="1625">
                  <c:v>35.250000000002501</c:v>
                </c:pt>
                <c:pt idx="1626">
                  <c:v>35.260000000002499</c:v>
                </c:pt>
                <c:pt idx="1627">
                  <c:v>35.270000000002497</c:v>
                </c:pt>
                <c:pt idx="1628">
                  <c:v>35.280000000002502</c:v>
                </c:pt>
                <c:pt idx="1629">
                  <c:v>35.2900000000025</c:v>
                </c:pt>
                <c:pt idx="1630">
                  <c:v>35.300000000002498</c:v>
                </c:pt>
                <c:pt idx="1631">
                  <c:v>35.310000000002503</c:v>
                </c:pt>
                <c:pt idx="1632">
                  <c:v>35.320000000002601</c:v>
                </c:pt>
                <c:pt idx="1633">
                  <c:v>35.330000000002599</c:v>
                </c:pt>
                <c:pt idx="1634">
                  <c:v>35.340000000002597</c:v>
                </c:pt>
                <c:pt idx="1635">
                  <c:v>35.350000000002602</c:v>
                </c:pt>
                <c:pt idx="1636">
                  <c:v>35.3600000000026</c:v>
                </c:pt>
                <c:pt idx="1637">
                  <c:v>35.370000000002598</c:v>
                </c:pt>
                <c:pt idx="1638">
                  <c:v>35.380000000002603</c:v>
                </c:pt>
                <c:pt idx="1639">
                  <c:v>35.390000000002601</c:v>
                </c:pt>
                <c:pt idx="1640">
                  <c:v>35.400000000002599</c:v>
                </c:pt>
                <c:pt idx="1641">
                  <c:v>35.410000000002597</c:v>
                </c:pt>
                <c:pt idx="1642">
                  <c:v>35.420000000002602</c:v>
                </c:pt>
                <c:pt idx="1643">
                  <c:v>35.4300000000026</c:v>
                </c:pt>
                <c:pt idx="1644">
                  <c:v>35.440000000002598</c:v>
                </c:pt>
                <c:pt idx="1645">
                  <c:v>35.450000000002603</c:v>
                </c:pt>
                <c:pt idx="1646">
                  <c:v>35.460000000002601</c:v>
                </c:pt>
                <c:pt idx="1647">
                  <c:v>35.470000000002599</c:v>
                </c:pt>
                <c:pt idx="1648">
                  <c:v>35.480000000002597</c:v>
                </c:pt>
                <c:pt idx="1649">
                  <c:v>35.490000000002603</c:v>
                </c:pt>
                <c:pt idx="1650">
                  <c:v>35.500000000002601</c:v>
                </c:pt>
                <c:pt idx="1651">
                  <c:v>35.510000000002599</c:v>
                </c:pt>
                <c:pt idx="1652">
                  <c:v>35.520000000002597</c:v>
                </c:pt>
                <c:pt idx="1653">
                  <c:v>35.530000000002602</c:v>
                </c:pt>
                <c:pt idx="1654">
                  <c:v>35.5400000000026</c:v>
                </c:pt>
                <c:pt idx="1655">
                  <c:v>35.550000000002598</c:v>
                </c:pt>
                <c:pt idx="1656">
                  <c:v>35.560000000002603</c:v>
                </c:pt>
                <c:pt idx="1657">
                  <c:v>35.570000000002601</c:v>
                </c:pt>
                <c:pt idx="1658">
                  <c:v>35.580000000002599</c:v>
                </c:pt>
                <c:pt idx="1659">
                  <c:v>35.590000000002597</c:v>
                </c:pt>
                <c:pt idx="1660">
                  <c:v>35.600000000002602</c:v>
                </c:pt>
                <c:pt idx="1661">
                  <c:v>35.6100000000026</c:v>
                </c:pt>
                <c:pt idx="1662">
                  <c:v>35.620000000002598</c:v>
                </c:pt>
                <c:pt idx="1663">
                  <c:v>35.630000000002603</c:v>
                </c:pt>
                <c:pt idx="1664">
                  <c:v>35.640000000002601</c:v>
                </c:pt>
                <c:pt idx="1665">
                  <c:v>35.650000000002599</c:v>
                </c:pt>
                <c:pt idx="1666">
                  <c:v>35.660000000002597</c:v>
                </c:pt>
                <c:pt idx="1667">
                  <c:v>35.670000000002602</c:v>
                </c:pt>
                <c:pt idx="1668">
                  <c:v>35.6800000000026</c:v>
                </c:pt>
                <c:pt idx="1669">
                  <c:v>35.690000000002598</c:v>
                </c:pt>
                <c:pt idx="1670">
                  <c:v>35.700000000002603</c:v>
                </c:pt>
                <c:pt idx="1671">
                  <c:v>35.710000000002601</c:v>
                </c:pt>
                <c:pt idx="1672">
                  <c:v>35.720000000002599</c:v>
                </c:pt>
                <c:pt idx="1673">
                  <c:v>35.730000000002597</c:v>
                </c:pt>
                <c:pt idx="1674">
                  <c:v>35.740000000002603</c:v>
                </c:pt>
                <c:pt idx="1675">
                  <c:v>35.750000000002601</c:v>
                </c:pt>
                <c:pt idx="1676">
                  <c:v>35.760000000002599</c:v>
                </c:pt>
                <c:pt idx="1677">
                  <c:v>35.770000000002597</c:v>
                </c:pt>
                <c:pt idx="1678">
                  <c:v>35.780000000002602</c:v>
                </c:pt>
                <c:pt idx="1679">
                  <c:v>35.7900000000026</c:v>
                </c:pt>
                <c:pt idx="1680">
                  <c:v>35.800000000002598</c:v>
                </c:pt>
                <c:pt idx="1681">
                  <c:v>35.810000000002603</c:v>
                </c:pt>
                <c:pt idx="1682">
                  <c:v>35.820000000002601</c:v>
                </c:pt>
                <c:pt idx="1683">
                  <c:v>35.830000000002599</c:v>
                </c:pt>
                <c:pt idx="1684">
                  <c:v>35.840000000002597</c:v>
                </c:pt>
                <c:pt idx="1685">
                  <c:v>35.850000000002602</c:v>
                </c:pt>
                <c:pt idx="1686">
                  <c:v>35.8600000000026</c:v>
                </c:pt>
                <c:pt idx="1687">
                  <c:v>35.870000000002598</c:v>
                </c:pt>
                <c:pt idx="1688">
                  <c:v>35.880000000002603</c:v>
                </c:pt>
                <c:pt idx="1689">
                  <c:v>35.890000000002601</c:v>
                </c:pt>
                <c:pt idx="1690">
                  <c:v>35.900000000002599</c:v>
                </c:pt>
                <c:pt idx="1691">
                  <c:v>35.910000000002597</c:v>
                </c:pt>
                <c:pt idx="1692">
                  <c:v>35.920000000002602</c:v>
                </c:pt>
                <c:pt idx="1693">
                  <c:v>35.9300000000026</c:v>
                </c:pt>
                <c:pt idx="1694">
                  <c:v>35.940000000002598</c:v>
                </c:pt>
                <c:pt idx="1695">
                  <c:v>35.950000000002603</c:v>
                </c:pt>
                <c:pt idx="1696">
                  <c:v>35.960000000002701</c:v>
                </c:pt>
                <c:pt idx="1697">
                  <c:v>35.970000000002699</c:v>
                </c:pt>
                <c:pt idx="1698">
                  <c:v>35.980000000002697</c:v>
                </c:pt>
                <c:pt idx="1699">
                  <c:v>35.990000000002702</c:v>
                </c:pt>
                <c:pt idx="1700">
                  <c:v>36.0000000000027</c:v>
                </c:pt>
                <c:pt idx="1701">
                  <c:v>36.010000000002698</c:v>
                </c:pt>
                <c:pt idx="1702">
                  <c:v>36.020000000002703</c:v>
                </c:pt>
                <c:pt idx="1703">
                  <c:v>36.030000000002701</c:v>
                </c:pt>
                <c:pt idx="1704">
                  <c:v>36.040000000002699</c:v>
                </c:pt>
                <c:pt idx="1705">
                  <c:v>36.050000000002697</c:v>
                </c:pt>
                <c:pt idx="1706">
                  <c:v>36.060000000002702</c:v>
                </c:pt>
                <c:pt idx="1707">
                  <c:v>36.0700000000027</c:v>
                </c:pt>
                <c:pt idx="1708">
                  <c:v>36.080000000002698</c:v>
                </c:pt>
                <c:pt idx="1709">
                  <c:v>36.090000000002703</c:v>
                </c:pt>
                <c:pt idx="1710">
                  <c:v>36.100000000002701</c:v>
                </c:pt>
                <c:pt idx="1711">
                  <c:v>36.110000000002699</c:v>
                </c:pt>
                <c:pt idx="1712">
                  <c:v>36.120000000002698</c:v>
                </c:pt>
                <c:pt idx="1713">
                  <c:v>36.130000000002703</c:v>
                </c:pt>
                <c:pt idx="1714">
                  <c:v>36.140000000002701</c:v>
                </c:pt>
                <c:pt idx="1715">
                  <c:v>36.150000000002699</c:v>
                </c:pt>
                <c:pt idx="1716">
                  <c:v>36.160000000002697</c:v>
                </c:pt>
                <c:pt idx="1717">
                  <c:v>36.170000000002702</c:v>
                </c:pt>
                <c:pt idx="1718">
                  <c:v>36.1800000000027</c:v>
                </c:pt>
                <c:pt idx="1719">
                  <c:v>36.190000000002698</c:v>
                </c:pt>
                <c:pt idx="1720">
                  <c:v>36.200000000002703</c:v>
                </c:pt>
                <c:pt idx="1721">
                  <c:v>36.210000000002701</c:v>
                </c:pt>
                <c:pt idx="1722">
                  <c:v>36.220000000002699</c:v>
                </c:pt>
                <c:pt idx="1723">
                  <c:v>36.230000000002697</c:v>
                </c:pt>
                <c:pt idx="1724">
                  <c:v>36.240000000002702</c:v>
                </c:pt>
                <c:pt idx="1725">
                  <c:v>36.2500000000027</c:v>
                </c:pt>
                <c:pt idx="1726">
                  <c:v>36.260000000002698</c:v>
                </c:pt>
                <c:pt idx="1727">
                  <c:v>36.270000000002703</c:v>
                </c:pt>
                <c:pt idx="1728">
                  <c:v>36.280000000002701</c:v>
                </c:pt>
                <c:pt idx="1729">
                  <c:v>36.290000000002699</c:v>
                </c:pt>
                <c:pt idx="1730">
                  <c:v>36.300000000002697</c:v>
                </c:pt>
                <c:pt idx="1731">
                  <c:v>36.310000000002702</c:v>
                </c:pt>
                <c:pt idx="1732">
                  <c:v>36.3200000000027</c:v>
                </c:pt>
                <c:pt idx="1733">
                  <c:v>36.330000000002698</c:v>
                </c:pt>
                <c:pt idx="1734">
                  <c:v>36.340000000002703</c:v>
                </c:pt>
                <c:pt idx="1735">
                  <c:v>36.350000000002701</c:v>
                </c:pt>
                <c:pt idx="1736">
                  <c:v>36.360000000002699</c:v>
                </c:pt>
                <c:pt idx="1737">
                  <c:v>36.370000000002698</c:v>
                </c:pt>
                <c:pt idx="1738">
                  <c:v>36.380000000002703</c:v>
                </c:pt>
                <c:pt idx="1739">
                  <c:v>36.390000000002701</c:v>
                </c:pt>
                <c:pt idx="1740">
                  <c:v>36.400000000002699</c:v>
                </c:pt>
                <c:pt idx="1741">
                  <c:v>36.410000000002697</c:v>
                </c:pt>
                <c:pt idx="1742">
                  <c:v>36.420000000002702</c:v>
                </c:pt>
                <c:pt idx="1743">
                  <c:v>36.4300000000027</c:v>
                </c:pt>
                <c:pt idx="1744">
                  <c:v>36.440000000002698</c:v>
                </c:pt>
                <c:pt idx="1745">
                  <c:v>36.450000000002703</c:v>
                </c:pt>
                <c:pt idx="1746">
                  <c:v>36.460000000002701</c:v>
                </c:pt>
                <c:pt idx="1747">
                  <c:v>36.470000000002699</c:v>
                </c:pt>
                <c:pt idx="1748">
                  <c:v>36.480000000002697</c:v>
                </c:pt>
                <c:pt idx="1749">
                  <c:v>36.490000000002702</c:v>
                </c:pt>
                <c:pt idx="1750">
                  <c:v>36.5000000000027</c:v>
                </c:pt>
                <c:pt idx="1751">
                  <c:v>36.510000000002698</c:v>
                </c:pt>
                <c:pt idx="1752">
                  <c:v>36.520000000002703</c:v>
                </c:pt>
                <c:pt idx="1753">
                  <c:v>36.530000000002701</c:v>
                </c:pt>
                <c:pt idx="1754">
                  <c:v>36.540000000002699</c:v>
                </c:pt>
                <c:pt idx="1755">
                  <c:v>36.550000000002697</c:v>
                </c:pt>
                <c:pt idx="1756">
                  <c:v>36.560000000002702</c:v>
                </c:pt>
                <c:pt idx="1757">
                  <c:v>36.5700000000027</c:v>
                </c:pt>
                <c:pt idx="1758">
                  <c:v>36.580000000002698</c:v>
                </c:pt>
                <c:pt idx="1759">
                  <c:v>36.590000000002703</c:v>
                </c:pt>
                <c:pt idx="1760">
                  <c:v>36.600000000002801</c:v>
                </c:pt>
                <c:pt idx="1761">
                  <c:v>36.610000000002799</c:v>
                </c:pt>
                <c:pt idx="1762">
                  <c:v>36.620000000002797</c:v>
                </c:pt>
                <c:pt idx="1763">
                  <c:v>36.630000000002802</c:v>
                </c:pt>
                <c:pt idx="1764">
                  <c:v>36.6400000000028</c:v>
                </c:pt>
                <c:pt idx="1765">
                  <c:v>36.650000000002798</c:v>
                </c:pt>
                <c:pt idx="1766">
                  <c:v>36.660000000002803</c:v>
                </c:pt>
                <c:pt idx="1767">
                  <c:v>36.670000000002801</c:v>
                </c:pt>
                <c:pt idx="1768">
                  <c:v>36.680000000002799</c:v>
                </c:pt>
                <c:pt idx="1769">
                  <c:v>36.690000000002797</c:v>
                </c:pt>
                <c:pt idx="1770">
                  <c:v>36.700000000002802</c:v>
                </c:pt>
                <c:pt idx="1771">
                  <c:v>36.7100000000028</c:v>
                </c:pt>
                <c:pt idx="1772">
                  <c:v>36.720000000002798</c:v>
                </c:pt>
                <c:pt idx="1773">
                  <c:v>36.730000000002804</c:v>
                </c:pt>
                <c:pt idx="1774">
                  <c:v>36.740000000002802</c:v>
                </c:pt>
                <c:pt idx="1775">
                  <c:v>36.7500000000028</c:v>
                </c:pt>
                <c:pt idx="1776">
                  <c:v>36.760000000002798</c:v>
                </c:pt>
                <c:pt idx="1777">
                  <c:v>36.770000000002803</c:v>
                </c:pt>
                <c:pt idx="1778">
                  <c:v>36.780000000002801</c:v>
                </c:pt>
                <c:pt idx="1779">
                  <c:v>36.790000000002799</c:v>
                </c:pt>
                <c:pt idx="1780">
                  <c:v>36.800000000002797</c:v>
                </c:pt>
                <c:pt idx="1781">
                  <c:v>36.810000000002802</c:v>
                </c:pt>
                <c:pt idx="1782">
                  <c:v>36.8200000000028</c:v>
                </c:pt>
                <c:pt idx="1783">
                  <c:v>36.830000000002798</c:v>
                </c:pt>
                <c:pt idx="1784">
                  <c:v>36.840000000002803</c:v>
                </c:pt>
                <c:pt idx="1785">
                  <c:v>36.850000000002801</c:v>
                </c:pt>
                <c:pt idx="1786">
                  <c:v>36.860000000002799</c:v>
                </c:pt>
                <c:pt idx="1787">
                  <c:v>36.870000000002797</c:v>
                </c:pt>
                <c:pt idx="1788">
                  <c:v>36.880000000002802</c:v>
                </c:pt>
                <c:pt idx="1789">
                  <c:v>36.8900000000028</c:v>
                </c:pt>
                <c:pt idx="1790">
                  <c:v>36.900000000002798</c:v>
                </c:pt>
                <c:pt idx="1791">
                  <c:v>36.910000000002803</c:v>
                </c:pt>
                <c:pt idx="1792">
                  <c:v>36.920000000002801</c:v>
                </c:pt>
                <c:pt idx="1793">
                  <c:v>36.930000000002799</c:v>
                </c:pt>
                <c:pt idx="1794">
                  <c:v>36.940000000002797</c:v>
                </c:pt>
                <c:pt idx="1795">
                  <c:v>36.950000000002802</c:v>
                </c:pt>
                <c:pt idx="1796">
                  <c:v>36.9600000000028</c:v>
                </c:pt>
                <c:pt idx="1797">
                  <c:v>36.970000000002798</c:v>
                </c:pt>
                <c:pt idx="1798">
                  <c:v>36.980000000002804</c:v>
                </c:pt>
                <c:pt idx="1799">
                  <c:v>36.990000000002802</c:v>
                </c:pt>
                <c:pt idx="1800">
                  <c:v>37.0000000000028</c:v>
                </c:pt>
                <c:pt idx="1801">
                  <c:v>37.010000000002798</c:v>
                </c:pt>
                <c:pt idx="1802">
                  <c:v>37.020000000002803</c:v>
                </c:pt>
                <c:pt idx="1803">
                  <c:v>37.030000000002801</c:v>
                </c:pt>
                <c:pt idx="1804">
                  <c:v>37.040000000002799</c:v>
                </c:pt>
                <c:pt idx="1805">
                  <c:v>37.050000000002797</c:v>
                </c:pt>
                <c:pt idx="1806">
                  <c:v>37.060000000002802</c:v>
                </c:pt>
                <c:pt idx="1807">
                  <c:v>37.0700000000028</c:v>
                </c:pt>
                <c:pt idx="1808">
                  <c:v>37.080000000002798</c:v>
                </c:pt>
                <c:pt idx="1809">
                  <c:v>37.090000000002803</c:v>
                </c:pt>
                <c:pt idx="1810">
                  <c:v>37.100000000002801</c:v>
                </c:pt>
                <c:pt idx="1811">
                  <c:v>37.110000000002799</c:v>
                </c:pt>
                <c:pt idx="1812">
                  <c:v>37.120000000002797</c:v>
                </c:pt>
                <c:pt idx="1813">
                  <c:v>37.130000000002802</c:v>
                </c:pt>
                <c:pt idx="1814">
                  <c:v>37.1400000000028</c:v>
                </c:pt>
                <c:pt idx="1815">
                  <c:v>37.150000000002798</c:v>
                </c:pt>
                <c:pt idx="1816">
                  <c:v>37.160000000002803</c:v>
                </c:pt>
                <c:pt idx="1817">
                  <c:v>37.170000000002801</c:v>
                </c:pt>
                <c:pt idx="1818">
                  <c:v>37.180000000002799</c:v>
                </c:pt>
                <c:pt idx="1819">
                  <c:v>37.190000000002797</c:v>
                </c:pt>
                <c:pt idx="1820">
                  <c:v>37.200000000002802</c:v>
                </c:pt>
                <c:pt idx="1821">
                  <c:v>37.2100000000028</c:v>
                </c:pt>
                <c:pt idx="1822">
                  <c:v>37.220000000002798</c:v>
                </c:pt>
                <c:pt idx="1823">
                  <c:v>37.230000000002804</c:v>
                </c:pt>
                <c:pt idx="1824">
                  <c:v>37.240000000002901</c:v>
                </c:pt>
                <c:pt idx="1825">
                  <c:v>37.250000000002899</c:v>
                </c:pt>
                <c:pt idx="1826">
                  <c:v>37.260000000002897</c:v>
                </c:pt>
                <c:pt idx="1827">
                  <c:v>37.270000000002902</c:v>
                </c:pt>
                <c:pt idx="1828">
                  <c:v>37.2800000000029</c:v>
                </c:pt>
                <c:pt idx="1829">
                  <c:v>37.290000000002898</c:v>
                </c:pt>
                <c:pt idx="1830">
                  <c:v>37.300000000002903</c:v>
                </c:pt>
                <c:pt idx="1831">
                  <c:v>37.310000000002901</c:v>
                </c:pt>
                <c:pt idx="1832">
                  <c:v>37.320000000002899</c:v>
                </c:pt>
                <c:pt idx="1833">
                  <c:v>37.330000000002897</c:v>
                </c:pt>
                <c:pt idx="1834">
                  <c:v>37.340000000002902</c:v>
                </c:pt>
                <c:pt idx="1835">
                  <c:v>37.3500000000029</c:v>
                </c:pt>
                <c:pt idx="1836">
                  <c:v>37.360000000002898</c:v>
                </c:pt>
                <c:pt idx="1837">
                  <c:v>37.370000000002896</c:v>
                </c:pt>
                <c:pt idx="1838">
                  <c:v>37.380000000002902</c:v>
                </c:pt>
                <c:pt idx="1839">
                  <c:v>37.3900000000029</c:v>
                </c:pt>
                <c:pt idx="1840">
                  <c:v>37.400000000002898</c:v>
                </c:pt>
                <c:pt idx="1841">
                  <c:v>37.410000000002903</c:v>
                </c:pt>
                <c:pt idx="1842">
                  <c:v>37.420000000002901</c:v>
                </c:pt>
                <c:pt idx="1843">
                  <c:v>37.430000000002899</c:v>
                </c:pt>
                <c:pt idx="1844">
                  <c:v>37.440000000002897</c:v>
                </c:pt>
                <c:pt idx="1845">
                  <c:v>37.450000000002902</c:v>
                </c:pt>
                <c:pt idx="1846">
                  <c:v>37.4600000000029</c:v>
                </c:pt>
                <c:pt idx="1847">
                  <c:v>37.470000000002898</c:v>
                </c:pt>
                <c:pt idx="1848">
                  <c:v>37.480000000002903</c:v>
                </c:pt>
                <c:pt idx="1849">
                  <c:v>37.490000000002901</c:v>
                </c:pt>
                <c:pt idx="1850">
                  <c:v>37.500000000002899</c:v>
                </c:pt>
                <c:pt idx="1851">
                  <c:v>37.510000000002897</c:v>
                </c:pt>
                <c:pt idx="1852">
                  <c:v>37.520000000002902</c:v>
                </c:pt>
                <c:pt idx="1853">
                  <c:v>37.5300000000029</c:v>
                </c:pt>
                <c:pt idx="1854">
                  <c:v>37.540000000002898</c:v>
                </c:pt>
                <c:pt idx="1855">
                  <c:v>37.550000000002903</c:v>
                </c:pt>
                <c:pt idx="1856">
                  <c:v>37.560000000002901</c:v>
                </c:pt>
                <c:pt idx="1857">
                  <c:v>37.570000000002899</c:v>
                </c:pt>
                <c:pt idx="1858">
                  <c:v>37.580000000002897</c:v>
                </c:pt>
                <c:pt idx="1859">
                  <c:v>37.590000000002902</c:v>
                </c:pt>
                <c:pt idx="1860">
                  <c:v>37.6000000000029</c:v>
                </c:pt>
                <c:pt idx="1861">
                  <c:v>37.610000000002898</c:v>
                </c:pt>
                <c:pt idx="1862">
                  <c:v>37.620000000002896</c:v>
                </c:pt>
                <c:pt idx="1863">
                  <c:v>37.630000000002902</c:v>
                </c:pt>
                <c:pt idx="1864">
                  <c:v>37.6400000000029</c:v>
                </c:pt>
                <c:pt idx="1865">
                  <c:v>37.650000000002898</c:v>
                </c:pt>
                <c:pt idx="1866">
                  <c:v>37.660000000002903</c:v>
                </c:pt>
                <c:pt idx="1867">
                  <c:v>37.670000000002901</c:v>
                </c:pt>
                <c:pt idx="1868">
                  <c:v>37.680000000002899</c:v>
                </c:pt>
                <c:pt idx="1869">
                  <c:v>37.690000000002897</c:v>
                </c:pt>
                <c:pt idx="1870">
                  <c:v>37.700000000002902</c:v>
                </c:pt>
                <c:pt idx="1871">
                  <c:v>37.7100000000029</c:v>
                </c:pt>
                <c:pt idx="1872">
                  <c:v>37.720000000002898</c:v>
                </c:pt>
                <c:pt idx="1873">
                  <c:v>37.730000000002903</c:v>
                </c:pt>
                <c:pt idx="1874">
                  <c:v>37.740000000002901</c:v>
                </c:pt>
                <c:pt idx="1875">
                  <c:v>37.750000000002899</c:v>
                </c:pt>
                <c:pt idx="1876">
                  <c:v>37.760000000002897</c:v>
                </c:pt>
                <c:pt idx="1877">
                  <c:v>37.770000000002902</c:v>
                </c:pt>
                <c:pt idx="1878">
                  <c:v>37.7800000000029</c:v>
                </c:pt>
                <c:pt idx="1879">
                  <c:v>37.790000000002898</c:v>
                </c:pt>
                <c:pt idx="1880">
                  <c:v>37.800000000002903</c:v>
                </c:pt>
                <c:pt idx="1881">
                  <c:v>37.810000000002901</c:v>
                </c:pt>
                <c:pt idx="1882">
                  <c:v>37.820000000002899</c:v>
                </c:pt>
                <c:pt idx="1883">
                  <c:v>37.830000000002897</c:v>
                </c:pt>
                <c:pt idx="1884">
                  <c:v>37.840000000002902</c:v>
                </c:pt>
                <c:pt idx="1885">
                  <c:v>37.8500000000029</c:v>
                </c:pt>
                <c:pt idx="1886">
                  <c:v>37.860000000002898</c:v>
                </c:pt>
                <c:pt idx="1887">
                  <c:v>37.870000000002896</c:v>
                </c:pt>
                <c:pt idx="1888">
                  <c:v>37.880000000003001</c:v>
                </c:pt>
                <c:pt idx="1889">
                  <c:v>37.890000000002999</c:v>
                </c:pt>
                <c:pt idx="1890">
                  <c:v>37.900000000002997</c:v>
                </c:pt>
                <c:pt idx="1891">
                  <c:v>37.910000000003002</c:v>
                </c:pt>
                <c:pt idx="1892">
                  <c:v>37.920000000003</c:v>
                </c:pt>
                <c:pt idx="1893">
                  <c:v>37.930000000002998</c:v>
                </c:pt>
                <c:pt idx="1894">
                  <c:v>37.940000000003003</c:v>
                </c:pt>
                <c:pt idx="1895">
                  <c:v>37.950000000003001</c:v>
                </c:pt>
                <c:pt idx="1896">
                  <c:v>37.960000000002999</c:v>
                </c:pt>
                <c:pt idx="1897">
                  <c:v>37.970000000002997</c:v>
                </c:pt>
                <c:pt idx="1898">
                  <c:v>37.980000000003002</c:v>
                </c:pt>
                <c:pt idx="1899">
                  <c:v>37.990000000003</c:v>
                </c:pt>
                <c:pt idx="1900">
                  <c:v>38.000000000002998</c:v>
                </c:pt>
                <c:pt idx="1901">
                  <c:v>38.010000000002997</c:v>
                </c:pt>
                <c:pt idx="1902">
                  <c:v>38.020000000003002</c:v>
                </c:pt>
                <c:pt idx="1903">
                  <c:v>38.030000000003</c:v>
                </c:pt>
                <c:pt idx="1904">
                  <c:v>38.040000000002998</c:v>
                </c:pt>
                <c:pt idx="1905">
                  <c:v>38.050000000003003</c:v>
                </c:pt>
                <c:pt idx="1906">
                  <c:v>38.060000000003001</c:v>
                </c:pt>
                <c:pt idx="1907">
                  <c:v>38.070000000002999</c:v>
                </c:pt>
                <c:pt idx="1908">
                  <c:v>38.080000000002997</c:v>
                </c:pt>
                <c:pt idx="1909">
                  <c:v>38.090000000003002</c:v>
                </c:pt>
                <c:pt idx="1910">
                  <c:v>38.100000000003</c:v>
                </c:pt>
                <c:pt idx="1911">
                  <c:v>38.110000000002998</c:v>
                </c:pt>
                <c:pt idx="1912">
                  <c:v>38.120000000003003</c:v>
                </c:pt>
                <c:pt idx="1913">
                  <c:v>38.130000000003001</c:v>
                </c:pt>
                <c:pt idx="1914">
                  <c:v>38.140000000002999</c:v>
                </c:pt>
                <c:pt idx="1915">
                  <c:v>38.150000000002997</c:v>
                </c:pt>
                <c:pt idx="1916">
                  <c:v>38.160000000003002</c:v>
                </c:pt>
                <c:pt idx="1917">
                  <c:v>38.170000000003</c:v>
                </c:pt>
                <c:pt idx="1918">
                  <c:v>38.180000000002998</c:v>
                </c:pt>
                <c:pt idx="1919">
                  <c:v>38.190000000003003</c:v>
                </c:pt>
                <c:pt idx="1920">
                  <c:v>38.200000000003001</c:v>
                </c:pt>
                <c:pt idx="1921">
                  <c:v>38.210000000002999</c:v>
                </c:pt>
                <c:pt idx="1922">
                  <c:v>38.220000000002997</c:v>
                </c:pt>
                <c:pt idx="1923">
                  <c:v>38.230000000003002</c:v>
                </c:pt>
                <c:pt idx="1924">
                  <c:v>38.240000000003</c:v>
                </c:pt>
                <c:pt idx="1925">
                  <c:v>38.250000000002998</c:v>
                </c:pt>
                <c:pt idx="1926">
                  <c:v>38.260000000002997</c:v>
                </c:pt>
                <c:pt idx="1927">
                  <c:v>38.270000000003002</c:v>
                </c:pt>
                <c:pt idx="1928">
                  <c:v>38.280000000003</c:v>
                </c:pt>
                <c:pt idx="1929">
                  <c:v>38.290000000002998</c:v>
                </c:pt>
                <c:pt idx="1930">
                  <c:v>38.300000000003003</c:v>
                </c:pt>
                <c:pt idx="1931">
                  <c:v>38.310000000003001</c:v>
                </c:pt>
                <c:pt idx="1932">
                  <c:v>38.320000000002999</c:v>
                </c:pt>
                <c:pt idx="1933">
                  <c:v>38.330000000002997</c:v>
                </c:pt>
                <c:pt idx="1934">
                  <c:v>38.340000000003002</c:v>
                </c:pt>
                <c:pt idx="1935">
                  <c:v>38.350000000003</c:v>
                </c:pt>
                <c:pt idx="1936">
                  <c:v>38.360000000002998</c:v>
                </c:pt>
                <c:pt idx="1937">
                  <c:v>38.370000000003003</c:v>
                </c:pt>
                <c:pt idx="1938">
                  <c:v>38.380000000003001</c:v>
                </c:pt>
                <c:pt idx="1939">
                  <c:v>38.390000000002999</c:v>
                </c:pt>
                <c:pt idx="1940">
                  <c:v>38.400000000002997</c:v>
                </c:pt>
                <c:pt idx="1941">
                  <c:v>38.410000000003002</c:v>
                </c:pt>
                <c:pt idx="1942">
                  <c:v>38.420000000003</c:v>
                </c:pt>
                <c:pt idx="1943">
                  <c:v>38.430000000002998</c:v>
                </c:pt>
                <c:pt idx="1944">
                  <c:v>38.440000000003003</c:v>
                </c:pt>
                <c:pt idx="1945">
                  <c:v>38.450000000003001</c:v>
                </c:pt>
                <c:pt idx="1946">
                  <c:v>38.460000000002999</c:v>
                </c:pt>
                <c:pt idx="1947">
                  <c:v>38.470000000002997</c:v>
                </c:pt>
                <c:pt idx="1948">
                  <c:v>38.480000000003002</c:v>
                </c:pt>
                <c:pt idx="1949">
                  <c:v>38.490000000003</c:v>
                </c:pt>
                <c:pt idx="1950">
                  <c:v>38.500000000002998</c:v>
                </c:pt>
                <c:pt idx="1951">
                  <c:v>38.510000000002997</c:v>
                </c:pt>
                <c:pt idx="1952">
                  <c:v>38.520000000003101</c:v>
                </c:pt>
                <c:pt idx="1953">
                  <c:v>38.530000000003099</c:v>
                </c:pt>
                <c:pt idx="1954">
                  <c:v>38.540000000003097</c:v>
                </c:pt>
                <c:pt idx="1955">
                  <c:v>38.550000000003102</c:v>
                </c:pt>
                <c:pt idx="1956">
                  <c:v>38.5600000000031</c:v>
                </c:pt>
                <c:pt idx="1957">
                  <c:v>38.570000000003098</c:v>
                </c:pt>
                <c:pt idx="1958">
                  <c:v>38.580000000003103</c:v>
                </c:pt>
                <c:pt idx="1959">
                  <c:v>38.590000000003101</c:v>
                </c:pt>
                <c:pt idx="1960">
                  <c:v>38.600000000003099</c:v>
                </c:pt>
                <c:pt idx="1961">
                  <c:v>38.610000000003097</c:v>
                </c:pt>
                <c:pt idx="1962">
                  <c:v>38.620000000003103</c:v>
                </c:pt>
                <c:pt idx="1963">
                  <c:v>38.630000000003101</c:v>
                </c:pt>
                <c:pt idx="1964">
                  <c:v>38.640000000003099</c:v>
                </c:pt>
                <c:pt idx="1965">
                  <c:v>38.650000000003097</c:v>
                </c:pt>
                <c:pt idx="1966">
                  <c:v>38.660000000003102</c:v>
                </c:pt>
                <c:pt idx="1967">
                  <c:v>38.6700000000031</c:v>
                </c:pt>
                <c:pt idx="1968">
                  <c:v>38.680000000003098</c:v>
                </c:pt>
                <c:pt idx="1969">
                  <c:v>38.690000000003103</c:v>
                </c:pt>
                <c:pt idx="1970">
                  <c:v>38.700000000003101</c:v>
                </c:pt>
                <c:pt idx="1971">
                  <c:v>38.710000000003099</c:v>
                </c:pt>
                <c:pt idx="1972">
                  <c:v>38.720000000003097</c:v>
                </c:pt>
                <c:pt idx="1973">
                  <c:v>38.730000000003102</c:v>
                </c:pt>
                <c:pt idx="1974">
                  <c:v>38.7400000000031</c:v>
                </c:pt>
                <c:pt idx="1975">
                  <c:v>38.750000000003098</c:v>
                </c:pt>
                <c:pt idx="1976">
                  <c:v>38.760000000003103</c:v>
                </c:pt>
                <c:pt idx="1977">
                  <c:v>38.770000000003101</c:v>
                </c:pt>
                <c:pt idx="1978">
                  <c:v>38.780000000003099</c:v>
                </c:pt>
                <c:pt idx="1979">
                  <c:v>38.790000000003097</c:v>
                </c:pt>
                <c:pt idx="1980">
                  <c:v>38.800000000003102</c:v>
                </c:pt>
                <c:pt idx="1981">
                  <c:v>38.8100000000031</c:v>
                </c:pt>
                <c:pt idx="1982">
                  <c:v>38.820000000003098</c:v>
                </c:pt>
                <c:pt idx="1983">
                  <c:v>38.830000000003103</c:v>
                </c:pt>
                <c:pt idx="1984">
                  <c:v>38.840000000003101</c:v>
                </c:pt>
                <c:pt idx="1985">
                  <c:v>38.850000000003099</c:v>
                </c:pt>
                <c:pt idx="1986">
                  <c:v>38.860000000003097</c:v>
                </c:pt>
                <c:pt idx="1987">
                  <c:v>38.870000000003103</c:v>
                </c:pt>
                <c:pt idx="1988">
                  <c:v>38.880000000003101</c:v>
                </c:pt>
                <c:pt idx="1989">
                  <c:v>38.890000000003099</c:v>
                </c:pt>
                <c:pt idx="1990">
                  <c:v>38.900000000003097</c:v>
                </c:pt>
                <c:pt idx="1991">
                  <c:v>38.910000000003102</c:v>
                </c:pt>
                <c:pt idx="1992">
                  <c:v>38.9200000000031</c:v>
                </c:pt>
                <c:pt idx="1993">
                  <c:v>38.930000000003098</c:v>
                </c:pt>
                <c:pt idx="1994">
                  <c:v>38.940000000003103</c:v>
                </c:pt>
                <c:pt idx="1995">
                  <c:v>38.950000000003101</c:v>
                </c:pt>
                <c:pt idx="1996">
                  <c:v>38.960000000003099</c:v>
                </c:pt>
                <c:pt idx="1997">
                  <c:v>38.970000000003097</c:v>
                </c:pt>
                <c:pt idx="1998">
                  <c:v>38.980000000003102</c:v>
                </c:pt>
                <c:pt idx="1999">
                  <c:v>38.9900000000031</c:v>
                </c:pt>
                <c:pt idx="2000">
                  <c:v>39.000000000003098</c:v>
                </c:pt>
                <c:pt idx="2001">
                  <c:v>39.010000000003103</c:v>
                </c:pt>
                <c:pt idx="2002">
                  <c:v>39.020000000003101</c:v>
                </c:pt>
                <c:pt idx="2003">
                  <c:v>39.030000000003099</c:v>
                </c:pt>
                <c:pt idx="2004">
                  <c:v>39.040000000003097</c:v>
                </c:pt>
                <c:pt idx="2005">
                  <c:v>39.050000000003102</c:v>
                </c:pt>
                <c:pt idx="2006">
                  <c:v>39.0600000000031</c:v>
                </c:pt>
                <c:pt idx="2007">
                  <c:v>39.070000000003098</c:v>
                </c:pt>
                <c:pt idx="2008">
                  <c:v>39.080000000003103</c:v>
                </c:pt>
                <c:pt idx="2009">
                  <c:v>39.090000000003101</c:v>
                </c:pt>
                <c:pt idx="2010">
                  <c:v>39.100000000003099</c:v>
                </c:pt>
                <c:pt idx="2011">
                  <c:v>39.110000000003097</c:v>
                </c:pt>
                <c:pt idx="2012">
                  <c:v>39.120000000003103</c:v>
                </c:pt>
                <c:pt idx="2013">
                  <c:v>39.130000000003101</c:v>
                </c:pt>
                <c:pt idx="2014">
                  <c:v>39.140000000003099</c:v>
                </c:pt>
                <c:pt idx="2015">
                  <c:v>39.150000000003097</c:v>
                </c:pt>
                <c:pt idx="2016">
                  <c:v>39.160000000003201</c:v>
                </c:pt>
                <c:pt idx="2017">
                  <c:v>39.170000000003199</c:v>
                </c:pt>
                <c:pt idx="2018">
                  <c:v>39.180000000003197</c:v>
                </c:pt>
                <c:pt idx="2019">
                  <c:v>39.190000000003202</c:v>
                </c:pt>
                <c:pt idx="2020">
                  <c:v>39.2000000000032</c:v>
                </c:pt>
                <c:pt idx="2021">
                  <c:v>39.210000000003198</c:v>
                </c:pt>
                <c:pt idx="2022">
                  <c:v>39.220000000003203</c:v>
                </c:pt>
                <c:pt idx="2023">
                  <c:v>39.230000000003201</c:v>
                </c:pt>
                <c:pt idx="2024">
                  <c:v>39.240000000003199</c:v>
                </c:pt>
                <c:pt idx="2025">
                  <c:v>39.250000000003197</c:v>
                </c:pt>
                <c:pt idx="2026">
                  <c:v>39.260000000003203</c:v>
                </c:pt>
                <c:pt idx="2027">
                  <c:v>39.270000000003201</c:v>
                </c:pt>
                <c:pt idx="2028">
                  <c:v>39.280000000003199</c:v>
                </c:pt>
                <c:pt idx="2029">
                  <c:v>39.290000000003197</c:v>
                </c:pt>
                <c:pt idx="2030">
                  <c:v>39.300000000003202</c:v>
                </c:pt>
                <c:pt idx="2031">
                  <c:v>39.3100000000032</c:v>
                </c:pt>
                <c:pt idx="2032">
                  <c:v>39.320000000003198</c:v>
                </c:pt>
                <c:pt idx="2033">
                  <c:v>39.330000000003203</c:v>
                </c:pt>
                <c:pt idx="2034">
                  <c:v>39.340000000003201</c:v>
                </c:pt>
                <c:pt idx="2035">
                  <c:v>39.350000000003199</c:v>
                </c:pt>
                <c:pt idx="2036">
                  <c:v>39.360000000003197</c:v>
                </c:pt>
                <c:pt idx="2037">
                  <c:v>39.370000000003202</c:v>
                </c:pt>
                <c:pt idx="2038">
                  <c:v>39.3800000000032</c:v>
                </c:pt>
                <c:pt idx="2039">
                  <c:v>39.390000000003198</c:v>
                </c:pt>
                <c:pt idx="2040">
                  <c:v>39.400000000003203</c:v>
                </c:pt>
                <c:pt idx="2041">
                  <c:v>39.410000000003201</c:v>
                </c:pt>
                <c:pt idx="2042">
                  <c:v>39.420000000003199</c:v>
                </c:pt>
                <c:pt idx="2043">
                  <c:v>39.430000000003197</c:v>
                </c:pt>
                <c:pt idx="2044">
                  <c:v>39.440000000003202</c:v>
                </c:pt>
                <c:pt idx="2045">
                  <c:v>39.4500000000032</c:v>
                </c:pt>
                <c:pt idx="2046">
                  <c:v>39.460000000003198</c:v>
                </c:pt>
                <c:pt idx="2047">
                  <c:v>39.470000000003203</c:v>
                </c:pt>
                <c:pt idx="2048">
                  <c:v>39.480000000003201</c:v>
                </c:pt>
                <c:pt idx="2049">
                  <c:v>39.490000000003199</c:v>
                </c:pt>
                <c:pt idx="2050">
                  <c:v>39.500000000003197</c:v>
                </c:pt>
                <c:pt idx="2051">
                  <c:v>39.510000000003203</c:v>
                </c:pt>
                <c:pt idx="2052">
                  <c:v>39.520000000003201</c:v>
                </c:pt>
                <c:pt idx="2053">
                  <c:v>39.530000000003199</c:v>
                </c:pt>
                <c:pt idx="2054">
                  <c:v>39.540000000003197</c:v>
                </c:pt>
                <c:pt idx="2055">
                  <c:v>39.550000000003202</c:v>
                </c:pt>
                <c:pt idx="2056">
                  <c:v>39.5600000000032</c:v>
                </c:pt>
                <c:pt idx="2057">
                  <c:v>39.570000000003198</c:v>
                </c:pt>
                <c:pt idx="2058">
                  <c:v>39.580000000003203</c:v>
                </c:pt>
                <c:pt idx="2059">
                  <c:v>39.590000000003201</c:v>
                </c:pt>
                <c:pt idx="2060">
                  <c:v>39.600000000003199</c:v>
                </c:pt>
                <c:pt idx="2061">
                  <c:v>39.610000000003197</c:v>
                </c:pt>
                <c:pt idx="2062">
                  <c:v>39.620000000003202</c:v>
                </c:pt>
                <c:pt idx="2063">
                  <c:v>39.6300000000032</c:v>
                </c:pt>
                <c:pt idx="2064">
                  <c:v>39.640000000003198</c:v>
                </c:pt>
                <c:pt idx="2065">
                  <c:v>39.650000000003203</c:v>
                </c:pt>
                <c:pt idx="2066">
                  <c:v>39.660000000003201</c:v>
                </c:pt>
                <c:pt idx="2067">
                  <c:v>39.670000000003199</c:v>
                </c:pt>
                <c:pt idx="2068">
                  <c:v>39.680000000003197</c:v>
                </c:pt>
                <c:pt idx="2069">
                  <c:v>39.690000000003202</c:v>
                </c:pt>
                <c:pt idx="2070">
                  <c:v>39.7000000000032</c:v>
                </c:pt>
                <c:pt idx="2071">
                  <c:v>39.710000000003198</c:v>
                </c:pt>
                <c:pt idx="2072">
                  <c:v>39.720000000003203</c:v>
                </c:pt>
                <c:pt idx="2073">
                  <c:v>39.730000000003201</c:v>
                </c:pt>
                <c:pt idx="2074">
                  <c:v>39.740000000003199</c:v>
                </c:pt>
                <c:pt idx="2075">
                  <c:v>39.750000000003197</c:v>
                </c:pt>
                <c:pt idx="2076">
                  <c:v>39.760000000003203</c:v>
                </c:pt>
                <c:pt idx="2077">
                  <c:v>39.770000000003201</c:v>
                </c:pt>
                <c:pt idx="2078">
                  <c:v>39.780000000003199</c:v>
                </c:pt>
                <c:pt idx="2079">
                  <c:v>39.790000000003197</c:v>
                </c:pt>
                <c:pt idx="2080">
                  <c:v>39.800000000003301</c:v>
                </c:pt>
                <c:pt idx="2081">
                  <c:v>39.810000000003299</c:v>
                </c:pt>
                <c:pt idx="2082">
                  <c:v>39.820000000003297</c:v>
                </c:pt>
                <c:pt idx="2083">
                  <c:v>39.830000000003302</c:v>
                </c:pt>
                <c:pt idx="2084">
                  <c:v>39.8400000000033</c:v>
                </c:pt>
                <c:pt idx="2085">
                  <c:v>39.850000000003298</c:v>
                </c:pt>
                <c:pt idx="2086">
                  <c:v>39.860000000003303</c:v>
                </c:pt>
                <c:pt idx="2087">
                  <c:v>39.870000000003301</c:v>
                </c:pt>
                <c:pt idx="2088">
                  <c:v>39.880000000003299</c:v>
                </c:pt>
                <c:pt idx="2089">
                  <c:v>39.890000000003297</c:v>
                </c:pt>
                <c:pt idx="2090">
                  <c:v>39.900000000003303</c:v>
                </c:pt>
                <c:pt idx="2091">
                  <c:v>39.910000000003301</c:v>
                </c:pt>
                <c:pt idx="2092">
                  <c:v>39.920000000003299</c:v>
                </c:pt>
                <c:pt idx="2093">
                  <c:v>39.930000000003297</c:v>
                </c:pt>
                <c:pt idx="2094">
                  <c:v>39.940000000003302</c:v>
                </c:pt>
                <c:pt idx="2095">
                  <c:v>39.9500000000033</c:v>
                </c:pt>
                <c:pt idx="2096">
                  <c:v>39.960000000003298</c:v>
                </c:pt>
                <c:pt idx="2097">
                  <c:v>39.970000000003303</c:v>
                </c:pt>
                <c:pt idx="2098">
                  <c:v>39.980000000003301</c:v>
                </c:pt>
                <c:pt idx="2099">
                  <c:v>39.990000000003299</c:v>
                </c:pt>
                <c:pt idx="2100">
                  <c:v>40.000000000003297</c:v>
                </c:pt>
                <c:pt idx="2101">
                  <c:v>40.010000000003302</c:v>
                </c:pt>
                <c:pt idx="2102">
                  <c:v>40.0200000000033</c:v>
                </c:pt>
                <c:pt idx="2103">
                  <c:v>40.030000000003298</c:v>
                </c:pt>
                <c:pt idx="2104">
                  <c:v>40.040000000003303</c:v>
                </c:pt>
                <c:pt idx="2105">
                  <c:v>40.050000000003301</c:v>
                </c:pt>
                <c:pt idx="2106">
                  <c:v>40.060000000003299</c:v>
                </c:pt>
                <c:pt idx="2107">
                  <c:v>40.070000000003297</c:v>
                </c:pt>
                <c:pt idx="2108">
                  <c:v>40.080000000003302</c:v>
                </c:pt>
                <c:pt idx="2109">
                  <c:v>40.0900000000033</c:v>
                </c:pt>
                <c:pt idx="2110">
                  <c:v>40.100000000003298</c:v>
                </c:pt>
                <c:pt idx="2111">
                  <c:v>40.110000000003303</c:v>
                </c:pt>
                <c:pt idx="2112">
                  <c:v>40.120000000003301</c:v>
                </c:pt>
                <c:pt idx="2113">
                  <c:v>40.130000000003299</c:v>
                </c:pt>
                <c:pt idx="2114">
                  <c:v>40.140000000003297</c:v>
                </c:pt>
                <c:pt idx="2115">
                  <c:v>40.150000000003303</c:v>
                </c:pt>
                <c:pt idx="2116">
                  <c:v>40.160000000003301</c:v>
                </c:pt>
                <c:pt idx="2117">
                  <c:v>40.170000000003299</c:v>
                </c:pt>
                <c:pt idx="2118">
                  <c:v>40.180000000003297</c:v>
                </c:pt>
                <c:pt idx="2119">
                  <c:v>40.190000000003302</c:v>
                </c:pt>
                <c:pt idx="2120">
                  <c:v>40.2000000000033</c:v>
                </c:pt>
                <c:pt idx="2121">
                  <c:v>40.210000000003298</c:v>
                </c:pt>
                <c:pt idx="2122">
                  <c:v>40.220000000003303</c:v>
                </c:pt>
                <c:pt idx="2123">
                  <c:v>40.230000000003301</c:v>
                </c:pt>
                <c:pt idx="2124">
                  <c:v>40.240000000003299</c:v>
                </c:pt>
                <c:pt idx="2125">
                  <c:v>40.250000000003297</c:v>
                </c:pt>
                <c:pt idx="2126">
                  <c:v>40.260000000003302</c:v>
                </c:pt>
                <c:pt idx="2127">
                  <c:v>40.2700000000033</c:v>
                </c:pt>
                <c:pt idx="2128">
                  <c:v>40.280000000003298</c:v>
                </c:pt>
                <c:pt idx="2129">
                  <c:v>40.290000000003303</c:v>
                </c:pt>
                <c:pt idx="2130">
                  <c:v>40.300000000003301</c:v>
                </c:pt>
                <c:pt idx="2131">
                  <c:v>40.310000000003299</c:v>
                </c:pt>
                <c:pt idx="2132">
                  <c:v>40.320000000003297</c:v>
                </c:pt>
                <c:pt idx="2133">
                  <c:v>40.330000000003302</c:v>
                </c:pt>
                <c:pt idx="2134">
                  <c:v>40.3400000000033</c:v>
                </c:pt>
                <c:pt idx="2135">
                  <c:v>40.350000000003298</c:v>
                </c:pt>
                <c:pt idx="2136">
                  <c:v>40.360000000003303</c:v>
                </c:pt>
                <c:pt idx="2137">
                  <c:v>40.370000000003301</c:v>
                </c:pt>
                <c:pt idx="2138">
                  <c:v>40.380000000003299</c:v>
                </c:pt>
                <c:pt idx="2139">
                  <c:v>40.390000000003297</c:v>
                </c:pt>
                <c:pt idx="2140">
                  <c:v>40.400000000003303</c:v>
                </c:pt>
                <c:pt idx="2141">
                  <c:v>40.410000000003301</c:v>
                </c:pt>
                <c:pt idx="2142">
                  <c:v>40.420000000003299</c:v>
                </c:pt>
                <c:pt idx="2143">
                  <c:v>40.430000000003297</c:v>
                </c:pt>
                <c:pt idx="2144">
                  <c:v>40.440000000003401</c:v>
                </c:pt>
                <c:pt idx="2145">
                  <c:v>40.450000000003399</c:v>
                </c:pt>
                <c:pt idx="2146">
                  <c:v>40.460000000003397</c:v>
                </c:pt>
                <c:pt idx="2147">
                  <c:v>40.470000000003402</c:v>
                </c:pt>
                <c:pt idx="2148">
                  <c:v>40.4800000000034</c:v>
                </c:pt>
                <c:pt idx="2149">
                  <c:v>40.490000000003398</c:v>
                </c:pt>
                <c:pt idx="2150">
                  <c:v>40.500000000003403</c:v>
                </c:pt>
                <c:pt idx="2151">
                  <c:v>40.510000000003402</c:v>
                </c:pt>
                <c:pt idx="2152">
                  <c:v>40.5200000000034</c:v>
                </c:pt>
                <c:pt idx="2153">
                  <c:v>40.530000000003398</c:v>
                </c:pt>
                <c:pt idx="2154">
                  <c:v>40.540000000003403</c:v>
                </c:pt>
                <c:pt idx="2155">
                  <c:v>40.550000000003401</c:v>
                </c:pt>
                <c:pt idx="2156">
                  <c:v>40.560000000003399</c:v>
                </c:pt>
                <c:pt idx="2157">
                  <c:v>40.570000000003397</c:v>
                </c:pt>
                <c:pt idx="2158">
                  <c:v>40.580000000003402</c:v>
                </c:pt>
                <c:pt idx="2159">
                  <c:v>40.5900000000034</c:v>
                </c:pt>
                <c:pt idx="2160">
                  <c:v>40.600000000003398</c:v>
                </c:pt>
                <c:pt idx="2161">
                  <c:v>40.610000000003403</c:v>
                </c:pt>
                <c:pt idx="2162">
                  <c:v>40.620000000003401</c:v>
                </c:pt>
                <c:pt idx="2163">
                  <c:v>40.630000000003399</c:v>
                </c:pt>
                <c:pt idx="2164">
                  <c:v>40.640000000003397</c:v>
                </c:pt>
                <c:pt idx="2165">
                  <c:v>40.650000000003402</c:v>
                </c:pt>
                <c:pt idx="2166">
                  <c:v>40.6600000000034</c:v>
                </c:pt>
                <c:pt idx="2167">
                  <c:v>40.670000000003398</c:v>
                </c:pt>
                <c:pt idx="2168">
                  <c:v>40.680000000003403</c:v>
                </c:pt>
                <c:pt idx="2169">
                  <c:v>40.690000000003401</c:v>
                </c:pt>
                <c:pt idx="2170">
                  <c:v>40.700000000003399</c:v>
                </c:pt>
                <c:pt idx="2171">
                  <c:v>40.710000000003397</c:v>
                </c:pt>
                <c:pt idx="2172">
                  <c:v>40.720000000003402</c:v>
                </c:pt>
                <c:pt idx="2173">
                  <c:v>40.7300000000034</c:v>
                </c:pt>
                <c:pt idx="2174">
                  <c:v>40.740000000003398</c:v>
                </c:pt>
                <c:pt idx="2175">
                  <c:v>40.750000000003403</c:v>
                </c:pt>
                <c:pt idx="2176">
                  <c:v>40.760000000003402</c:v>
                </c:pt>
                <c:pt idx="2177">
                  <c:v>40.7700000000034</c:v>
                </c:pt>
                <c:pt idx="2178">
                  <c:v>40.780000000003398</c:v>
                </c:pt>
                <c:pt idx="2179">
                  <c:v>40.790000000003403</c:v>
                </c:pt>
                <c:pt idx="2180">
                  <c:v>40.800000000003401</c:v>
                </c:pt>
                <c:pt idx="2181">
                  <c:v>40.810000000003399</c:v>
                </c:pt>
                <c:pt idx="2182">
                  <c:v>40.820000000003397</c:v>
                </c:pt>
                <c:pt idx="2183">
                  <c:v>40.830000000003402</c:v>
                </c:pt>
                <c:pt idx="2184">
                  <c:v>40.8400000000034</c:v>
                </c:pt>
                <c:pt idx="2185">
                  <c:v>40.850000000003398</c:v>
                </c:pt>
                <c:pt idx="2186">
                  <c:v>40.860000000003403</c:v>
                </c:pt>
                <c:pt idx="2187">
                  <c:v>40.870000000003401</c:v>
                </c:pt>
                <c:pt idx="2188">
                  <c:v>40.880000000003399</c:v>
                </c:pt>
                <c:pt idx="2189">
                  <c:v>40.890000000003397</c:v>
                </c:pt>
                <c:pt idx="2190">
                  <c:v>40.900000000003402</c:v>
                </c:pt>
                <c:pt idx="2191">
                  <c:v>40.9100000000034</c:v>
                </c:pt>
                <c:pt idx="2192">
                  <c:v>40.920000000003398</c:v>
                </c:pt>
                <c:pt idx="2193">
                  <c:v>40.930000000003403</c:v>
                </c:pt>
                <c:pt idx="2194">
                  <c:v>40.940000000003401</c:v>
                </c:pt>
                <c:pt idx="2195">
                  <c:v>40.950000000003399</c:v>
                </c:pt>
                <c:pt idx="2196">
                  <c:v>40.960000000003397</c:v>
                </c:pt>
                <c:pt idx="2197">
                  <c:v>40.970000000003402</c:v>
                </c:pt>
                <c:pt idx="2198">
                  <c:v>40.9800000000034</c:v>
                </c:pt>
                <c:pt idx="2199">
                  <c:v>40.990000000003398</c:v>
                </c:pt>
                <c:pt idx="2200">
                  <c:v>41.000000000003403</c:v>
                </c:pt>
                <c:pt idx="2201">
                  <c:v>41.010000000003402</c:v>
                </c:pt>
                <c:pt idx="2202">
                  <c:v>41.0200000000034</c:v>
                </c:pt>
                <c:pt idx="2203">
                  <c:v>41.030000000003398</c:v>
                </c:pt>
                <c:pt idx="2204">
                  <c:v>41.040000000003403</c:v>
                </c:pt>
                <c:pt idx="2205">
                  <c:v>41.050000000003401</c:v>
                </c:pt>
                <c:pt idx="2206">
                  <c:v>41.060000000003399</c:v>
                </c:pt>
                <c:pt idx="2207">
                  <c:v>41.070000000003397</c:v>
                </c:pt>
                <c:pt idx="2208">
                  <c:v>41.080000000003501</c:v>
                </c:pt>
                <c:pt idx="2209">
                  <c:v>41.090000000003499</c:v>
                </c:pt>
                <c:pt idx="2210">
                  <c:v>41.100000000003497</c:v>
                </c:pt>
                <c:pt idx="2211">
                  <c:v>41.110000000003502</c:v>
                </c:pt>
                <c:pt idx="2212">
                  <c:v>41.1200000000035</c:v>
                </c:pt>
                <c:pt idx="2213">
                  <c:v>41.130000000003498</c:v>
                </c:pt>
                <c:pt idx="2214">
                  <c:v>41.140000000003504</c:v>
                </c:pt>
                <c:pt idx="2215">
                  <c:v>41.150000000003502</c:v>
                </c:pt>
                <c:pt idx="2216">
                  <c:v>41.1600000000035</c:v>
                </c:pt>
                <c:pt idx="2217">
                  <c:v>41.170000000003498</c:v>
                </c:pt>
                <c:pt idx="2218">
                  <c:v>41.180000000003503</c:v>
                </c:pt>
                <c:pt idx="2219">
                  <c:v>41.190000000003501</c:v>
                </c:pt>
                <c:pt idx="2220">
                  <c:v>41.200000000003499</c:v>
                </c:pt>
                <c:pt idx="2221">
                  <c:v>41.210000000003497</c:v>
                </c:pt>
                <c:pt idx="2222">
                  <c:v>41.220000000003502</c:v>
                </c:pt>
                <c:pt idx="2223">
                  <c:v>41.2300000000035</c:v>
                </c:pt>
                <c:pt idx="2224">
                  <c:v>41.240000000003498</c:v>
                </c:pt>
                <c:pt idx="2225">
                  <c:v>41.250000000003503</c:v>
                </c:pt>
                <c:pt idx="2226">
                  <c:v>41.260000000003501</c:v>
                </c:pt>
                <c:pt idx="2227">
                  <c:v>41.270000000003499</c:v>
                </c:pt>
                <c:pt idx="2228">
                  <c:v>41.280000000003497</c:v>
                </c:pt>
                <c:pt idx="2229">
                  <c:v>41.290000000003502</c:v>
                </c:pt>
                <c:pt idx="2230">
                  <c:v>41.3000000000035</c:v>
                </c:pt>
                <c:pt idx="2231">
                  <c:v>41.310000000003498</c:v>
                </c:pt>
                <c:pt idx="2232">
                  <c:v>41.320000000003503</c:v>
                </c:pt>
                <c:pt idx="2233">
                  <c:v>41.330000000003501</c:v>
                </c:pt>
                <c:pt idx="2234">
                  <c:v>41.340000000003499</c:v>
                </c:pt>
                <c:pt idx="2235">
                  <c:v>41.350000000003497</c:v>
                </c:pt>
                <c:pt idx="2236">
                  <c:v>41.360000000003502</c:v>
                </c:pt>
                <c:pt idx="2237">
                  <c:v>41.3700000000035</c:v>
                </c:pt>
                <c:pt idx="2238">
                  <c:v>41.380000000003498</c:v>
                </c:pt>
                <c:pt idx="2239">
                  <c:v>41.390000000003504</c:v>
                </c:pt>
                <c:pt idx="2240">
                  <c:v>41.400000000003502</c:v>
                </c:pt>
                <c:pt idx="2241">
                  <c:v>41.4100000000035</c:v>
                </c:pt>
                <c:pt idx="2242">
                  <c:v>41.420000000003498</c:v>
                </c:pt>
                <c:pt idx="2243">
                  <c:v>41.430000000003503</c:v>
                </c:pt>
                <c:pt idx="2244">
                  <c:v>41.440000000003501</c:v>
                </c:pt>
                <c:pt idx="2245">
                  <c:v>41.450000000003499</c:v>
                </c:pt>
                <c:pt idx="2246">
                  <c:v>41.460000000003497</c:v>
                </c:pt>
                <c:pt idx="2247">
                  <c:v>41.470000000003502</c:v>
                </c:pt>
                <c:pt idx="2248">
                  <c:v>41.4800000000035</c:v>
                </c:pt>
                <c:pt idx="2249">
                  <c:v>41.490000000003498</c:v>
                </c:pt>
                <c:pt idx="2250">
                  <c:v>41.500000000003503</c:v>
                </c:pt>
                <c:pt idx="2251">
                  <c:v>41.510000000003501</c:v>
                </c:pt>
                <c:pt idx="2252">
                  <c:v>41.520000000003499</c:v>
                </c:pt>
                <c:pt idx="2253">
                  <c:v>41.530000000003497</c:v>
                </c:pt>
                <c:pt idx="2254">
                  <c:v>41.540000000003502</c:v>
                </c:pt>
                <c:pt idx="2255">
                  <c:v>41.5500000000035</c:v>
                </c:pt>
                <c:pt idx="2256">
                  <c:v>41.560000000003498</c:v>
                </c:pt>
                <c:pt idx="2257">
                  <c:v>41.570000000003503</c:v>
                </c:pt>
                <c:pt idx="2258">
                  <c:v>41.580000000003501</c:v>
                </c:pt>
                <c:pt idx="2259">
                  <c:v>41.590000000003499</c:v>
                </c:pt>
                <c:pt idx="2260">
                  <c:v>41.600000000003497</c:v>
                </c:pt>
                <c:pt idx="2261">
                  <c:v>41.610000000003502</c:v>
                </c:pt>
                <c:pt idx="2262">
                  <c:v>41.6200000000035</c:v>
                </c:pt>
                <c:pt idx="2263">
                  <c:v>41.630000000003498</c:v>
                </c:pt>
                <c:pt idx="2264">
                  <c:v>41.640000000003504</c:v>
                </c:pt>
                <c:pt idx="2265">
                  <c:v>41.650000000003502</c:v>
                </c:pt>
                <c:pt idx="2266">
                  <c:v>41.6600000000035</c:v>
                </c:pt>
                <c:pt idx="2267">
                  <c:v>41.670000000003498</c:v>
                </c:pt>
                <c:pt idx="2268">
                  <c:v>41.680000000003503</c:v>
                </c:pt>
                <c:pt idx="2269">
                  <c:v>41.690000000003501</c:v>
                </c:pt>
                <c:pt idx="2270">
                  <c:v>41.700000000003499</c:v>
                </c:pt>
                <c:pt idx="2271">
                  <c:v>41.710000000003603</c:v>
                </c:pt>
                <c:pt idx="2272">
                  <c:v>41.720000000003601</c:v>
                </c:pt>
                <c:pt idx="2273">
                  <c:v>41.730000000003599</c:v>
                </c:pt>
                <c:pt idx="2274">
                  <c:v>41.740000000003597</c:v>
                </c:pt>
                <c:pt idx="2275">
                  <c:v>41.750000000003602</c:v>
                </c:pt>
                <c:pt idx="2276">
                  <c:v>41.7600000000036</c:v>
                </c:pt>
                <c:pt idx="2277">
                  <c:v>41.770000000003598</c:v>
                </c:pt>
                <c:pt idx="2278">
                  <c:v>41.780000000003596</c:v>
                </c:pt>
                <c:pt idx="2279">
                  <c:v>41.790000000003602</c:v>
                </c:pt>
                <c:pt idx="2280">
                  <c:v>41.8000000000036</c:v>
                </c:pt>
                <c:pt idx="2281">
                  <c:v>41.810000000003598</c:v>
                </c:pt>
                <c:pt idx="2282">
                  <c:v>41.820000000003603</c:v>
                </c:pt>
                <c:pt idx="2283">
                  <c:v>41.830000000003601</c:v>
                </c:pt>
                <c:pt idx="2284">
                  <c:v>41.840000000003599</c:v>
                </c:pt>
                <c:pt idx="2285">
                  <c:v>41.850000000003597</c:v>
                </c:pt>
                <c:pt idx="2286">
                  <c:v>41.860000000003602</c:v>
                </c:pt>
                <c:pt idx="2287">
                  <c:v>41.8700000000036</c:v>
                </c:pt>
                <c:pt idx="2288">
                  <c:v>41.880000000003598</c:v>
                </c:pt>
                <c:pt idx="2289">
                  <c:v>41.890000000003603</c:v>
                </c:pt>
                <c:pt idx="2290">
                  <c:v>41.900000000003601</c:v>
                </c:pt>
                <c:pt idx="2291">
                  <c:v>41.910000000003599</c:v>
                </c:pt>
                <c:pt idx="2292">
                  <c:v>41.920000000003597</c:v>
                </c:pt>
                <c:pt idx="2293">
                  <c:v>41.930000000003602</c:v>
                </c:pt>
                <c:pt idx="2294">
                  <c:v>41.9400000000036</c:v>
                </c:pt>
                <c:pt idx="2295">
                  <c:v>41.950000000003598</c:v>
                </c:pt>
                <c:pt idx="2296">
                  <c:v>41.960000000003603</c:v>
                </c:pt>
                <c:pt idx="2297">
                  <c:v>41.970000000003601</c:v>
                </c:pt>
                <c:pt idx="2298">
                  <c:v>41.980000000003599</c:v>
                </c:pt>
                <c:pt idx="2299">
                  <c:v>41.990000000003597</c:v>
                </c:pt>
                <c:pt idx="2300">
                  <c:v>42.000000000003602</c:v>
                </c:pt>
                <c:pt idx="2301">
                  <c:v>42.0100000000036</c:v>
                </c:pt>
                <c:pt idx="2302">
                  <c:v>42.020000000003598</c:v>
                </c:pt>
                <c:pt idx="2303">
                  <c:v>42.030000000003596</c:v>
                </c:pt>
                <c:pt idx="2304">
                  <c:v>42.040000000003602</c:v>
                </c:pt>
                <c:pt idx="2305">
                  <c:v>42.0500000000036</c:v>
                </c:pt>
                <c:pt idx="2306">
                  <c:v>42.060000000003598</c:v>
                </c:pt>
                <c:pt idx="2307">
                  <c:v>42.070000000003603</c:v>
                </c:pt>
                <c:pt idx="2308">
                  <c:v>42.080000000003601</c:v>
                </c:pt>
                <c:pt idx="2309">
                  <c:v>42.090000000003599</c:v>
                </c:pt>
                <c:pt idx="2310">
                  <c:v>42.100000000003597</c:v>
                </c:pt>
                <c:pt idx="2311">
                  <c:v>42.110000000003602</c:v>
                </c:pt>
                <c:pt idx="2312">
                  <c:v>42.1200000000036</c:v>
                </c:pt>
                <c:pt idx="2313">
                  <c:v>42.130000000003598</c:v>
                </c:pt>
                <c:pt idx="2314">
                  <c:v>42.140000000003603</c:v>
                </c:pt>
                <c:pt idx="2315">
                  <c:v>42.150000000003601</c:v>
                </c:pt>
                <c:pt idx="2316">
                  <c:v>42.160000000003599</c:v>
                </c:pt>
                <c:pt idx="2317">
                  <c:v>42.170000000003597</c:v>
                </c:pt>
                <c:pt idx="2318">
                  <c:v>42.180000000003602</c:v>
                </c:pt>
                <c:pt idx="2319">
                  <c:v>42.1900000000036</c:v>
                </c:pt>
                <c:pt idx="2320">
                  <c:v>42.200000000003598</c:v>
                </c:pt>
                <c:pt idx="2321">
                  <c:v>42.210000000003603</c:v>
                </c:pt>
                <c:pt idx="2322">
                  <c:v>42.220000000003601</c:v>
                </c:pt>
                <c:pt idx="2323">
                  <c:v>42.230000000003599</c:v>
                </c:pt>
                <c:pt idx="2324">
                  <c:v>42.240000000003597</c:v>
                </c:pt>
                <c:pt idx="2325">
                  <c:v>42.250000000003602</c:v>
                </c:pt>
                <c:pt idx="2326">
                  <c:v>42.2600000000036</c:v>
                </c:pt>
                <c:pt idx="2327">
                  <c:v>42.270000000003598</c:v>
                </c:pt>
                <c:pt idx="2328">
                  <c:v>42.280000000003596</c:v>
                </c:pt>
                <c:pt idx="2329">
                  <c:v>42.290000000003602</c:v>
                </c:pt>
                <c:pt idx="2330">
                  <c:v>42.3000000000036</c:v>
                </c:pt>
                <c:pt idx="2331">
                  <c:v>42.310000000003598</c:v>
                </c:pt>
                <c:pt idx="2332">
                  <c:v>42.320000000003603</c:v>
                </c:pt>
                <c:pt idx="2333">
                  <c:v>42.330000000003601</c:v>
                </c:pt>
                <c:pt idx="2334">
                  <c:v>42.340000000003599</c:v>
                </c:pt>
                <c:pt idx="2335">
                  <c:v>42.350000000003703</c:v>
                </c:pt>
                <c:pt idx="2336">
                  <c:v>42.360000000003701</c:v>
                </c:pt>
                <c:pt idx="2337">
                  <c:v>42.370000000003699</c:v>
                </c:pt>
                <c:pt idx="2338">
                  <c:v>42.380000000003697</c:v>
                </c:pt>
                <c:pt idx="2339">
                  <c:v>42.390000000003702</c:v>
                </c:pt>
                <c:pt idx="2340">
                  <c:v>42.400000000003701</c:v>
                </c:pt>
                <c:pt idx="2341">
                  <c:v>42.410000000003699</c:v>
                </c:pt>
                <c:pt idx="2342">
                  <c:v>42.420000000003697</c:v>
                </c:pt>
                <c:pt idx="2343">
                  <c:v>42.430000000003702</c:v>
                </c:pt>
                <c:pt idx="2344">
                  <c:v>42.4400000000037</c:v>
                </c:pt>
                <c:pt idx="2345">
                  <c:v>42.450000000003698</c:v>
                </c:pt>
                <c:pt idx="2346">
                  <c:v>42.460000000003703</c:v>
                </c:pt>
                <c:pt idx="2347">
                  <c:v>42.470000000003701</c:v>
                </c:pt>
                <c:pt idx="2348">
                  <c:v>42.480000000003699</c:v>
                </c:pt>
                <c:pt idx="2349">
                  <c:v>42.490000000003697</c:v>
                </c:pt>
                <c:pt idx="2350">
                  <c:v>42.500000000003702</c:v>
                </c:pt>
                <c:pt idx="2351">
                  <c:v>42.5100000000037</c:v>
                </c:pt>
                <c:pt idx="2352">
                  <c:v>42.520000000003698</c:v>
                </c:pt>
                <c:pt idx="2353">
                  <c:v>42.530000000003703</c:v>
                </c:pt>
                <c:pt idx="2354">
                  <c:v>42.540000000003701</c:v>
                </c:pt>
                <c:pt idx="2355">
                  <c:v>42.550000000003699</c:v>
                </c:pt>
                <c:pt idx="2356">
                  <c:v>42.560000000003697</c:v>
                </c:pt>
                <c:pt idx="2357">
                  <c:v>42.570000000003702</c:v>
                </c:pt>
                <c:pt idx="2358">
                  <c:v>42.5800000000037</c:v>
                </c:pt>
                <c:pt idx="2359">
                  <c:v>42.590000000003698</c:v>
                </c:pt>
                <c:pt idx="2360">
                  <c:v>42.600000000003703</c:v>
                </c:pt>
                <c:pt idx="2361">
                  <c:v>42.610000000003701</c:v>
                </c:pt>
                <c:pt idx="2362">
                  <c:v>42.620000000003699</c:v>
                </c:pt>
                <c:pt idx="2363">
                  <c:v>42.630000000003697</c:v>
                </c:pt>
                <c:pt idx="2364">
                  <c:v>42.640000000003702</c:v>
                </c:pt>
                <c:pt idx="2365">
                  <c:v>42.650000000003701</c:v>
                </c:pt>
                <c:pt idx="2366">
                  <c:v>42.660000000003699</c:v>
                </c:pt>
                <c:pt idx="2367">
                  <c:v>42.670000000003697</c:v>
                </c:pt>
                <c:pt idx="2368">
                  <c:v>42.680000000003702</c:v>
                </c:pt>
                <c:pt idx="2369">
                  <c:v>42.6900000000037</c:v>
                </c:pt>
                <c:pt idx="2370">
                  <c:v>42.700000000003698</c:v>
                </c:pt>
                <c:pt idx="2371">
                  <c:v>42.710000000003703</c:v>
                </c:pt>
                <c:pt idx="2372">
                  <c:v>42.720000000003701</c:v>
                </c:pt>
                <c:pt idx="2373">
                  <c:v>42.730000000003699</c:v>
                </c:pt>
                <c:pt idx="2374">
                  <c:v>42.740000000003697</c:v>
                </c:pt>
                <c:pt idx="2375">
                  <c:v>42.750000000003702</c:v>
                </c:pt>
                <c:pt idx="2376">
                  <c:v>42.7600000000037</c:v>
                </c:pt>
                <c:pt idx="2377">
                  <c:v>42.770000000003698</c:v>
                </c:pt>
                <c:pt idx="2378">
                  <c:v>42.780000000003703</c:v>
                </c:pt>
                <c:pt idx="2379">
                  <c:v>42.790000000003701</c:v>
                </c:pt>
                <c:pt idx="2380">
                  <c:v>42.800000000003699</c:v>
                </c:pt>
                <c:pt idx="2381">
                  <c:v>42.810000000003697</c:v>
                </c:pt>
                <c:pt idx="2382">
                  <c:v>42.820000000003702</c:v>
                </c:pt>
                <c:pt idx="2383">
                  <c:v>42.8300000000037</c:v>
                </c:pt>
                <c:pt idx="2384">
                  <c:v>42.840000000003698</c:v>
                </c:pt>
                <c:pt idx="2385">
                  <c:v>42.850000000003703</c:v>
                </c:pt>
                <c:pt idx="2386">
                  <c:v>42.860000000003701</c:v>
                </c:pt>
                <c:pt idx="2387">
                  <c:v>42.870000000003699</c:v>
                </c:pt>
                <c:pt idx="2388">
                  <c:v>42.880000000003697</c:v>
                </c:pt>
                <c:pt idx="2389">
                  <c:v>42.890000000003702</c:v>
                </c:pt>
                <c:pt idx="2390">
                  <c:v>42.900000000003701</c:v>
                </c:pt>
                <c:pt idx="2391">
                  <c:v>42.910000000003699</c:v>
                </c:pt>
                <c:pt idx="2392">
                  <c:v>42.920000000003697</c:v>
                </c:pt>
                <c:pt idx="2393">
                  <c:v>42.930000000003702</c:v>
                </c:pt>
                <c:pt idx="2394">
                  <c:v>42.9400000000037</c:v>
                </c:pt>
                <c:pt idx="2395">
                  <c:v>42.950000000003698</c:v>
                </c:pt>
                <c:pt idx="2396">
                  <c:v>42.960000000003703</c:v>
                </c:pt>
                <c:pt idx="2397">
                  <c:v>42.970000000003701</c:v>
                </c:pt>
                <c:pt idx="2398">
                  <c:v>42.980000000003699</c:v>
                </c:pt>
                <c:pt idx="2399">
                  <c:v>42.990000000003803</c:v>
                </c:pt>
                <c:pt idx="2400">
                  <c:v>43.000000000003801</c:v>
                </c:pt>
                <c:pt idx="2401">
                  <c:v>43.010000000003799</c:v>
                </c:pt>
                <c:pt idx="2402">
                  <c:v>43.020000000003797</c:v>
                </c:pt>
                <c:pt idx="2403">
                  <c:v>43.030000000003803</c:v>
                </c:pt>
                <c:pt idx="2404">
                  <c:v>43.040000000003801</c:v>
                </c:pt>
                <c:pt idx="2405">
                  <c:v>43.050000000003799</c:v>
                </c:pt>
                <c:pt idx="2406">
                  <c:v>43.060000000003797</c:v>
                </c:pt>
                <c:pt idx="2407">
                  <c:v>43.070000000003802</c:v>
                </c:pt>
                <c:pt idx="2408">
                  <c:v>43.0800000000038</c:v>
                </c:pt>
                <c:pt idx="2409">
                  <c:v>43.090000000003798</c:v>
                </c:pt>
                <c:pt idx="2410">
                  <c:v>43.100000000003803</c:v>
                </c:pt>
                <c:pt idx="2411">
                  <c:v>43.110000000003801</c:v>
                </c:pt>
                <c:pt idx="2412">
                  <c:v>43.120000000003799</c:v>
                </c:pt>
                <c:pt idx="2413">
                  <c:v>43.130000000003797</c:v>
                </c:pt>
                <c:pt idx="2414">
                  <c:v>43.140000000003802</c:v>
                </c:pt>
                <c:pt idx="2415">
                  <c:v>43.1500000000038</c:v>
                </c:pt>
                <c:pt idx="2416">
                  <c:v>43.160000000003798</c:v>
                </c:pt>
                <c:pt idx="2417">
                  <c:v>43.170000000003803</c:v>
                </c:pt>
                <c:pt idx="2418">
                  <c:v>43.180000000003801</c:v>
                </c:pt>
                <c:pt idx="2419">
                  <c:v>43.190000000003799</c:v>
                </c:pt>
                <c:pt idx="2420">
                  <c:v>43.200000000003797</c:v>
                </c:pt>
                <c:pt idx="2421">
                  <c:v>43.210000000003802</c:v>
                </c:pt>
                <c:pt idx="2422">
                  <c:v>43.2200000000038</c:v>
                </c:pt>
                <c:pt idx="2423">
                  <c:v>43.230000000003798</c:v>
                </c:pt>
                <c:pt idx="2424">
                  <c:v>43.240000000003803</c:v>
                </c:pt>
                <c:pt idx="2425">
                  <c:v>43.250000000003801</c:v>
                </c:pt>
                <c:pt idx="2426">
                  <c:v>43.260000000003799</c:v>
                </c:pt>
                <c:pt idx="2427">
                  <c:v>43.270000000003797</c:v>
                </c:pt>
                <c:pt idx="2428">
                  <c:v>43.280000000003803</c:v>
                </c:pt>
                <c:pt idx="2429">
                  <c:v>43.290000000003801</c:v>
                </c:pt>
                <c:pt idx="2430">
                  <c:v>43.300000000003799</c:v>
                </c:pt>
                <c:pt idx="2431">
                  <c:v>43.310000000003797</c:v>
                </c:pt>
                <c:pt idx="2432">
                  <c:v>43.320000000003802</c:v>
                </c:pt>
                <c:pt idx="2433">
                  <c:v>43.3300000000038</c:v>
                </c:pt>
                <c:pt idx="2434">
                  <c:v>43.340000000003798</c:v>
                </c:pt>
                <c:pt idx="2435">
                  <c:v>43.350000000003803</c:v>
                </c:pt>
                <c:pt idx="2436">
                  <c:v>43.360000000003801</c:v>
                </c:pt>
                <c:pt idx="2437">
                  <c:v>43.370000000003799</c:v>
                </c:pt>
                <c:pt idx="2438">
                  <c:v>43.380000000003797</c:v>
                </c:pt>
                <c:pt idx="2439">
                  <c:v>43.390000000003802</c:v>
                </c:pt>
                <c:pt idx="2440">
                  <c:v>43.4000000000038</c:v>
                </c:pt>
                <c:pt idx="2441">
                  <c:v>43.410000000003798</c:v>
                </c:pt>
                <c:pt idx="2442">
                  <c:v>43.420000000003803</c:v>
                </c:pt>
                <c:pt idx="2443">
                  <c:v>43.430000000003801</c:v>
                </c:pt>
                <c:pt idx="2444">
                  <c:v>43.440000000003799</c:v>
                </c:pt>
                <c:pt idx="2445">
                  <c:v>43.450000000003797</c:v>
                </c:pt>
                <c:pt idx="2446">
                  <c:v>43.460000000003802</c:v>
                </c:pt>
                <c:pt idx="2447">
                  <c:v>43.4700000000038</c:v>
                </c:pt>
                <c:pt idx="2448">
                  <c:v>43.480000000003798</c:v>
                </c:pt>
                <c:pt idx="2449">
                  <c:v>43.490000000003803</c:v>
                </c:pt>
                <c:pt idx="2450">
                  <c:v>43.500000000003801</c:v>
                </c:pt>
                <c:pt idx="2451">
                  <c:v>43.510000000003799</c:v>
                </c:pt>
                <c:pt idx="2452">
                  <c:v>43.520000000003797</c:v>
                </c:pt>
                <c:pt idx="2453">
                  <c:v>43.530000000003803</c:v>
                </c:pt>
                <c:pt idx="2454">
                  <c:v>43.540000000003801</c:v>
                </c:pt>
                <c:pt idx="2455">
                  <c:v>43.550000000003799</c:v>
                </c:pt>
                <c:pt idx="2456">
                  <c:v>43.560000000003797</c:v>
                </c:pt>
                <c:pt idx="2457">
                  <c:v>43.570000000003802</c:v>
                </c:pt>
                <c:pt idx="2458">
                  <c:v>43.5800000000038</c:v>
                </c:pt>
                <c:pt idx="2459">
                  <c:v>43.590000000003798</c:v>
                </c:pt>
                <c:pt idx="2460">
                  <c:v>43.600000000003803</c:v>
                </c:pt>
                <c:pt idx="2461">
                  <c:v>43.610000000003801</c:v>
                </c:pt>
                <c:pt idx="2462">
                  <c:v>43.620000000003799</c:v>
                </c:pt>
                <c:pt idx="2463">
                  <c:v>43.630000000003903</c:v>
                </c:pt>
                <c:pt idx="2464">
                  <c:v>43.640000000003901</c:v>
                </c:pt>
                <c:pt idx="2465">
                  <c:v>43.650000000003899</c:v>
                </c:pt>
                <c:pt idx="2466">
                  <c:v>43.660000000003897</c:v>
                </c:pt>
                <c:pt idx="2467">
                  <c:v>43.670000000003903</c:v>
                </c:pt>
                <c:pt idx="2468">
                  <c:v>43.680000000003901</c:v>
                </c:pt>
                <c:pt idx="2469">
                  <c:v>43.690000000003899</c:v>
                </c:pt>
                <c:pt idx="2470">
                  <c:v>43.700000000003897</c:v>
                </c:pt>
                <c:pt idx="2471">
                  <c:v>43.710000000003902</c:v>
                </c:pt>
                <c:pt idx="2472">
                  <c:v>43.7200000000039</c:v>
                </c:pt>
                <c:pt idx="2473">
                  <c:v>43.730000000003898</c:v>
                </c:pt>
                <c:pt idx="2474">
                  <c:v>43.740000000003903</c:v>
                </c:pt>
                <c:pt idx="2475">
                  <c:v>43.750000000003901</c:v>
                </c:pt>
                <c:pt idx="2476">
                  <c:v>43.760000000003899</c:v>
                </c:pt>
                <c:pt idx="2477">
                  <c:v>43.770000000003897</c:v>
                </c:pt>
                <c:pt idx="2478">
                  <c:v>43.780000000003902</c:v>
                </c:pt>
                <c:pt idx="2479">
                  <c:v>43.7900000000039</c:v>
                </c:pt>
                <c:pt idx="2480">
                  <c:v>43.800000000003898</c:v>
                </c:pt>
                <c:pt idx="2481">
                  <c:v>43.810000000003903</c:v>
                </c:pt>
                <c:pt idx="2482">
                  <c:v>43.820000000003901</c:v>
                </c:pt>
                <c:pt idx="2483">
                  <c:v>43.830000000003899</c:v>
                </c:pt>
                <c:pt idx="2484">
                  <c:v>43.840000000003897</c:v>
                </c:pt>
                <c:pt idx="2485">
                  <c:v>43.850000000003902</c:v>
                </c:pt>
                <c:pt idx="2486">
                  <c:v>43.8600000000039</c:v>
                </c:pt>
                <c:pt idx="2487">
                  <c:v>43.870000000003898</c:v>
                </c:pt>
                <c:pt idx="2488">
                  <c:v>43.880000000003903</c:v>
                </c:pt>
                <c:pt idx="2489">
                  <c:v>43.890000000003901</c:v>
                </c:pt>
                <c:pt idx="2490">
                  <c:v>43.900000000003899</c:v>
                </c:pt>
                <c:pt idx="2491">
                  <c:v>43.910000000003897</c:v>
                </c:pt>
                <c:pt idx="2492">
                  <c:v>43.920000000003903</c:v>
                </c:pt>
                <c:pt idx="2493">
                  <c:v>43.930000000003901</c:v>
                </c:pt>
                <c:pt idx="2494">
                  <c:v>43.940000000003899</c:v>
                </c:pt>
                <c:pt idx="2495">
                  <c:v>43.950000000003897</c:v>
                </c:pt>
                <c:pt idx="2496">
                  <c:v>43.960000000003902</c:v>
                </c:pt>
                <c:pt idx="2497">
                  <c:v>43.9700000000039</c:v>
                </c:pt>
                <c:pt idx="2498">
                  <c:v>43.980000000003898</c:v>
                </c:pt>
                <c:pt idx="2499">
                  <c:v>43.990000000003903</c:v>
                </c:pt>
                <c:pt idx="2500">
                  <c:v>44.000000000003901</c:v>
                </c:pt>
                <c:pt idx="2501">
                  <c:v>44.010000000003899</c:v>
                </c:pt>
                <c:pt idx="2502">
                  <c:v>44.020000000003897</c:v>
                </c:pt>
                <c:pt idx="2503">
                  <c:v>44.030000000003902</c:v>
                </c:pt>
                <c:pt idx="2504">
                  <c:v>44.0400000000039</c:v>
                </c:pt>
                <c:pt idx="2505">
                  <c:v>44.050000000003898</c:v>
                </c:pt>
                <c:pt idx="2506">
                  <c:v>44.060000000003903</c:v>
                </c:pt>
                <c:pt idx="2507">
                  <c:v>44.070000000003901</c:v>
                </c:pt>
                <c:pt idx="2508">
                  <c:v>44.080000000003899</c:v>
                </c:pt>
                <c:pt idx="2509">
                  <c:v>44.090000000003897</c:v>
                </c:pt>
                <c:pt idx="2510">
                  <c:v>44.100000000003902</c:v>
                </c:pt>
                <c:pt idx="2511">
                  <c:v>44.1100000000039</c:v>
                </c:pt>
                <c:pt idx="2512">
                  <c:v>44.120000000003898</c:v>
                </c:pt>
                <c:pt idx="2513">
                  <c:v>44.130000000003903</c:v>
                </c:pt>
                <c:pt idx="2514">
                  <c:v>44.140000000003901</c:v>
                </c:pt>
                <c:pt idx="2515">
                  <c:v>44.150000000003899</c:v>
                </c:pt>
                <c:pt idx="2516">
                  <c:v>44.160000000003897</c:v>
                </c:pt>
                <c:pt idx="2517">
                  <c:v>44.170000000003903</c:v>
                </c:pt>
                <c:pt idx="2518">
                  <c:v>44.180000000003901</c:v>
                </c:pt>
                <c:pt idx="2519">
                  <c:v>44.190000000003899</c:v>
                </c:pt>
                <c:pt idx="2520">
                  <c:v>44.200000000003897</c:v>
                </c:pt>
                <c:pt idx="2521">
                  <c:v>44.210000000003902</c:v>
                </c:pt>
                <c:pt idx="2522">
                  <c:v>44.2200000000039</c:v>
                </c:pt>
                <c:pt idx="2523">
                  <c:v>44.230000000003898</c:v>
                </c:pt>
                <c:pt idx="2524">
                  <c:v>44.240000000003903</c:v>
                </c:pt>
                <c:pt idx="2525">
                  <c:v>44.250000000003901</c:v>
                </c:pt>
                <c:pt idx="2526">
                  <c:v>44.260000000003899</c:v>
                </c:pt>
                <c:pt idx="2527">
                  <c:v>44.270000000004003</c:v>
                </c:pt>
                <c:pt idx="2528">
                  <c:v>44.280000000004001</c:v>
                </c:pt>
                <c:pt idx="2529">
                  <c:v>44.290000000004</c:v>
                </c:pt>
                <c:pt idx="2530">
                  <c:v>44.300000000003998</c:v>
                </c:pt>
                <c:pt idx="2531">
                  <c:v>44.310000000004003</c:v>
                </c:pt>
                <c:pt idx="2532">
                  <c:v>44.320000000004001</c:v>
                </c:pt>
                <c:pt idx="2533">
                  <c:v>44.330000000003999</c:v>
                </c:pt>
                <c:pt idx="2534">
                  <c:v>44.340000000003997</c:v>
                </c:pt>
                <c:pt idx="2535">
                  <c:v>44.350000000004002</c:v>
                </c:pt>
                <c:pt idx="2536">
                  <c:v>44.360000000004</c:v>
                </c:pt>
                <c:pt idx="2537">
                  <c:v>44.370000000003998</c:v>
                </c:pt>
                <c:pt idx="2538">
                  <c:v>44.380000000004003</c:v>
                </c:pt>
                <c:pt idx="2539">
                  <c:v>44.390000000004001</c:v>
                </c:pt>
                <c:pt idx="2540">
                  <c:v>44.400000000003999</c:v>
                </c:pt>
                <c:pt idx="2541">
                  <c:v>44.410000000003997</c:v>
                </c:pt>
                <c:pt idx="2542">
                  <c:v>44.420000000004002</c:v>
                </c:pt>
                <c:pt idx="2543">
                  <c:v>44.430000000004</c:v>
                </c:pt>
                <c:pt idx="2544">
                  <c:v>44.440000000003998</c:v>
                </c:pt>
                <c:pt idx="2545">
                  <c:v>44.450000000004003</c:v>
                </c:pt>
                <c:pt idx="2546">
                  <c:v>44.460000000004001</c:v>
                </c:pt>
                <c:pt idx="2547">
                  <c:v>44.470000000003999</c:v>
                </c:pt>
                <c:pt idx="2548">
                  <c:v>44.480000000003997</c:v>
                </c:pt>
                <c:pt idx="2549">
                  <c:v>44.490000000004002</c:v>
                </c:pt>
                <c:pt idx="2550">
                  <c:v>44.500000000004</c:v>
                </c:pt>
                <c:pt idx="2551">
                  <c:v>44.510000000003998</c:v>
                </c:pt>
                <c:pt idx="2552">
                  <c:v>44.520000000004003</c:v>
                </c:pt>
                <c:pt idx="2553">
                  <c:v>44.530000000004001</c:v>
                </c:pt>
                <c:pt idx="2554">
                  <c:v>44.540000000004</c:v>
                </c:pt>
                <c:pt idx="2555">
                  <c:v>44.550000000003998</c:v>
                </c:pt>
                <c:pt idx="2556">
                  <c:v>44.560000000004003</c:v>
                </c:pt>
                <c:pt idx="2557">
                  <c:v>44.570000000004001</c:v>
                </c:pt>
                <c:pt idx="2558">
                  <c:v>44.580000000003999</c:v>
                </c:pt>
                <c:pt idx="2559">
                  <c:v>44.590000000003997</c:v>
                </c:pt>
                <c:pt idx="2560">
                  <c:v>44.600000000004002</c:v>
                </c:pt>
                <c:pt idx="2561">
                  <c:v>44.610000000004</c:v>
                </c:pt>
                <c:pt idx="2562">
                  <c:v>44.620000000003998</c:v>
                </c:pt>
                <c:pt idx="2563">
                  <c:v>44.630000000004003</c:v>
                </c:pt>
                <c:pt idx="2564">
                  <c:v>44.640000000004001</c:v>
                </c:pt>
                <c:pt idx="2565">
                  <c:v>44.650000000003999</c:v>
                </c:pt>
                <c:pt idx="2566">
                  <c:v>44.660000000003997</c:v>
                </c:pt>
                <c:pt idx="2567">
                  <c:v>44.670000000004002</c:v>
                </c:pt>
                <c:pt idx="2568">
                  <c:v>44.680000000004</c:v>
                </c:pt>
                <c:pt idx="2569">
                  <c:v>44.690000000003998</c:v>
                </c:pt>
                <c:pt idx="2570">
                  <c:v>44.700000000004003</c:v>
                </c:pt>
                <c:pt idx="2571">
                  <c:v>44.710000000004001</c:v>
                </c:pt>
                <c:pt idx="2572">
                  <c:v>44.720000000003999</c:v>
                </c:pt>
                <c:pt idx="2573">
                  <c:v>44.730000000003997</c:v>
                </c:pt>
                <c:pt idx="2574">
                  <c:v>44.740000000004002</c:v>
                </c:pt>
                <c:pt idx="2575">
                  <c:v>44.750000000004</c:v>
                </c:pt>
                <c:pt idx="2576">
                  <c:v>44.760000000003998</c:v>
                </c:pt>
                <c:pt idx="2577">
                  <c:v>44.770000000004003</c:v>
                </c:pt>
                <c:pt idx="2578">
                  <c:v>44.780000000004001</c:v>
                </c:pt>
                <c:pt idx="2579">
                  <c:v>44.790000000004</c:v>
                </c:pt>
                <c:pt idx="2580">
                  <c:v>44.800000000003998</c:v>
                </c:pt>
                <c:pt idx="2581">
                  <c:v>44.810000000004003</c:v>
                </c:pt>
                <c:pt idx="2582">
                  <c:v>44.820000000004001</c:v>
                </c:pt>
                <c:pt idx="2583">
                  <c:v>44.830000000003999</c:v>
                </c:pt>
                <c:pt idx="2584">
                  <c:v>44.840000000003997</c:v>
                </c:pt>
                <c:pt idx="2585">
                  <c:v>44.850000000004002</c:v>
                </c:pt>
                <c:pt idx="2586">
                  <c:v>44.860000000004</c:v>
                </c:pt>
                <c:pt idx="2587">
                  <c:v>44.870000000003998</c:v>
                </c:pt>
                <c:pt idx="2588">
                  <c:v>44.880000000004003</c:v>
                </c:pt>
                <c:pt idx="2589">
                  <c:v>44.890000000004001</c:v>
                </c:pt>
                <c:pt idx="2590">
                  <c:v>44.900000000003999</c:v>
                </c:pt>
                <c:pt idx="2591">
                  <c:v>44.910000000004104</c:v>
                </c:pt>
                <c:pt idx="2592">
                  <c:v>44.920000000004102</c:v>
                </c:pt>
                <c:pt idx="2593">
                  <c:v>44.9300000000041</c:v>
                </c:pt>
                <c:pt idx="2594">
                  <c:v>44.940000000004098</c:v>
                </c:pt>
                <c:pt idx="2595">
                  <c:v>44.950000000004103</c:v>
                </c:pt>
                <c:pt idx="2596">
                  <c:v>44.960000000004101</c:v>
                </c:pt>
                <c:pt idx="2597">
                  <c:v>44.970000000004099</c:v>
                </c:pt>
                <c:pt idx="2598">
                  <c:v>44.980000000004097</c:v>
                </c:pt>
                <c:pt idx="2599">
                  <c:v>44.990000000004102</c:v>
                </c:pt>
                <c:pt idx="2600">
                  <c:v>45.0000000000041</c:v>
                </c:pt>
                <c:pt idx="2601">
                  <c:v>45.010000000004098</c:v>
                </c:pt>
                <c:pt idx="2602">
                  <c:v>45.020000000004103</c:v>
                </c:pt>
                <c:pt idx="2603">
                  <c:v>45.030000000004101</c:v>
                </c:pt>
                <c:pt idx="2604">
                  <c:v>45.040000000004099</c:v>
                </c:pt>
                <c:pt idx="2605">
                  <c:v>45.050000000004097</c:v>
                </c:pt>
                <c:pt idx="2606">
                  <c:v>45.060000000004102</c:v>
                </c:pt>
                <c:pt idx="2607">
                  <c:v>45.0700000000041</c:v>
                </c:pt>
                <c:pt idx="2608">
                  <c:v>45.080000000004098</c:v>
                </c:pt>
                <c:pt idx="2609">
                  <c:v>45.090000000004103</c:v>
                </c:pt>
                <c:pt idx="2610">
                  <c:v>45.100000000004101</c:v>
                </c:pt>
                <c:pt idx="2611">
                  <c:v>45.110000000004099</c:v>
                </c:pt>
                <c:pt idx="2612">
                  <c:v>45.120000000004097</c:v>
                </c:pt>
                <c:pt idx="2613">
                  <c:v>45.130000000004102</c:v>
                </c:pt>
                <c:pt idx="2614">
                  <c:v>45.1400000000041</c:v>
                </c:pt>
                <c:pt idx="2615">
                  <c:v>45.150000000004098</c:v>
                </c:pt>
                <c:pt idx="2616">
                  <c:v>45.160000000004104</c:v>
                </c:pt>
                <c:pt idx="2617">
                  <c:v>45.170000000004102</c:v>
                </c:pt>
                <c:pt idx="2618">
                  <c:v>45.1800000000041</c:v>
                </c:pt>
                <c:pt idx="2619">
                  <c:v>45.190000000004098</c:v>
                </c:pt>
                <c:pt idx="2620">
                  <c:v>45.200000000004103</c:v>
                </c:pt>
                <c:pt idx="2621">
                  <c:v>45.210000000004101</c:v>
                </c:pt>
                <c:pt idx="2622">
                  <c:v>45.220000000004099</c:v>
                </c:pt>
                <c:pt idx="2623">
                  <c:v>45.230000000004097</c:v>
                </c:pt>
                <c:pt idx="2624">
                  <c:v>45.240000000004102</c:v>
                </c:pt>
                <c:pt idx="2625">
                  <c:v>45.2500000000041</c:v>
                </c:pt>
                <c:pt idx="2626">
                  <c:v>45.260000000004098</c:v>
                </c:pt>
                <c:pt idx="2627">
                  <c:v>45.270000000004103</c:v>
                </c:pt>
                <c:pt idx="2628">
                  <c:v>45.280000000004101</c:v>
                </c:pt>
                <c:pt idx="2629">
                  <c:v>45.290000000004099</c:v>
                </c:pt>
                <c:pt idx="2630">
                  <c:v>45.300000000004097</c:v>
                </c:pt>
                <c:pt idx="2631">
                  <c:v>45.310000000004102</c:v>
                </c:pt>
                <c:pt idx="2632">
                  <c:v>45.3200000000041</c:v>
                </c:pt>
                <c:pt idx="2633">
                  <c:v>45.330000000004098</c:v>
                </c:pt>
                <c:pt idx="2634">
                  <c:v>45.340000000004103</c:v>
                </c:pt>
                <c:pt idx="2635">
                  <c:v>45.350000000004101</c:v>
                </c:pt>
                <c:pt idx="2636">
                  <c:v>45.360000000004099</c:v>
                </c:pt>
                <c:pt idx="2637">
                  <c:v>45.370000000004097</c:v>
                </c:pt>
                <c:pt idx="2638">
                  <c:v>45.380000000004102</c:v>
                </c:pt>
                <c:pt idx="2639">
                  <c:v>45.3900000000041</c:v>
                </c:pt>
                <c:pt idx="2640">
                  <c:v>45.400000000004098</c:v>
                </c:pt>
                <c:pt idx="2641">
                  <c:v>45.410000000004104</c:v>
                </c:pt>
                <c:pt idx="2642">
                  <c:v>45.420000000004102</c:v>
                </c:pt>
                <c:pt idx="2643">
                  <c:v>45.4300000000041</c:v>
                </c:pt>
                <c:pt idx="2644">
                  <c:v>45.440000000004098</c:v>
                </c:pt>
                <c:pt idx="2645">
                  <c:v>45.450000000004103</c:v>
                </c:pt>
                <c:pt idx="2646">
                  <c:v>45.460000000004101</c:v>
                </c:pt>
                <c:pt idx="2647">
                  <c:v>45.470000000004099</c:v>
                </c:pt>
                <c:pt idx="2648">
                  <c:v>45.480000000004097</c:v>
                </c:pt>
                <c:pt idx="2649">
                  <c:v>45.490000000004102</c:v>
                </c:pt>
                <c:pt idx="2650">
                  <c:v>45.5000000000041</c:v>
                </c:pt>
                <c:pt idx="2651">
                  <c:v>45.510000000004098</c:v>
                </c:pt>
                <c:pt idx="2652">
                  <c:v>45.520000000004103</c:v>
                </c:pt>
                <c:pt idx="2653">
                  <c:v>45.530000000004101</c:v>
                </c:pt>
                <c:pt idx="2654">
                  <c:v>45.540000000004099</c:v>
                </c:pt>
                <c:pt idx="2655">
                  <c:v>45.550000000004196</c:v>
                </c:pt>
                <c:pt idx="2656">
                  <c:v>45.560000000004202</c:v>
                </c:pt>
                <c:pt idx="2657">
                  <c:v>45.5700000000042</c:v>
                </c:pt>
                <c:pt idx="2658">
                  <c:v>45.580000000004198</c:v>
                </c:pt>
                <c:pt idx="2659">
                  <c:v>45.590000000004203</c:v>
                </c:pt>
                <c:pt idx="2660">
                  <c:v>45.600000000004201</c:v>
                </c:pt>
                <c:pt idx="2661">
                  <c:v>45.610000000004199</c:v>
                </c:pt>
                <c:pt idx="2662">
                  <c:v>45.620000000004197</c:v>
                </c:pt>
                <c:pt idx="2663">
                  <c:v>45.630000000004202</c:v>
                </c:pt>
                <c:pt idx="2664">
                  <c:v>45.6400000000042</c:v>
                </c:pt>
                <c:pt idx="2665">
                  <c:v>45.650000000004198</c:v>
                </c:pt>
                <c:pt idx="2666">
                  <c:v>45.660000000004203</c:v>
                </c:pt>
                <c:pt idx="2667">
                  <c:v>45.670000000004201</c:v>
                </c:pt>
                <c:pt idx="2668">
                  <c:v>45.680000000004199</c:v>
                </c:pt>
                <c:pt idx="2669">
                  <c:v>45.690000000004197</c:v>
                </c:pt>
                <c:pt idx="2670">
                  <c:v>45.700000000004202</c:v>
                </c:pt>
                <c:pt idx="2671">
                  <c:v>45.7100000000042</c:v>
                </c:pt>
                <c:pt idx="2672">
                  <c:v>45.720000000004198</c:v>
                </c:pt>
                <c:pt idx="2673">
                  <c:v>45.730000000004203</c:v>
                </c:pt>
                <c:pt idx="2674">
                  <c:v>45.740000000004201</c:v>
                </c:pt>
                <c:pt idx="2675">
                  <c:v>45.750000000004199</c:v>
                </c:pt>
                <c:pt idx="2676">
                  <c:v>45.760000000004197</c:v>
                </c:pt>
                <c:pt idx="2677">
                  <c:v>45.770000000004202</c:v>
                </c:pt>
                <c:pt idx="2678">
                  <c:v>45.7800000000042</c:v>
                </c:pt>
                <c:pt idx="2679">
                  <c:v>45.790000000004198</c:v>
                </c:pt>
                <c:pt idx="2680">
                  <c:v>45.800000000004196</c:v>
                </c:pt>
                <c:pt idx="2681">
                  <c:v>45.810000000004202</c:v>
                </c:pt>
                <c:pt idx="2682">
                  <c:v>45.8200000000042</c:v>
                </c:pt>
                <c:pt idx="2683">
                  <c:v>45.830000000004198</c:v>
                </c:pt>
                <c:pt idx="2684">
                  <c:v>45.840000000004203</c:v>
                </c:pt>
                <c:pt idx="2685">
                  <c:v>45.850000000004201</c:v>
                </c:pt>
                <c:pt idx="2686">
                  <c:v>45.860000000004199</c:v>
                </c:pt>
                <c:pt idx="2687">
                  <c:v>45.870000000004197</c:v>
                </c:pt>
                <c:pt idx="2688">
                  <c:v>45.880000000004202</c:v>
                </c:pt>
                <c:pt idx="2689">
                  <c:v>45.8900000000042</c:v>
                </c:pt>
                <c:pt idx="2690">
                  <c:v>45.900000000004198</c:v>
                </c:pt>
                <c:pt idx="2691">
                  <c:v>45.910000000004203</c:v>
                </c:pt>
                <c:pt idx="2692">
                  <c:v>45.920000000004201</c:v>
                </c:pt>
                <c:pt idx="2693">
                  <c:v>45.930000000004199</c:v>
                </c:pt>
                <c:pt idx="2694">
                  <c:v>45.940000000004197</c:v>
                </c:pt>
                <c:pt idx="2695">
                  <c:v>45.950000000004202</c:v>
                </c:pt>
                <c:pt idx="2696">
                  <c:v>45.9600000000042</c:v>
                </c:pt>
                <c:pt idx="2697">
                  <c:v>45.970000000004198</c:v>
                </c:pt>
                <c:pt idx="2698">
                  <c:v>45.980000000004203</c:v>
                </c:pt>
                <c:pt idx="2699">
                  <c:v>45.990000000004201</c:v>
                </c:pt>
                <c:pt idx="2700">
                  <c:v>46.000000000004199</c:v>
                </c:pt>
                <c:pt idx="2701">
                  <c:v>46.010000000004197</c:v>
                </c:pt>
                <c:pt idx="2702">
                  <c:v>46.020000000004202</c:v>
                </c:pt>
                <c:pt idx="2703">
                  <c:v>46.0300000000042</c:v>
                </c:pt>
                <c:pt idx="2704">
                  <c:v>46.040000000004198</c:v>
                </c:pt>
                <c:pt idx="2705">
                  <c:v>46.050000000004196</c:v>
                </c:pt>
                <c:pt idx="2706">
                  <c:v>46.060000000004202</c:v>
                </c:pt>
                <c:pt idx="2707">
                  <c:v>46.0700000000042</c:v>
                </c:pt>
                <c:pt idx="2708">
                  <c:v>46.080000000004198</c:v>
                </c:pt>
                <c:pt idx="2709">
                  <c:v>46.090000000004203</c:v>
                </c:pt>
                <c:pt idx="2710">
                  <c:v>46.100000000004201</c:v>
                </c:pt>
                <c:pt idx="2711">
                  <c:v>46.110000000004199</c:v>
                </c:pt>
                <c:pt idx="2712">
                  <c:v>46.120000000004197</c:v>
                </c:pt>
                <c:pt idx="2713">
                  <c:v>46.130000000004202</c:v>
                </c:pt>
                <c:pt idx="2714">
                  <c:v>46.1400000000042</c:v>
                </c:pt>
                <c:pt idx="2715">
                  <c:v>46.150000000004198</c:v>
                </c:pt>
                <c:pt idx="2716">
                  <c:v>46.160000000004203</c:v>
                </c:pt>
                <c:pt idx="2717">
                  <c:v>46.170000000004201</c:v>
                </c:pt>
                <c:pt idx="2718">
                  <c:v>46.180000000004199</c:v>
                </c:pt>
                <c:pt idx="2719">
                  <c:v>46.190000000004297</c:v>
                </c:pt>
                <c:pt idx="2720">
                  <c:v>46.200000000004302</c:v>
                </c:pt>
                <c:pt idx="2721">
                  <c:v>46.2100000000043</c:v>
                </c:pt>
                <c:pt idx="2722">
                  <c:v>46.220000000004298</c:v>
                </c:pt>
                <c:pt idx="2723">
                  <c:v>46.230000000004303</c:v>
                </c:pt>
                <c:pt idx="2724">
                  <c:v>46.240000000004301</c:v>
                </c:pt>
                <c:pt idx="2725">
                  <c:v>46.250000000004299</c:v>
                </c:pt>
                <c:pt idx="2726">
                  <c:v>46.260000000004297</c:v>
                </c:pt>
                <c:pt idx="2727">
                  <c:v>46.270000000004302</c:v>
                </c:pt>
                <c:pt idx="2728">
                  <c:v>46.2800000000043</c:v>
                </c:pt>
                <c:pt idx="2729">
                  <c:v>46.290000000004298</c:v>
                </c:pt>
                <c:pt idx="2730">
                  <c:v>46.300000000004303</c:v>
                </c:pt>
                <c:pt idx="2731">
                  <c:v>46.310000000004301</c:v>
                </c:pt>
                <c:pt idx="2732">
                  <c:v>46.320000000004299</c:v>
                </c:pt>
                <c:pt idx="2733">
                  <c:v>46.330000000004297</c:v>
                </c:pt>
                <c:pt idx="2734">
                  <c:v>46.340000000004302</c:v>
                </c:pt>
                <c:pt idx="2735">
                  <c:v>46.3500000000043</c:v>
                </c:pt>
                <c:pt idx="2736">
                  <c:v>46.360000000004298</c:v>
                </c:pt>
                <c:pt idx="2737">
                  <c:v>46.370000000004303</c:v>
                </c:pt>
                <c:pt idx="2738">
                  <c:v>46.380000000004301</c:v>
                </c:pt>
                <c:pt idx="2739">
                  <c:v>46.390000000004299</c:v>
                </c:pt>
                <c:pt idx="2740">
                  <c:v>46.400000000004297</c:v>
                </c:pt>
                <c:pt idx="2741">
                  <c:v>46.410000000004302</c:v>
                </c:pt>
                <c:pt idx="2742">
                  <c:v>46.4200000000043</c:v>
                </c:pt>
                <c:pt idx="2743">
                  <c:v>46.430000000004298</c:v>
                </c:pt>
                <c:pt idx="2744">
                  <c:v>46.440000000004297</c:v>
                </c:pt>
                <c:pt idx="2745">
                  <c:v>46.450000000004302</c:v>
                </c:pt>
                <c:pt idx="2746">
                  <c:v>46.4600000000043</c:v>
                </c:pt>
                <c:pt idx="2747">
                  <c:v>46.470000000004298</c:v>
                </c:pt>
                <c:pt idx="2748">
                  <c:v>46.480000000004303</c:v>
                </c:pt>
                <c:pt idx="2749">
                  <c:v>46.490000000004301</c:v>
                </c:pt>
                <c:pt idx="2750">
                  <c:v>46.500000000004299</c:v>
                </c:pt>
                <c:pt idx="2751">
                  <c:v>46.510000000004297</c:v>
                </c:pt>
                <c:pt idx="2752">
                  <c:v>46.520000000004302</c:v>
                </c:pt>
                <c:pt idx="2753">
                  <c:v>46.5300000000043</c:v>
                </c:pt>
                <c:pt idx="2754">
                  <c:v>46.540000000004298</c:v>
                </c:pt>
                <c:pt idx="2755">
                  <c:v>46.550000000004303</c:v>
                </c:pt>
                <c:pt idx="2756">
                  <c:v>46.560000000004301</c:v>
                </c:pt>
                <c:pt idx="2757">
                  <c:v>46.570000000004299</c:v>
                </c:pt>
                <c:pt idx="2758">
                  <c:v>46.580000000004297</c:v>
                </c:pt>
                <c:pt idx="2759">
                  <c:v>46.590000000004302</c:v>
                </c:pt>
                <c:pt idx="2760">
                  <c:v>46.6000000000043</c:v>
                </c:pt>
                <c:pt idx="2761">
                  <c:v>46.610000000004298</c:v>
                </c:pt>
                <c:pt idx="2762">
                  <c:v>46.620000000004303</c:v>
                </c:pt>
                <c:pt idx="2763">
                  <c:v>46.630000000004301</c:v>
                </c:pt>
                <c:pt idx="2764">
                  <c:v>46.640000000004299</c:v>
                </c:pt>
                <c:pt idx="2765">
                  <c:v>46.650000000004297</c:v>
                </c:pt>
                <c:pt idx="2766">
                  <c:v>46.660000000004302</c:v>
                </c:pt>
                <c:pt idx="2767">
                  <c:v>46.6700000000043</c:v>
                </c:pt>
                <c:pt idx="2768">
                  <c:v>46.680000000004298</c:v>
                </c:pt>
                <c:pt idx="2769">
                  <c:v>46.690000000004297</c:v>
                </c:pt>
                <c:pt idx="2770">
                  <c:v>46.700000000004302</c:v>
                </c:pt>
                <c:pt idx="2771">
                  <c:v>46.7100000000043</c:v>
                </c:pt>
                <c:pt idx="2772">
                  <c:v>46.720000000004298</c:v>
                </c:pt>
                <c:pt idx="2773">
                  <c:v>46.730000000004303</c:v>
                </c:pt>
                <c:pt idx="2774">
                  <c:v>46.740000000004301</c:v>
                </c:pt>
                <c:pt idx="2775">
                  <c:v>46.750000000004299</c:v>
                </c:pt>
                <c:pt idx="2776">
                  <c:v>46.760000000004297</c:v>
                </c:pt>
                <c:pt idx="2777">
                  <c:v>46.770000000004302</c:v>
                </c:pt>
                <c:pt idx="2778">
                  <c:v>46.7800000000043</c:v>
                </c:pt>
                <c:pt idx="2779">
                  <c:v>46.790000000004298</c:v>
                </c:pt>
                <c:pt idx="2780">
                  <c:v>46.800000000004303</c:v>
                </c:pt>
                <c:pt idx="2781">
                  <c:v>46.810000000004301</c:v>
                </c:pt>
                <c:pt idx="2782">
                  <c:v>46.820000000004299</c:v>
                </c:pt>
                <c:pt idx="2783">
                  <c:v>46.830000000004397</c:v>
                </c:pt>
                <c:pt idx="2784">
                  <c:v>46.840000000004402</c:v>
                </c:pt>
                <c:pt idx="2785">
                  <c:v>46.8500000000044</c:v>
                </c:pt>
                <c:pt idx="2786">
                  <c:v>46.860000000004398</c:v>
                </c:pt>
                <c:pt idx="2787">
                  <c:v>46.870000000004403</c:v>
                </c:pt>
                <c:pt idx="2788">
                  <c:v>46.880000000004401</c:v>
                </c:pt>
                <c:pt idx="2789">
                  <c:v>46.890000000004399</c:v>
                </c:pt>
                <c:pt idx="2790">
                  <c:v>46.900000000004397</c:v>
                </c:pt>
                <c:pt idx="2791">
                  <c:v>46.910000000004402</c:v>
                </c:pt>
                <c:pt idx="2792">
                  <c:v>46.9200000000044</c:v>
                </c:pt>
                <c:pt idx="2793">
                  <c:v>46.930000000004398</c:v>
                </c:pt>
                <c:pt idx="2794">
                  <c:v>46.940000000004403</c:v>
                </c:pt>
                <c:pt idx="2795">
                  <c:v>46.950000000004401</c:v>
                </c:pt>
                <c:pt idx="2796">
                  <c:v>46.960000000004399</c:v>
                </c:pt>
                <c:pt idx="2797">
                  <c:v>46.970000000004397</c:v>
                </c:pt>
                <c:pt idx="2798">
                  <c:v>46.980000000004402</c:v>
                </c:pt>
                <c:pt idx="2799">
                  <c:v>46.9900000000044</c:v>
                </c:pt>
                <c:pt idx="2800">
                  <c:v>47.000000000004398</c:v>
                </c:pt>
                <c:pt idx="2801">
                  <c:v>47.010000000004403</c:v>
                </c:pt>
                <c:pt idx="2802">
                  <c:v>47.020000000004401</c:v>
                </c:pt>
                <c:pt idx="2803">
                  <c:v>47.030000000004399</c:v>
                </c:pt>
                <c:pt idx="2804">
                  <c:v>47.040000000004397</c:v>
                </c:pt>
                <c:pt idx="2805">
                  <c:v>47.050000000004403</c:v>
                </c:pt>
                <c:pt idx="2806">
                  <c:v>47.060000000004401</c:v>
                </c:pt>
                <c:pt idx="2807">
                  <c:v>47.070000000004399</c:v>
                </c:pt>
                <c:pt idx="2808">
                  <c:v>47.080000000004397</c:v>
                </c:pt>
                <c:pt idx="2809">
                  <c:v>47.090000000004402</c:v>
                </c:pt>
                <c:pt idx="2810">
                  <c:v>47.1000000000044</c:v>
                </c:pt>
                <c:pt idx="2811">
                  <c:v>47.110000000004398</c:v>
                </c:pt>
                <c:pt idx="2812">
                  <c:v>47.120000000004403</c:v>
                </c:pt>
                <c:pt idx="2813">
                  <c:v>47.130000000004401</c:v>
                </c:pt>
                <c:pt idx="2814">
                  <c:v>47.140000000004399</c:v>
                </c:pt>
                <c:pt idx="2815">
                  <c:v>47.150000000004397</c:v>
                </c:pt>
                <c:pt idx="2816">
                  <c:v>47.160000000004402</c:v>
                </c:pt>
                <c:pt idx="2817">
                  <c:v>47.1700000000044</c:v>
                </c:pt>
                <c:pt idx="2818">
                  <c:v>47.180000000004398</c:v>
                </c:pt>
                <c:pt idx="2819">
                  <c:v>47.190000000004403</c:v>
                </c:pt>
                <c:pt idx="2820">
                  <c:v>47.200000000004401</c:v>
                </c:pt>
                <c:pt idx="2821">
                  <c:v>47.210000000004399</c:v>
                </c:pt>
                <c:pt idx="2822">
                  <c:v>47.220000000004397</c:v>
                </c:pt>
                <c:pt idx="2823">
                  <c:v>47.230000000004402</c:v>
                </c:pt>
                <c:pt idx="2824">
                  <c:v>47.2400000000044</c:v>
                </c:pt>
                <c:pt idx="2825">
                  <c:v>47.250000000004398</c:v>
                </c:pt>
                <c:pt idx="2826">
                  <c:v>47.260000000004403</c:v>
                </c:pt>
                <c:pt idx="2827">
                  <c:v>47.270000000004401</c:v>
                </c:pt>
                <c:pt idx="2828">
                  <c:v>47.280000000004399</c:v>
                </c:pt>
                <c:pt idx="2829">
                  <c:v>47.290000000004397</c:v>
                </c:pt>
                <c:pt idx="2830">
                  <c:v>47.300000000004403</c:v>
                </c:pt>
                <c:pt idx="2831">
                  <c:v>47.310000000004401</c:v>
                </c:pt>
                <c:pt idx="2832">
                  <c:v>47.320000000004399</c:v>
                </c:pt>
                <c:pt idx="2833">
                  <c:v>47.330000000004397</c:v>
                </c:pt>
                <c:pt idx="2834">
                  <c:v>47.340000000004402</c:v>
                </c:pt>
                <c:pt idx="2835">
                  <c:v>47.3500000000044</c:v>
                </c:pt>
                <c:pt idx="2836">
                  <c:v>47.360000000004398</c:v>
                </c:pt>
                <c:pt idx="2837">
                  <c:v>47.370000000004403</c:v>
                </c:pt>
                <c:pt idx="2838">
                  <c:v>47.380000000004401</c:v>
                </c:pt>
                <c:pt idx="2839">
                  <c:v>47.390000000004399</c:v>
                </c:pt>
                <c:pt idx="2840">
                  <c:v>47.400000000004397</c:v>
                </c:pt>
                <c:pt idx="2841">
                  <c:v>47.410000000004402</c:v>
                </c:pt>
                <c:pt idx="2842">
                  <c:v>47.4200000000044</c:v>
                </c:pt>
                <c:pt idx="2843">
                  <c:v>47.430000000004398</c:v>
                </c:pt>
                <c:pt idx="2844">
                  <c:v>47.440000000004403</c:v>
                </c:pt>
                <c:pt idx="2845">
                  <c:v>47.450000000004401</c:v>
                </c:pt>
                <c:pt idx="2846">
                  <c:v>47.460000000004399</c:v>
                </c:pt>
                <c:pt idx="2847">
                  <c:v>47.470000000004497</c:v>
                </c:pt>
                <c:pt idx="2848">
                  <c:v>47.480000000004502</c:v>
                </c:pt>
                <c:pt idx="2849">
                  <c:v>47.4900000000045</c:v>
                </c:pt>
                <c:pt idx="2850">
                  <c:v>47.500000000004498</c:v>
                </c:pt>
                <c:pt idx="2851">
                  <c:v>47.510000000004503</c:v>
                </c:pt>
                <c:pt idx="2852">
                  <c:v>47.520000000004501</c:v>
                </c:pt>
                <c:pt idx="2853">
                  <c:v>47.530000000004499</c:v>
                </c:pt>
                <c:pt idx="2854">
                  <c:v>47.540000000004497</c:v>
                </c:pt>
                <c:pt idx="2855">
                  <c:v>47.550000000004502</c:v>
                </c:pt>
                <c:pt idx="2856">
                  <c:v>47.5600000000045</c:v>
                </c:pt>
                <c:pt idx="2857">
                  <c:v>47.570000000004498</c:v>
                </c:pt>
                <c:pt idx="2858">
                  <c:v>47.580000000004503</c:v>
                </c:pt>
                <c:pt idx="2859">
                  <c:v>47.590000000004501</c:v>
                </c:pt>
                <c:pt idx="2860">
                  <c:v>47.600000000004499</c:v>
                </c:pt>
                <c:pt idx="2861">
                  <c:v>47.610000000004497</c:v>
                </c:pt>
                <c:pt idx="2862">
                  <c:v>47.620000000004502</c:v>
                </c:pt>
                <c:pt idx="2863">
                  <c:v>47.6300000000045</c:v>
                </c:pt>
                <c:pt idx="2864">
                  <c:v>47.640000000004498</c:v>
                </c:pt>
                <c:pt idx="2865">
                  <c:v>47.650000000004503</c:v>
                </c:pt>
                <c:pt idx="2866">
                  <c:v>47.660000000004501</c:v>
                </c:pt>
                <c:pt idx="2867">
                  <c:v>47.670000000004499</c:v>
                </c:pt>
                <c:pt idx="2868">
                  <c:v>47.680000000004497</c:v>
                </c:pt>
                <c:pt idx="2869">
                  <c:v>47.690000000004503</c:v>
                </c:pt>
                <c:pt idx="2870">
                  <c:v>47.700000000004501</c:v>
                </c:pt>
                <c:pt idx="2871">
                  <c:v>47.710000000004499</c:v>
                </c:pt>
                <c:pt idx="2872">
                  <c:v>47.720000000004497</c:v>
                </c:pt>
                <c:pt idx="2873">
                  <c:v>47.730000000004502</c:v>
                </c:pt>
                <c:pt idx="2874">
                  <c:v>47.7400000000045</c:v>
                </c:pt>
                <c:pt idx="2875">
                  <c:v>47.750000000004498</c:v>
                </c:pt>
                <c:pt idx="2876">
                  <c:v>47.760000000004503</c:v>
                </c:pt>
                <c:pt idx="2877">
                  <c:v>47.770000000004501</c:v>
                </c:pt>
                <c:pt idx="2878">
                  <c:v>47.780000000004499</c:v>
                </c:pt>
                <c:pt idx="2879">
                  <c:v>47.790000000004497</c:v>
                </c:pt>
                <c:pt idx="2880">
                  <c:v>47.800000000004502</c:v>
                </c:pt>
                <c:pt idx="2881">
                  <c:v>47.8100000000045</c:v>
                </c:pt>
                <c:pt idx="2882">
                  <c:v>47.820000000004498</c:v>
                </c:pt>
                <c:pt idx="2883">
                  <c:v>47.830000000004503</c:v>
                </c:pt>
                <c:pt idx="2884">
                  <c:v>47.840000000004501</c:v>
                </c:pt>
                <c:pt idx="2885">
                  <c:v>47.850000000004499</c:v>
                </c:pt>
                <c:pt idx="2886">
                  <c:v>47.860000000004497</c:v>
                </c:pt>
                <c:pt idx="2887">
                  <c:v>47.870000000004502</c:v>
                </c:pt>
                <c:pt idx="2888">
                  <c:v>47.8800000000045</c:v>
                </c:pt>
                <c:pt idx="2889">
                  <c:v>47.890000000004498</c:v>
                </c:pt>
                <c:pt idx="2890">
                  <c:v>47.900000000004503</c:v>
                </c:pt>
                <c:pt idx="2891">
                  <c:v>47.910000000004501</c:v>
                </c:pt>
                <c:pt idx="2892">
                  <c:v>47.920000000004499</c:v>
                </c:pt>
                <c:pt idx="2893">
                  <c:v>47.930000000004497</c:v>
                </c:pt>
                <c:pt idx="2894">
                  <c:v>47.940000000004503</c:v>
                </c:pt>
                <c:pt idx="2895">
                  <c:v>47.950000000004501</c:v>
                </c:pt>
                <c:pt idx="2896">
                  <c:v>47.960000000004499</c:v>
                </c:pt>
                <c:pt idx="2897">
                  <c:v>47.970000000004497</c:v>
                </c:pt>
                <c:pt idx="2898">
                  <c:v>47.980000000004502</c:v>
                </c:pt>
                <c:pt idx="2899">
                  <c:v>47.9900000000045</c:v>
                </c:pt>
                <c:pt idx="2900">
                  <c:v>48.000000000004498</c:v>
                </c:pt>
                <c:pt idx="2901">
                  <c:v>48.010000000004503</c:v>
                </c:pt>
                <c:pt idx="2902">
                  <c:v>48.020000000004501</c:v>
                </c:pt>
                <c:pt idx="2903">
                  <c:v>48.030000000004499</c:v>
                </c:pt>
                <c:pt idx="2904">
                  <c:v>48.040000000004497</c:v>
                </c:pt>
                <c:pt idx="2905">
                  <c:v>48.050000000004502</c:v>
                </c:pt>
                <c:pt idx="2906">
                  <c:v>48.0600000000045</c:v>
                </c:pt>
                <c:pt idx="2907">
                  <c:v>48.070000000004498</c:v>
                </c:pt>
                <c:pt idx="2908">
                  <c:v>48.080000000004503</c:v>
                </c:pt>
                <c:pt idx="2909">
                  <c:v>48.090000000004501</c:v>
                </c:pt>
                <c:pt idx="2910">
                  <c:v>48.100000000004499</c:v>
                </c:pt>
                <c:pt idx="2911">
                  <c:v>48.110000000004597</c:v>
                </c:pt>
                <c:pt idx="2912">
                  <c:v>48.120000000004602</c:v>
                </c:pt>
                <c:pt idx="2913">
                  <c:v>48.1300000000046</c:v>
                </c:pt>
                <c:pt idx="2914">
                  <c:v>48.140000000004598</c:v>
                </c:pt>
                <c:pt idx="2915">
                  <c:v>48.150000000004603</c:v>
                </c:pt>
                <c:pt idx="2916">
                  <c:v>48.160000000004601</c:v>
                </c:pt>
                <c:pt idx="2917">
                  <c:v>48.170000000004599</c:v>
                </c:pt>
                <c:pt idx="2918">
                  <c:v>48.180000000004597</c:v>
                </c:pt>
                <c:pt idx="2919">
                  <c:v>48.190000000004602</c:v>
                </c:pt>
                <c:pt idx="2920">
                  <c:v>48.2000000000046</c:v>
                </c:pt>
                <c:pt idx="2921">
                  <c:v>48.210000000004598</c:v>
                </c:pt>
                <c:pt idx="2922">
                  <c:v>48.220000000004603</c:v>
                </c:pt>
                <c:pt idx="2923">
                  <c:v>48.230000000004601</c:v>
                </c:pt>
                <c:pt idx="2924">
                  <c:v>48.240000000004599</c:v>
                </c:pt>
                <c:pt idx="2925">
                  <c:v>48.250000000004597</c:v>
                </c:pt>
                <c:pt idx="2926">
                  <c:v>48.260000000004602</c:v>
                </c:pt>
                <c:pt idx="2927">
                  <c:v>48.2700000000046</c:v>
                </c:pt>
                <c:pt idx="2928">
                  <c:v>48.280000000004598</c:v>
                </c:pt>
                <c:pt idx="2929">
                  <c:v>48.290000000004603</c:v>
                </c:pt>
                <c:pt idx="2930">
                  <c:v>48.300000000004601</c:v>
                </c:pt>
                <c:pt idx="2931">
                  <c:v>48.310000000004599</c:v>
                </c:pt>
                <c:pt idx="2932">
                  <c:v>48.320000000004597</c:v>
                </c:pt>
                <c:pt idx="2933">
                  <c:v>48.330000000004603</c:v>
                </c:pt>
                <c:pt idx="2934">
                  <c:v>48.340000000004601</c:v>
                </c:pt>
                <c:pt idx="2935">
                  <c:v>48.350000000004599</c:v>
                </c:pt>
                <c:pt idx="2936">
                  <c:v>48.360000000004597</c:v>
                </c:pt>
                <c:pt idx="2937">
                  <c:v>48.370000000004602</c:v>
                </c:pt>
                <c:pt idx="2938">
                  <c:v>48.3800000000046</c:v>
                </c:pt>
                <c:pt idx="2939">
                  <c:v>48.390000000004598</c:v>
                </c:pt>
                <c:pt idx="2940">
                  <c:v>48.400000000004603</c:v>
                </c:pt>
                <c:pt idx="2941">
                  <c:v>48.410000000004601</c:v>
                </c:pt>
                <c:pt idx="2942">
                  <c:v>48.420000000004599</c:v>
                </c:pt>
                <c:pt idx="2943">
                  <c:v>48.430000000004597</c:v>
                </c:pt>
                <c:pt idx="2944">
                  <c:v>48.440000000004602</c:v>
                </c:pt>
                <c:pt idx="2945">
                  <c:v>48.4500000000046</c:v>
                </c:pt>
                <c:pt idx="2946">
                  <c:v>48.460000000004598</c:v>
                </c:pt>
                <c:pt idx="2947">
                  <c:v>48.470000000004603</c:v>
                </c:pt>
                <c:pt idx="2948">
                  <c:v>48.480000000004601</c:v>
                </c:pt>
                <c:pt idx="2949">
                  <c:v>48.490000000004599</c:v>
                </c:pt>
                <c:pt idx="2950">
                  <c:v>48.500000000004597</c:v>
                </c:pt>
                <c:pt idx="2951">
                  <c:v>48.510000000004602</c:v>
                </c:pt>
                <c:pt idx="2952">
                  <c:v>48.5200000000046</c:v>
                </c:pt>
                <c:pt idx="2953">
                  <c:v>48.530000000004598</c:v>
                </c:pt>
                <c:pt idx="2954">
                  <c:v>48.540000000004603</c:v>
                </c:pt>
                <c:pt idx="2955">
                  <c:v>48.550000000004601</c:v>
                </c:pt>
                <c:pt idx="2956">
                  <c:v>48.560000000004599</c:v>
                </c:pt>
                <c:pt idx="2957">
                  <c:v>48.570000000004597</c:v>
                </c:pt>
                <c:pt idx="2958">
                  <c:v>48.580000000004603</c:v>
                </c:pt>
                <c:pt idx="2959">
                  <c:v>48.590000000004601</c:v>
                </c:pt>
                <c:pt idx="2960">
                  <c:v>48.600000000004599</c:v>
                </c:pt>
                <c:pt idx="2961">
                  <c:v>48.610000000004597</c:v>
                </c:pt>
                <c:pt idx="2962">
                  <c:v>48.620000000004602</c:v>
                </c:pt>
                <c:pt idx="2963">
                  <c:v>48.6300000000046</c:v>
                </c:pt>
                <c:pt idx="2964">
                  <c:v>48.640000000004598</c:v>
                </c:pt>
                <c:pt idx="2965">
                  <c:v>48.650000000004603</c:v>
                </c:pt>
                <c:pt idx="2966">
                  <c:v>48.660000000004601</c:v>
                </c:pt>
                <c:pt idx="2967">
                  <c:v>48.670000000004599</c:v>
                </c:pt>
                <c:pt idx="2968">
                  <c:v>48.680000000004597</c:v>
                </c:pt>
                <c:pt idx="2969">
                  <c:v>48.690000000004602</c:v>
                </c:pt>
                <c:pt idx="2970">
                  <c:v>48.7000000000046</c:v>
                </c:pt>
                <c:pt idx="2971">
                  <c:v>48.710000000004598</c:v>
                </c:pt>
                <c:pt idx="2972">
                  <c:v>48.720000000004603</c:v>
                </c:pt>
                <c:pt idx="2973">
                  <c:v>48.730000000004601</c:v>
                </c:pt>
                <c:pt idx="2974">
                  <c:v>48.740000000004599</c:v>
                </c:pt>
                <c:pt idx="2975">
                  <c:v>48.750000000004697</c:v>
                </c:pt>
                <c:pt idx="2976">
                  <c:v>48.760000000004702</c:v>
                </c:pt>
                <c:pt idx="2977">
                  <c:v>48.7700000000047</c:v>
                </c:pt>
                <c:pt idx="2978">
                  <c:v>48.780000000004698</c:v>
                </c:pt>
                <c:pt idx="2979">
                  <c:v>48.790000000004703</c:v>
                </c:pt>
                <c:pt idx="2980">
                  <c:v>48.800000000004701</c:v>
                </c:pt>
                <c:pt idx="2981">
                  <c:v>48.810000000004699</c:v>
                </c:pt>
                <c:pt idx="2982">
                  <c:v>48.820000000004697</c:v>
                </c:pt>
                <c:pt idx="2983">
                  <c:v>48.830000000004702</c:v>
                </c:pt>
                <c:pt idx="2984">
                  <c:v>48.8400000000047</c:v>
                </c:pt>
                <c:pt idx="2985">
                  <c:v>48.850000000004698</c:v>
                </c:pt>
                <c:pt idx="2986">
                  <c:v>48.860000000004703</c:v>
                </c:pt>
                <c:pt idx="2987">
                  <c:v>48.870000000004701</c:v>
                </c:pt>
                <c:pt idx="2988">
                  <c:v>48.880000000004699</c:v>
                </c:pt>
                <c:pt idx="2989">
                  <c:v>48.890000000004697</c:v>
                </c:pt>
                <c:pt idx="2990">
                  <c:v>48.900000000004702</c:v>
                </c:pt>
                <c:pt idx="2991">
                  <c:v>48.9100000000047</c:v>
                </c:pt>
                <c:pt idx="2992">
                  <c:v>48.920000000004698</c:v>
                </c:pt>
                <c:pt idx="2993">
                  <c:v>48.930000000004704</c:v>
                </c:pt>
                <c:pt idx="2994">
                  <c:v>48.940000000004702</c:v>
                </c:pt>
                <c:pt idx="2995">
                  <c:v>48.9500000000047</c:v>
                </c:pt>
                <c:pt idx="2996">
                  <c:v>48.960000000004698</c:v>
                </c:pt>
                <c:pt idx="2997">
                  <c:v>48.970000000004703</c:v>
                </c:pt>
                <c:pt idx="2998">
                  <c:v>48.980000000004701</c:v>
                </c:pt>
                <c:pt idx="2999">
                  <c:v>48.990000000004699</c:v>
                </c:pt>
                <c:pt idx="3000">
                  <c:v>49.000000000004697</c:v>
                </c:pt>
                <c:pt idx="3001">
                  <c:v>49.010000000004702</c:v>
                </c:pt>
                <c:pt idx="3002">
                  <c:v>49.0200000000047</c:v>
                </c:pt>
                <c:pt idx="3003">
                  <c:v>49.030000000004698</c:v>
                </c:pt>
                <c:pt idx="3004">
                  <c:v>49.040000000004703</c:v>
                </c:pt>
                <c:pt idx="3005">
                  <c:v>49.050000000004701</c:v>
                </c:pt>
                <c:pt idx="3006">
                  <c:v>49.060000000004699</c:v>
                </c:pt>
                <c:pt idx="3007">
                  <c:v>49.070000000004697</c:v>
                </c:pt>
                <c:pt idx="3008">
                  <c:v>49.080000000004702</c:v>
                </c:pt>
                <c:pt idx="3009">
                  <c:v>49.0900000000047</c:v>
                </c:pt>
                <c:pt idx="3010">
                  <c:v>49.100000000004698</c:v>
                </c:pt>
                <c:pt idx="3011">
                  <c:v>49.110000000004703</c:v>
                </c:pt>
                <c:pt idx="3012">
                  <c:v>49.120000000004701</c:v>
                </c:pt>
                <c:pt idx="3013">
                  <c:v>49.130000000004699</c:v>
                </c:pt>
                <c:pt idx="3014">
                  <c:v>49.140000000004697</c:v>
                </c:pt>
                <c:pt idx="3015">
                  <c:v>49.150000000004702</c:v>
                </c:pt>
                <c:pt idx="3016">
                  <c:v>49.1600000000047</c:v>
                </c:pt>
                <c:pt idx="3017">
                  <c:v>49.170000000004698</c:v>
                </c:pt>
                <c:pt idx="3018">
                  <c:v>49.180000000004704</c:v>
                </c:pt>
                <c:pt idx="3019">
                  <c:v>49.190000000004702</c:v>
                </c:pt>
                <c:pt idx="3020">
                  <c:v>49.2000000000047</c:v>
                </c:pt>
                <c:pt idx="3021">
                  <c:v>49.210000000004698</c:v>
                </c:pt>
                <c:pt idx="3022">
                  <c:v>49.220000000004703</c:v>
                </c:pt>
                <c:pt idx="3023">
                  <c:v>49.230000000004701</c:v>
                </c:pt>
                <c:pt idx="3024">
                  <c:v>49.240000000004699</c:v>
                </c:pt>
                <c:pt idx="3025">
                  <c:v>49.250000000004697</c:v>
                </c:pt>
                <c:pt idx="3026">
                  <c:v>49.260000000004702</c:v>
                </c:pt>
                <c:pt idx="3027">
                  <c:v>49.2700000000047</c:v>
                </c:pt>
                <c:pt idx="3028">
                  <c:v>49.280000000004698</c:v>
                </c:pt>
                <c:pt idx="3029">
                  <c:v>49.290000000004703</c:v>
                </c:pt>
                <c:pt idx="3030">
                  <c:v>49.300000000004701</c:v>
                </c:pt>
                <c:pt idx="3031">
                  <c:v>49.310000000004699</c:v>
                </c:pt>
                <c:pt idx="3032">
                  <c:v>49.320000000004697</c:v>
                </c:pt>
                <c:pt idx="3033">
                  <c:v>49.330000000004702</c:v>
                </c:pt>
                <c:pt idx="3034">
                  <c:v>49.3400000000047</c:v>
                </c:pt>
                <c:pt idx="3035">
                  <c:v>49.350000000004698</c:v>
                </c:pt>
                <c:pt idx="3036">
                  <c:v>49.360000000004703</c:v>
                </c:pt>
                <c:pt idx="3037">
                  <c:v>49.370000000004701</c:v>
                </c:pt>
                <c:pt idx="3038">
                  <c:v>49.380000000004699</c:v>
                </c:pt>
                <c:pt idx="3039">
                  <c:v>49.390000000004797</c:v>
                </c:pt>
                <c:pt idx="3040">
                  <c:v>49.400000000004802</c:v>
                </c:pt>
                <c:pt idx="3041">
                  <c:v>49.4100000000048</c:v>
                </c:pt>
                <c:pt idx="3042">
                  <c:v>49.420000000004798</c:v>
                </c:pt>
                <c:pt idx="3043">
                  <c:v>49.430000000004803</c:v>
                </c:pt>
                <c:pt idx="3044">
                  <c:v>49.440000000004801</c:v>
                </c:pt>
                <c:pt idx="3045">
                  <c:v>49.450000000004799</c:v>
                </c:pt>
                <c:pt idx="3046">
                  <c:v>49.460000000004797</c:v>
                </c:pt>
                <c:pt idx="3047">
                  <c:v>49.470000000004802</c:v>
                </c:pt>
                <c:pt idx="3048">
                  <c:v>49.4800000000048</c:v>
                </c:pt>
                <c:pt idx="3049">
                  <c:v>49.490000000004798</c:v>
                </c:pt>
                <c:pt idx="3050">
                  <c:v>49.500000000004803</c:v>
                </c:pt>
                <c:pt idx="3051">
                  <c:v>49.510000000004801</c:v>
                </c:pt>
                <c:pt idx="3052">
                  <c:v>49.520000000004799</c:v>
                </c:pt>
                <c:pt idx="3053">
                  <c:v>49.530000000004797</c:v>
                </c:pt>
                <c:pt idx="3054">
                  <c:v>49.540000000004802</c:v>
                </c:pt>
                <c:pt idx="3055">
                  <c:v>49.5500000000048</c:v>
                </c:pt>
                <c:pt idx="3056">
                  <c:v>49.560000000004798</c:v>
                </c:pt>
                <c:pt idx="3057">
                  <c:v>49.570000000004796</c:v>
                </c:pt>
                <c:pt idx="3058">
                  <c:v>49.580000000004802</c:v>
                </c:pt>
                <c:pt idx="3059">
                  <c:v>49.5900000000048</c:v>
                </c:pt>
                <c:pt idx="3060">
                  <c:v>49.600000000004798</c:v>
                </c:pt>
                <c:pt idx="3061">
                  <c:v>49.610000000004803</c:v>
                </c:pt>
                <c:pt idx="3062">
                  <c:v>49.620000000004801</c:v>
                </c:pt>
                <c:pt idx="3063">
                  <c:v>49.630000000004799</c:v>
                </c:pt>
                <c:pt idx="3064">
                  <c:v>49.640000000004797</c:v>
                </c:pt>
                <c:pt idx="3065">
                  <c:v>49.650000000004802</c:v>
                </c:pt>
                <c:pt idx="3066">
                  <c:v>49.6600000000048</c:v>
                </c:pt>
                <c:pt idx="3067">
                  <c:v>49.670000000004798</c:v>
                </c:pt>
                <c:pt idx="3068">
                  <c:v>49.680000000004803</c:v>
                </c:pt>
                <c:pt idx="3069">
                  <c:v>49.690000000004801</c:v>
                </c:pt>
                <c:pt idx="3070">
                  <c:v>49.700000000004799</c:v>
                </c:pt>
                <c:pt idx="3071">
                  <c:v>49.710000000004797</c:v>
                </c:pt>
                <c:pt idx="3072">
                  <c:v>49.720000000004802</c:v>
                </c:pt>
                <c:pt idx="3073">
                  <c:v>49.7300000000048</c:v>
                </c:pt>
                <c:pt idx="3074">
                  <c:v>49.740000000004798</c:v>
                </c:pt>
                <c:pt idx="3075">
                  <c:v>49.750000000004803</c:v>
                </c:pt>
                <c:pt idx="3076">
                  <c:v>49.760000000004801</c:v>
                </c:pt>
                <c:pt idx="3077">
                  <c:v>49.770000000004799</c:v>
                </c:pt>
                <c:pt idx="3078">
                  <c:v>49.780000000004797</c:v>
                </c:pt>
                <c:pt idx="3079">
                  <c:v>49.790000000004802</c:v>
                </c:pt>
                <c:pt idx="3080">
                  <c:v>49.8000000000048</c:v>
                </c:pt>
                <c:pt idx="3081">
                  <c:v>49.810000000004798</c:v>
                </c:pt>
                <c:pt idx="3082">
                  <c:v>49.820000000004796</c:v>
                </c:pt>
                <c:pt idx="3083">
                  <c:v>49.830000000004802</c:v>
                </c:pt>
                <c:pt idx="3084">
                  <c:v>49.8400000000048</c:v>
                </c:pt>
                <c:pt idx="3085">
                  <c:v>49.850000000004798</c:v>
                </c:pt>
                <c:pt idx="3086">
                  <c:v>49.860000000004803</c:v>
                </c:pt>
                <c:pt idx="3087">
                  <c:v>49.870000000004801</c:v>
                </c:pt>
                <c:pt idx="3088">
                  <c:v>49.880000000004799</c:v>
                </c:pt>
                <c:pt idx="3089">
                  <c:v>49.890000000004797</c:v>
                </c:pt>
                <c:pt idx="3090">
                  <c:v>49.900000000004802</c:v>
                </c:pt>
                <c:pt idx="3091">
                  <c:v>49.9100000000048</c:v>
                </c:pt>
                <c:pt idx="3092">
                  <c:v>49.920000000004798</c:v>
                </c:pt>
                <c:pt idx="3093">
                  <c:v>49.930000000004803</c:v>
                </c:pt>
                <c:pt idx="3094">
                  <c:v>49.940000000004801</c:v>
                </c:pt>
                <c:pt idx="3095">
                  <c:v>49.950000000004799</c:v>
                </c:pt>
                <c:pt idx="3096">
                  <c:v>49.960000000004797</c:v>
                </c:pt>
                <c:pt idx="3097">
                  <c:v>49.970000000004802</c:v>
                </c:pt>
                <c:pt idx="3098">
                  <c:v>49.9800000000048</c:v>
                </c:pt>
                <c:pt idx="3099">
                  <c:v>49.990000000004798</c:v>
                </c:pt>
                <c:pt idx="3100">
                  <c:v>50.000000000004803</c:v>
                </c:pt>
                <c:pt idx="3101">
                  <c:v>50.010000000004801</c:v>
                </c:pt>
                <c:pt idx="3102">
                  <c:v>50.020000000004799</c:v>
                </c:pt>
                <c:pt idx="3103">
                  <c:v>50.030000000004897</c:v>
                </c:pt>
                <c:pt idx="3104">
                  <c:v>50.040000000004902</c:v>
                </c:pt>
                <c:pt idx="3105">
                  <c:v>50.0500000000049</c:v>
                </c:pt>
                <c:pt idx="3106">
                  <c:v>50.060000000004898</c:v>
                </c:pt>
                <c:pt idx="3107">
                  <c:v>50.070000000004903</c:v>
                </c:pt>
                <c:pt idx="3108">
                  <c:v>50.080000000004901</c:v>
                </c:pt>
                <c:pt idx="3109">
                  <c:v>50.090000000004899</c:v>
                </c:pt>
                <c:pt idx="3110">
                  <c:v>50.100000000004897</c:v>
                </c:pt>
                <c:pt idx="3111">
                  <c:v>50.110000000004902</c:v>
                </c:pt>
                <c:pt idx="3112">
                  <c:v>50.1200000000049</c:v>
                </c:pt>
                <c:pt idx="3113">
                  <c:v>50.130000000004898</c:v>
                </c:pt>
                <c:pt idx="3114">
                  <c:v>50.140000000004903</c:v>
                </c:pt>
                <c:pt idx="3115">
                  <c:v>50.150000000004901</c:v>
                </c:pt>
                <c:pt idx="3116">
                  <c:v>50.160000000004899</c:v>
                </c:pt>
                <c:pt idx="3117">
                  <c:v>50.170000000004897</c:v>
                </c:pt>
                <c:pt idx="3118">
                  <c:v>50.180000000004902</c:v>
                </c:pt>
                <c:pt idx="3119">
                  <c:v>50.1900000000049</c:v>
                </c:pt>
                <c:pt idx="3120">
                  <c:v>50.200000000004898</c:v>
                </c:pt>
                <c:pt idx="3121">
                  <c:v>50.210000000004896</c:v>
                </c:pt>
                <c:pt idx="3122">
                  <c:v>50.220000000004902</c:v>
                </c:pt>
                <c:pt idx="3123">
                  <c:v>50.2300000000049</c:v>
                </c:pt>
                <c:pt idx="3124">
                  <c:v>50.240000000004898</c:v>
                </c:pt>
                <c:pt idx="3125">
                  <c:v>50.250000000004903</c:v>
                </c:pt>
                <c:pt idx="3126">
                  <c:v>50.260000000004901</c:v>
                </c:pt>
                <c:pt idx="3127">
                  <c:v>50.270000000004899</c:v>
                </c:pt>
                <c:pt idx="3128">
                  <c:v>50.280000000004897</c:v>
                </c:pt>
                <c:pt idx="3129">
                  <c:v>50.290000000004902</c:v>
                </c:pt>
                <c:pt idx="3130">
                  <c:v>50.3000000000049</c:v>
                </c:pt>
                <c:pt idx="3131">
                  <c:v>50.310000000004898</c:v>
                </c:pt>
                <c:pt idx="3132">
                  <c:v>50.320000000004903</c:v>
                </c:pt>
                <c:pt idx="3133">
                  <c:v>50.330000000004901</c:v>
                </c:pt>
                <c:pt idx="3134">
                  <c:v>50.340000000004899</c:v>
                </c:pt>
                <c:pt idx="3135">
                  <c:v>50.350000000004897</c:v>
                </c:pt>
                <c:pt idx="3136">
                  <c:v>50.360000000004902</c:v>
                </c:pt>
                <c:pt idx="3137">
                  <c:v>50.3700000000049</c:v>
                </c:pt>
                <c:pt idx="3138">
                  <c:v>50.380000000004898</c:v>
                </c:pt>
                <c:pt idx="3139">
                  <c:v>50.390000000004903</c:v>
                </c:pt>
                <c:pt idx="3140">
                  <c:v>50.400000000004901</c:v>
                </c:pt>
                <c:pt idx="3141">
                  <c:v>50.410000000004899</c:v>
                </c:pt>
                <c:pt idx="3142">
                  <c:v>50.420000000004897</c:v>
                </c:pt>
                <c:pt idx="3143">
                  <c:v>50.430000000004902</c:v>
                </c:pt>
                <c:pt idx="3144">
                  <c:v>50.4400000000049</c:v>
                </c:pt>
                <c:pt idx="3145">
                  <c:v>50.450000000004898</c:v>
                </c:pt>
                <c:pt idx="3146">
                  <c:v>50.460000000004896</c:v>
                </c:pt>
                <c:pt idx="3147">
                  <c:v>50.470000000004902</c:v>
                </c:pt>
                <c:pt idx="3148">
                  <c:v>50.4800000000049</c:v>
                </c:pt>
                <c:pt idx="3149">
                  <c:v>50.490000000004898</c:v>
                </c:pt>
                <c:pt idx="3150">
                  <c:v>50.500000000004903</c:v>
                </c:pt>
                <c:pt idx="3151">
                  <c:v>50.510000000004901</c:v>
                </c:pt>
                <c:pt idx="3152">
                  <c:v>50.520000000004899</c:v>
                </c:pt>
                <c:pt idx="3153">
                  <c:v>50.530000000004897</c:v>
                </c:pt>
                <c:pt idx="3154">
                  <c:v>50.540000000004902</c:v>
                </c:pt>
                <c:pt idx="3155">
                  <c:v>50.5500000000049</c:v>
                </c:pt>
                <c:pt idx="3156">
                  <c:v>50.560000000004898</c:v>
                </c:pt>
                <c:pt idx="3157">
                  <c:v>50.570000000004903</c:v>
                </c:pt>
                <c:pt idx="3158">
                  <c:v>50.580000000004901</c:v>
                </c:pt>
                <c:pt idx="3159">
                  <c:v>50.590000000004899</c:v>
                </c:pt>
                <c:pt idx="3160">
                  <c:v>50.600000000004897</c:v>
                </c:pt>
                <c:pt idx="3161">
                  <c:v>50.610000000004902</c:v>
                </c:pt>
                <c:pt idx="3162">
                  <c:v>50.6200000000049</c:v>
                </c:pt>
                <c:pt idx="3163">
                  <c:v>50.630000000004898</c:v>
                </c:pt>
                <c:pt idx="3164">
                  <c:v>50.640000000004903</c:v>
                </c:pt>
                <c:pt idx="3165">
                  <c:v>50.650000000004901</c:v>
                </c:pt>
                <c:pt idx="3166">
                  <c:v>50.660000000004899</c:v>
                </c:pt>
                <c:pt idx="3167">
                  <c:v>50.670000000004997</c:v>
                </c:pt>
                <c:pt idx="3168">
                  <c:v>50.680000000005002</c:v>
                </c:pt>
                <c:pt idx="3169">
                  <c:v>50.690000000005</c:v>
                </c:pt>
                <c:pt idx="3170">
                  <c:v>50.700000000004998</c:v>
                </c:pt>
                <c:pt idx="3171">
                  <c:v>50.710000000005003</c:v>
                </c:pt>
                <c:pt idx="3172">
                  <c:v>50.720000000005001</c:v>
                </c:pt>
                <c:pt idx="3173">
                  <c:v>50.730000000004999</c:v>
                </c:pt>
                <c:pt idx="3174">
                  <c:v>50.740000000004997</c:v>
                </c:pt>
                <c:pt idx="3175">
                  <c:v>50.750000000005002</c:v>
                </c:pt>
                <c:pt idx="3176">
                  <c:v>50.760000000005</c:v>
                </c:pt>
                <c:pt idx="3177">
                  <c:v>50.770000000004998</c:v>
                </c:pt>
                <c:pt idx="3178">
                  <c:v>50.780000000005003</c:v>
                </c:pt>
                <c:pt idx="3179">
                  <c:v>50.790000000005001</c:v>
                </c:pt>
                <c:pt idx="3180">
                  <c:v>50.800000000004999</c:v>
                </c:pt>
                <c:pt idx="3181">
                  <c:v>50.810000000004997</c:v>
                </c:pt>
                <c:pt idx="3182">
                  <c:v>50.820000000005003</c:v>
                </c:pt>
                <c:pt idx="3183">
                  <c:v>50.830000000005001</c:v>
                </c:pt>
                <c:pt idx="3184">
                  <c:v>50.840000000004999</c:v>
                </c:pt>
                <c:pt idx="3185">
                  <c:v>50.850000000004997</c:v>
                </c:pt>
                <c:pt idx="3186">
                  <c:v>50.860000000005002</c:v>
                </c:pt>
                <c:pt idx="3187">
                  <c:v>50.870000000005</c:v>
                </c:pt>
                <c:pt idx="3188">
                  <c:v>50.880000000004998</c:v>
                </c:pt>
                <c:pt idx="3189">
                  <c:v>50.890000000005003</c:v>
                </c:pt>
                <c:pt idx="3190">
                  <c:v>50.900000000005001</c:v>
                </c:pt>
                <c:pt idx="3191">
                  <c:v>50.910000000004999</c:v>
                </c:pt>
                <c:pt idx="3192">
                  <c:v>50.920000000004997</c:v>
                </c:pt>
                <c:pt idx="3193">
                  <c:v>50.930000000005002</c:v>
                </c:pt>
                <c:pt idx="3194">
                  <c:v>50.940000000005</c:v>
                </c:pt>
                <c:pt idx="3195">
                  <c:v>50.950000000004998</c:v>
                </c:pt>
                <c:pt idx="3196">
                  <c:v>50.960000000005003</c:v>
                </c:pt>
                <c:pt idx="3197">
                  <c:v>50.970000000005001</c:v>
                </c:pt>
                <c:pt idx="3198">
                  <c:v>50.980000000004999</c:v>
                </c:pt>
                <c:pt idx="3199">
                  <c:v>50.990000000004997</c:v>
                </c:pt>
                <c:pt idx="3200">
                  <c:v>51.000000000005002</c:v>
                </c:pt>
                <c:pt idx="3201">
                  <c:v>51.010000000005</c:v>
                </c:pt>
                <c:pt idx="3202">
                  <c:v>51.020000000004998</c:v>
                </c:pt>
                <c:pt idx="3203">
                  <c:v>51.030000000005003</c:v>
                </c:pt>
                <c:pt idx="3204">
                  <c:v>51.040000000005001</c:v>
                </c:pt>
                <c:pt idx="3205">
                  <c:v>51.050000000004999</c:v>
                </c:pt>
                <c:pt idx="3206">
                  <c:v>51.060000000004997</c:v>
                </c:pt>
                <c:pt idx="3207">
                  <c:v>51.070000000005003</c:v>
                </c:pt>
                <c:pt idx="3208">
                  <c:v>51.080000000005001</c:v>
                </c:pt>
                <c:pt idx="3209">
                  <c:v>51.090000000004999</c:v>
                </c:pt>
                <c:pt idx="3210">
                  <c:v>51.100000000004997</c:v>
                </c:pt>
                <c:pt idx="3211">
                  <c:v>51.110000000005002</c:v>
                </c:pt>
                <c:pt idx="3212">
                  <c:v>51.120000000005</c:v>
                </c:pt>
                <c:pt idx="3213">
                  <c:v>51.130000000004998</c:v>
                </c:pt>
                <c:pt idx="3214">
                  <c:v>51.140000000005003</c:v>
                </c:pt>
                <c:pt idx="3215">
                  <c:v>51.150000000005001</c:v>
                </c:pt>
                <c:pt idx="3216">
                  <c:v>51.160000000004999</c:v>
                </c:pt>
                <c:pt idx="3217">
                  <c:v>51.170000000004997</c:v>
                </c:pt>
                <c:pt idx="3218">
                  <c:v>51.180000000005002</c:v>
                </c:pt>
                <c:pt idx="3219">
                  <c:v>51.190000000005</c:v>
                </c:pt>
                <c:pt idx="3220">
                  <c:v>51.200000000004998</c:v>
                </c:pt>
                <c:pt idx="3221">
                  <c:v>51.210000000005003</c:v>
                </c:pt>
                <c:pt idx="3222">
                  <c:v>51.220000000005001</c:v>
                </c:pt>
                <c:pt idx="3223">
                  <c:v>51.230000000004999</c:v>
                </c:pt>
                <c:pt idx="3224">
                  <c:v>51.240000000004997</c:v>
                </c:pt>
                <c:pt idx="3225">
                  <c:v>51.250000000005002</c:v>
                </c:pt>
                <c:pt idx="3226">
                  <c:v>51.260000000005</c:v>
                </c:pt>
                <c:pt idx="3227">
                  <c:v>51.270000000004998</c:v>
                </c:pt>
                <c:pt idx="3228">
                  <c:v>51.280000000005003</c:v>
                </c:pt>
                <c:pt idx="3229">
                  <c:v>51.290000000005101</c:v>
                </c:pt>
                <c:pt idx="3230">
                  <c:v>51.300000000004999</c:v>
                </c:pt>
                <c:pt idx="3231">
                  <c:v>51.310000000004997</c:v>
                </c:pt>
                <c:pt idx="3232">
                  <c:v>51.320000000005102</c:v>
                </c:pt>
                <c:pt idx="3233">
                  <c:v>51.3300000000051</c:v>
                </c:pt>
                <c:pt idx="3234">
                  <c:v>51.340000000005098</c:v>
                </c:pt>
                <c:pt idx="3235">
                  <c:v>51.350000000005103</c:v>
                </c:pt>
                <c:pt idx="3236">
                  <c:v>51.360000000005101</c:v>
                </c:pt>
                <c:pt idx="3237">
                  <c:v>51.370000000005099</c:v>
                </c:pt>
                <c:pt idx="3238">
                  <c:v>51.380000000005097</c:v>
                </c:pt>
                <c:pt idx="3239">
                  <c:v>51.390000000005102</c:v>
                </c:pt>
                <c:pt idx="3240">
                  <c:v>51.4000000000051</c:v>
                </c:pt>
                <c:pt idx="3241">
                  <c:v>51.410000000005098</c:v>
                </c:pt>
                <c:pt idx="3242">
                  <c:v>51.420000000005103</c:v>
                </c:pt>
                <c:pt idx="3243">
                  <c:v>51.430000000005101</c:v>
                </c:pt>
                <c:pt idx="3244">
                  <c:v>51.440000000005099</c:v>
                </c:pt>
                <c:pt idx="3245">
                  <c:v>51.450000000005097</c:v>
                </c:pt>
                <c:pt idx="3246">
                  <c:v>51.460000000005103</c:v>
                </c:pt>
                <c:pt idx="3247">
                  <c:v>51.470000000005101</c:v>
                </c:pt>
                <c:pt idx="3248">
                  <c:v>51.480000000005099</c:v>
                </c:pt>
                <c:pt idx="3249">
                  <c:v>51.490000000005097</c:v>
                </c:pt>
                <c:pt idx="3250">
                  <c:v>51.500000000005102</c:v>
                </c:pt>
                <c:pt idx="3251">
                  <c:v>51.5100000000051</c:v>
                </c:pt>
                <c:pt idx="3252">
                  <c:v>51.520000000005098</c:v>
                </c:pt>
                <c:pt idx="3253">
                  <c:v>51.530000000005103</c:v>
                </c:pt>
                <c:pt idx="3254">
                  <c:v>51.540000000005101</c:v>
                </c:pt>
                <c:pt idx="3255">
                  <c:v>51.550000000005099</c:v>
                </c:pt>
                <c:pt idx="3256">
                  <c:v>51.560000000005097</c:v>
                </c:pt>
                <c:pt idx="3257">
                  <c:v>51.570000000005102</c:v>
                </c:pt>
                <c:pt idx="3258">
                  <c:v>51.5800000000051</c:v>
                </c:pt>
                <c:pt idx="3259">
                  <c:v>51.590000000005098</c:v>
                </c:pt>
                <c:pt idx="3260">
                  <c:v>51.600000000005103</c:v>
                </c:pt>
                <c:pt idx="3261">
                  <c:v>51.610000000005101</c:v>
                </c:pt>
                <c:pt idx="3262">
                  <c:v>51.620000000005099</c:v>
                </c:pt>
                <c:pt idx="3263">
                  <c:v>51.630000000005097</c:v>
                </c:pt>
                <c:pt idx="3264">
                  <c:v>51.640000000005102</c:v>
                </c:pt>
                <c:pt idx="3265">
                  <c:v>51.6500000000051</c:v>
                </c:pt>
                <c:pt idx="3266">
                  <c:v>51.660000000005098</c:v>
                </c:pt>
                <c:pt idx="3267">
                  <c:v>51.670000000005103</c:v>
                </c:pt>
                <c:pt idx="3268">
                  <c:v>51.680000000005101</c:v>
                </c:pt>
                <c:pt idx="3269">
                  <c:v>51.690000000005099</c:v>
                </c:pt>
                <c:pt idx="3270">
                  <c:v>51.700000000005097</c:v>
                </c:pt>
                <c:pt idx="3271">
                  <c:v>51.710000000005103</c:v>
                </c:pt>
                <c:pt idx="3272">
                  <c:v>51.720000000005101</c:v>
                </c:pt>
                <c:pt idx="3273">
                  <c:v>51.730000000005099</c:v>
                </c:pt>
                <c:pt idx="3274">
                  <c:v>51.740000000005097</c:v>
                </c:pt>
                <c:pt idx="3275">
                  <c:v>51.750000000005102</c:v>
                </c:pt>
                <c:pt idx="3276">
                  <c:v>51.7600000000051</c:v>
                </c:pt>
                <c:pt idx="3277">
                  <c:v>51.770000000005098</c:v>
                </c:pt>
                <c:pt idx="3278">
                  <c:v>51.780000000005103</c:v>
                </c:pt>
                <c:pt idx="3279">
                  <c:v>51.790000000005101</c:v>
                </c:pt>
                <c:pt idx="3280">
                  <c:v>51.800000000005099</c:v>
                </c:pt>
                <c:pt idx="3281">
                  <c:v>51.810000000005097</c:v>
                </c:pt>
                <c:pt idx="3282">
                  <c:v>51.820000000005102</c:v>
                </c:pt>
                <c:pt idx="3283">
                  <c:v>51.8300000000051</c:v>
                </c:pt>
                <c:pt idx="3284">
                  <c:v>51.840000000005098</c:v>
                </c:pt>
                <c:pt idx="3285">
                  <c:v>51.850000000005103</c:v>
                </c:pt>
                <c:pt idx="3286">
                  <c:v>51.860000000005101</c:v>
                </c:pt>
                <c:pt idx="3287">
                  <c:v>51.870000000005099</c:v>
                </c:pt>
                <c:pt idx="3288">
                  <c:v>51.880000000005097</c:v>
                </c:pt>
                <c:pt idx="3289">
                  <c:v>51.890000000005102</c:v>
                </c:pt>
                <c:pt idx="3290">
                  <c:v>51.9000000000051</c:v>
                </c:pt>
                <c:pt idx="3291">
                  <c:v>51.910000000005098</c:v>
                </c:pt>
                <c:pt idx="3292">
                  <c:v>51.920000000005103</c:v>
                </c:pt>
                <c:pt idx="3293">
                  <c:v>51.930000000005201</c:v>
                </c:pt>
                <c:pt idx="3294">
                  <c:v>51.940000000005099</c:v>
                </c:pt>
                <c:pt idx="3295">
                  <c:v>51.950000000005097</c:v>
                </c:pt>
                <c:pt idx="3296">
                  <c:v>51.960000000005202</c:v>
                </c:pt>
                <c:pt idx="3297">
                  <c:v>51.9700000000052</c:v>
                </c:pt>
                <c:pt idx="3298">
                  <c:v>51.980000000005198</c:v>
                </c:pt>
                <c:pt idx="3299">
                  <c:v>51.990000000005203</c:v>
                </c:pt>
                <c:pt idx="3300">
                  <c:v>52.000000000005201</c:v>
                </c:pt>
                <c:pt idx="3301">
                  <c:v>52.010000000005199</c:v>
                </c:pt>
                <c:pt idx="3302">
                  <c:v>52.020000000005197</c:v>
                </c:pt>
                <c:pt idx="3303">
                  <c:v>52.030000000005202</c:v>
                </c:pt>
                <c:pt idx="3304">
                  <c:v>52.0400000000052</c:v>
                </c:pt>
                <c:pt idx="3305">
                  <c:v>52.050000000005198</c:v>
                </c:pt>
                <c:pt idx="3306">
                  <c:v>52.060000000005203</c:v>
                </c:pt>
                <c:pt idx="3307">
                  <c:v>52.070000000005201</c:v>
                </c:pt>
                <c:pt idx="3308">
                  <c:v>52.080000000005199</c:v>
                </c:pt>
                <c:pt idx="3309">
                  <c:v>52.090000000005197</c:v>
                </c:pt>
                <c:pt idx="3310">
                  <c:v>52.100000000005203</c:v>
                </c:pt>
                <c:pt idx="3311">
                  <c:v>52.110000000005201</c:v>
                </c:pt>
                <c:pt idx="3312">
                  <c:v>52.120000000005199</c:v>
                </c:pt>
                <c:pt idx="3313">
                  <c:v>52.130000000005197</c:v>
                </c:pt>
                <c:pt idx="3314">
                  <c:v>52.140000000005202</c:v>
                </c:pt>
                <c:pt idx="3315">
                  <c:v>52.1500000000052</c:v>
                </c:pt>
                <c:pt idx="3316">
                  <c:v>52.160000000005198</c:v>
                </c:pt>
                <c:pt idx="3317">
                  <c:v>52.170000000005203</c:v>
                </c:pt>
                <c:pt idx="3318">
                  <c:v>52.180000000005201</c:v>
                </c:pt>
                <c:pt idx="3319">
                  <c:v>52.190000000005199</c:v>
                </c:pt>
                <c:pt idx="3320">
                  <c:v>52.200000000005197</c:v>
                </c:pt>
                <c:pt idx="3321">
                  <c:v>52.210000000005202</c:v>
                </c:pt>
                <c:pt idx="3322">
                  <c:v>52.2200000000052</c:v>
                </c:pt>
                <c:pt idx="3323">
                  <c:v>52.230000000005198</c:v>
                </c:pt>
                <c:pt idx="3324">
                  <c:v>52.240000000005203</c:v>
                </c:pt>
                <c:pt idx="3325">
                  <c:v>52.250000000005201</c:v>
                </c:pt>
                <c:pt idx="3326">
                  <c:v>52.260000000005199</c:v>
                </c:pt>
                <c:pt idx="3327">
                  <c:v>52.270000000005197</c:v>
                </c:pt>
                <c:pt idx="3328">
                  <c:v>52.280000000005202</c:v>
                </c:pt>
                <c:pt idx="3329">
                  <c:v>52.2900000000052</c:v>
                </c:pt>
                <c:pt idx="3330">
                  <c:v>52.300000000005198</c:v>
                </c:pt>
                <c:pt idx="3331">
                  <c:v>52.310000000005203</c:v>
                </c:pt>
                <c:pt idx="3332">
                  <c:v>52.320000000005201</c:v>
                </c:pt>
                <c:pt idx="3333">
                  <c:v>52.330000000005199</c:v>
                </c:pt>
                <c:pt idx="3334">
                  <c:v>52.340000000005197</c:v>
                </c:pt>
                <c:pt idx="3335">
                  <c:v>52.350000000005203</c:v>
                </c:pt>
                <c:pt idx="3336">
                  <c:v>52.360000000005201</c:v>
                </c:pt>
                <c:pt idx="3337">
                  <c:v>52.370000000005199</c:v>
                </c:pt>
                <c:pt idx="3338">
                  <c:v>52.380000000005197</c:v>
                </c:pt>
                <c:pt idx="3339">
                  <c:v>52.390000000005202</c:v>
                </c:pt>
                <c:pt idx="3340">
                  <c:v>52.4000000000052</c:v>
                </c:pt>
                <c:pt idx="3341">
                  <c:v>52.410000000005198</c:v>
                </c:pt>
                <c:pt idx="3342">
                  <c:v>52.420000000005203</c:v>
                </c:pt>
                <c:pt idx="3343">
                  <c:v>52.430000000005201</c:v>
                </c:pt>
                <c:pt idx="3344">
                  <c:v>52.440000000005199</c:v>
                </c:pt>
                <c:pt idx="3345">
                  <c:v>52.450000000005197</c:v>
                </c:pt>
                <c:pt idx="3346">
                  <c:v>52.460000000005202</c:v>
                </c:pt>
                <c:pt idx="3347">
                  <c:v>52.4700000000052</c:v>
                </c:pt>
                <c:pt idx="3348">
                  <c:v>52.480000000005198</c:v>
                </c:pt>
                <c:pt idx="3349">
                  <c:v>52.490000000005203</c:v>
                </c:pt>
                <c:pt idx="3350">
                  <c:v>52.500000000005201</c:v>
                </c:pt>
                <c:pt idx="3351">
                  <c:v>52.510000000005199</c:v>
                </c:pt>
                <c:pt idx="3352">
                  <c:v>52.520000000005197</c:v>
                </c:pt>
                <c:pt idx="3353">
                  <c:v>52.530000000005202</c:v>
                </c:pt>
                <c:pt idx="3354">
                  <c:v>52.5400000000052</c:v>
                </c:pt>
                <c:pt idx="3355">
                  <c:v>52.550000000005198</c:v>
                </c:pt>
                <c:pt idx="3356">
                  <c:v>52.560000000005203</c:v>
                </c:pt>
                <c:pt idx="3357">
                  <c:v>52.570000000005301</c:v>
                </c:pt>
                <c:pt idx="3358">
                  <c:v>52.580000000005199</c:v>
                </c:pt>
                <c:pt idx="3359">
                  <c:v>52.590000000005197</c:v>
                </c:pt>
                <c:pt idx="3360">
                  <c:v>52.600000000005302</c:v>
                </c:pt>
                <c:pt idx="3361">
                  <c:v>52.6100000000053</c:v>
                </c:pt>
                <c:pt idx="3362">
                  <c:v>52.620000000005298</c:v>
                </c:pt>
                <c:pt idx="3363">
                  <c:v>52.630000000005303</c:v>
                </c:pt>
                <c:pt idx="3364">
                  <c:v>52.640000000005301</c:v>
                </c:pt>
                <c:pt idx="3365">
                  <c:v>52.650000000005299</c:v>
                </c:pt>
                <c:pt idx="3366">
                  <c:v>52.660000000005297</c:v>
                </c:pt>
                <c:pt idx="3367">
                  <c:v>52.670000000005302</c:v>
                </c:pt>
                <c:pt idx="3368">
                  <c:v>52.6800000000053</c:v>
                </c:pt>
                <c:pt idx="3369">
                  <c:v>52.690000000005298</c:v>
                </c:pt>
                <c:pt idx="3370">
                  <c:v>52.700000000005303</c:v>
                </c:pt>
                <c:pt idx="3371">
                  <c:v>52.710000000005302</c:v>
                </c:pt>
                <c:pt idx="3372">
                  <c:v>52.7200000000053</c:v>
                </c:pt>
                <c:pt idx="3373">
                  <c:v>52.730000000005298</c:v>
                </c:pt>
                <c:pt idx="3374">
                  <c:v>52.740000000005303</c:v>
                </c:pt>
                <c:pt idx="3375">
                  <c:v>52.750000000005301</c:v>
                </c:pt>
                <c:pt idx="3376">
                  <c:v>52.760000000005299</c:v>
                </c:pt>
                <c:pt idx="3377">
                  <c:v>52.770000000005297</c:v>
                </c:pt>
                <c:pt idx="3378">
                  <c:v>52.780000000005302</c:v>
                </c:pt>
                <c:pt idx="3379">
                  <c:v>52.7900000000053</c:v>
                </c:pt>
                <c:pt idx="3380">
                  <c:v>52.800000000005298</c:v>
                </c:pt>
                <c:pt idx="3381">
                  <c:v>52.810000000005303</c:v>
                </c:pt>
                <c:pt idx="3382">
                  <c:v>52.820000000005301</c:v>
                </c:pt>
                <c:pt idx="3383">
                  <c:v>52.830000000005299</c:v>
                </c:pt>
                <c:pt idx="3384">
                  <c:v>52.840000000005297</c:v>
                </c:pt>
                <c:pt idx="3385">
                  <c:v>52.850000000005302</c:v>
                </c:pt>
                <c:pt idx="3386">
                  <c:v>52.8600000000053</c:v>
                </c:pt>
                <c:pt idx="3387">
                  <c:v>52.870000000005298</c:v>
                </c:pt>
                <c:pt idx="3388">
                  <c:v>52.880000000005303</c:v>
                </c:pt>
                <c:pt idx="3389">
                  <c:v>52.890000000005301</c:v>
                </c:pt>
                <c:pt idx="3390">
                  <c:v>52.900000000005299</c:v>
                </c:pt>
                <c:pt idx="3391">
                  <c:v>52.910000000005297</c:v>
                </c:pt>
                <c:pt idx="3392">
                  <c:v>52.920000000005302</c:v>
                </c:pt>
                <c:pt idx="3393">
                  <c:v>52.9300000000053</c:v>
                </c:pt>
                <c:pt idx="3394">
                  <c:v>52.940000000005298</c:v>
                </c:pt>
                <c:pt idx="3395">
                  <c:v>52.950000000005303</c:v>
                </c:pt>
                <c:pt idx="3396">
                  <c:v>52.960000000005302</c:v>
                </c:pt>
                <c:pt idx="3397">
                  <c:v>52.9700000000053</c:v>
                </c:pt>
                <c:pt idx="3398">
                  <c:v>52.980000000005298</c:v>
                </c:pt>
                <c:pt idx="3399">
                  <c:v>52.990000000005303</c:v>
                </c:pt>
                <c:pt idx="3400">
                  <c:v>53.000000000005301</c:v>
                </c:pt>
                <c:pt idx="3401">
                  <c:v>53.010000000005299</c:v>
                </c:pt>
                <c:pt idx="3402">
                  <c:v>53.020000000005297</c:v>
                </c:pt>
                <c:pt idx="3403">
                  <c:v>53.030000000005302</c:v>
                </c:pt>
                <c:pt idx="3404">
                  <c:v>53.0400000000053</c:v>
                </c:pt>
                <c:pt idx="3405">
                  <c:v>53.050000000005298</c:v>
                </c:pt>
                <c:pt idx="3406">
                  <c:v>53.060000000005303</c:v>
                </c:pt>
                <c:pt idx="3407">
                  <c:v>53.070000000005301</c:v>
                </c:pt>
                <c:pt idx="3408">
                  <c:v>53.080000000005299</c:v>
                </c:pt>
                <c:pt idx="3409">
                  <c:v>53.090000000005297</c:v>
                </c:pt>
                <c:pt idx="3410">
                  <c:v>53.100000000005302</c:v>
                </c:pt>
                <c:pt idx="3411">
                  <c:v>53.1100000000053</c:v>
                </c:pt>
                <c:pt idx="3412">
                  <c:v>53.120000000005298</c:v>
                </c:pt>
                <c:pt idx="3413">
                  <c:v>53.130000000005303</c:v>
                </c:pt>
                <c:pt idx="3414">
                  <c:v>53.140000000005301</c:v>
                </c:pt>
                <c:pt idx="3415">
                  <c:v>53.150000000005299</c:v>
                </c:pt>
                <c:pt idx="3416">
                  <c:v>53.160000000005297</c:v>
                </c:pt>
                <c:pt idx="3417">
                  <c:v>53.170000000005302</c:v>
                </c:pt>
                <c:pt idx="3418">
                  <c:v>53.1800000000053</c:v>
                </c:pt>
                <c:pt idx="3419">
                  <c:v>53.190000000005298</c:v>
                </c:pt>
                <c:pt idx="3420">
                  <c:v>53.200000000005303</c:v>
                </c:pt>
                <c:pt idx="3421">
                  <c:v>53.210000000005401</c:v>
                </c:pt>
                <c:pt idx="3422">
                  <c:v>53.2200000000053</c:v>
                </c:pt>
                <c:pt idx="3423">
                  <c:v>53.230000000005298</c:v>
                </c:pt>
                <c:pt idx="3424">
                  <c:v>53.240000000005402</c:v>
                </c:pt>
                <c:pt idx="3425">
                  <c:v>53.2500000000054</c:v>
                </c:pt>
                <c:pt idx="3426">
                  <c:v>53.260000000005398</c:v>
                </c:pt>
                <c:pt idx="3427">
                  <c:v>53.270000000005403</c:v>
                </c:pt>
                <c:pt idx="3428">
                  <c:v>53.280000000005401</c:v>
                </c:pt>
                <c:pt idx="3429">
                  <c:v>53.290000000005399</c:v>
                </c:pt>
                <c:pt idx="3430">
                  <c:v>53.300000000005397</c:v>
                </c:pt>
                <c:pt idx="3431">
                  <c:v>53.310000000005402</c:v>
                </c:pt>
                <c:pt idx="3432">
                  <c:v>53.3200000000054</c:v>
                </c:pt>
                <c:pt idx="3433">
                  <c:v>53.330000000005398</c:v>
                </c:pt>
                <c:pt idx="3434">
                  <c:v>53.340000000005404</c:v>
                </c:pt>
                <c:pt idx="3435">
                  <c:v>53.350000000005402</c:v>
                </c:pt>
                <c:pt idx="3436">
                  <c:v>53.3600000000054</c:v>
                </c:pt>
                <c:pt idx="3437">
                  <c:v>53.370000000005398</c:v>
                </c:pt>
                <c:pt idx="3438">
                  <c:v>53.380000000005403</c:v>
                </c:pt>
                <c:pt idx="3439">
                  <c:v>53.390000000005401</c:v>
                </c:pt>
                <c:pt idx="3440">
                  <c:v>53.400000000005399</c:v>
                </c:pt>
                <c:pt idx="3441">
                  <c:v>53.410000000005397</c:v>
                </c:pt>
                <c:pt idx="3442">
                  <c:v>53.420000000005402</c:v>
                </c:pt>
                <c:pt idx="3443">
                  <c:v>53.4300000000054</c:v>
                </c:pt>
                <c:pt idx="3444">
                  <c:v>53.440000000005398</c:v>
                </c:pt>
                <c:pt idx="3445">
                  <c:v>53.450000000005403</c:v>
                </c:pt>
                <c:pt idx="3446">
                  <c:v>53.460000000005401</c:v>
                </c:pt>
                <c:pt idx="3447">
                  <c:v>53.470000000005399</c:v>
                </c:pt>
                <c:pt idx="3448">
                  <c:v>53.480000000005397</c:v>
                </c:pt>
                <c:pt idx="3449">
                  <c:v>53.490000000005402</c:v>
                </c:pt>
                <c:pt idx="3450">
                  <c:v>53.5000000000054</c:v>
                </c:pt>
                <c:pt idx="3451">
                  <c:v>53.510000000005398</c:v>
                </c:pt>
                <c:pt idx="3452">
                  <c:v>53.520000000005403</c:v>
                </c:pt>
                <c:pt idx="3453">
                  <c:v>53.530000000005401</c:v>
                </c:pt>
                <c:pt idx="3454">
                  <c:v>53.540000000005399</c:v>
                </c:pt>
                <c:pt idx="3455">
                  <c:v>53.550000000005397</c:v>
                </c:pt>
                <c:pt idx="3456">
                  <c:v>53.560000000005402</c:v>
                </c:pt>
                <c:pt idx="3457">
                  <c:v>53.5700000000054</c:v>
                </c:pt>
                <c:pt idx="3458">
                  <c:v>53.580000000005398</c:v>
                </c:pt>
                <c:pt idx="3459">
                  <c:v>53.590000000005404</c:v>
                </c:pt>
                <c:pt idx="3460">
                  <c:v>53.600000000005402</c:v>
                </c:pt>
                <c:pt idx="3461">
                  <c:v>53.6100000000054</c:v>
                </c:pt>
                <c:pt idx="3462">
                  <c:v>53.620000000005398</c:v>
                </c:pt>
                <c:pt idx="3463">
                  <c:v>53.630000000005403</c:v>
                </c:pt>
                <c:pt idx="3464">
                  <c:v>53.640000000005401</c:v>
                </c:pt>
                <c:pt idx="3465">
                  <c:v>53.650000000005399</c:v>
                </c:pt>
                <c:pt idx="3466">
                  <c:v>53.660000000005397</c:v>
                </c:pt>
                <c:pt idx="3467">
                  <c:v>53.670000000005402</c:v>
                </c:pt>
                <c:pt idx="3468">
                  <c:v>53.6800000000054</c:v>
                </c:pt>
                <c:pt idx="3469">
                  <c:v>53.690000000005398</c:v>
                </c:pt>
                <c:pt idx="3470">
                  <c:v>53.700000000005403</c:v>
                </c:pt>
                <c:pt idx="3471">
                  <c:v>53.710000000005401</c:v>
                </c:pt>
                <c:pt idx="3472">
                  <c:v>53.720000000005399</c:v>
                </c:pt>
                <c:pt idx="3473">
                  <c:v>53.730000000005397</c:v>
                </c:pt>
                <c:pt idx="3474">
                  <c:v>53.740000000005402</c:v>
                </c:pt>
                <c:pt idx="3475">
                  <c:v>53.7500000000054</c:v>
                </c:pt>
                <c:pt idx="3476">
                  <c:v>53.760000000005398</c:v>
                </c:pt>
                <c:pt idx="3477">
                  <c:v>53.770000000005403</c:v>
                </c:pt>
                <c:pt idx="3478">
                  <c:v>53.780000000005401</c:v>
                </c:pt>
                <c:pt idx="3479">
                  <c:v>53.790000000005399</c:v>
                </c:pt>
                <c:pt idx="3480">
                  <c:v>53.800000000005397</c:v>
                </c:pt>
                <c:pt idx="3481">
                  <c:v>53.810000000005402</c:v>
                </c:pt>
                <c:pt idx="3482">
                  <c:v>53.8200000000054</c:v>
                </c:pt>
                <c:pt idx="3483">
                  <c:v>53.830000000005398</c:v>
                </c:pt>
                <c:pt idx="3484">
                  <c:v>53.840000000005404</c:v>
                </c:pt>
                <c:pt idx="3485">
                  <c:v>53.850000000005501</c:v>
                </c:pt>
                <c:pt idx="3486">
                  <c:v>53.8600000000054</c:v>
                </c:pt>
                <c:pt idx="3487">
                  <c:v>53.870000000005398</c:v>
                </c:pt>
                <c:pt idx="3488">
                  <c:v>53.880000000005502</c:v>
                </c:pt>
                <c:pt idx="3489">
                  <c:v>53.8900000000055</c:v>
                </c:pt>
                <c:pt idx="3490">
                  <c:v>53.900000000005498</c:v>
                </c:pt>
                <c:pt idx="3491">
                  <c:v>53.910000000005503</c:v>
                </c:pt>
                <c:pt idx="3492">
                  <c:v>53.920000000005501</c:v>
                </c:pt>
                <c:pt idx="3493">
                  <c:v>53.930000000005499</c:v>
                </c:pt>
                <c:pt idx="3494">
                  <c:v>53.940000000005497</c:v>
                </c:pt>
                <c:pt idx="3495">
                  <c:v>53.950000000005502</c:v>
                </c:pt>
                <c:pt idx="3496">
                  <c:v>53.9600000000055</c:v>
                </c:pt>
                <c:pt idx="3497">
                  <c:v>53.970000000005498</c:v>
                </c:pt>
                <c:pt idx="3498">
                  <c:v>53.980000000005496</c:v>
                </c:pt>
                <c:pt idx="3499">
                  <c:v>53.990000000005502</c:v>
                </c:pt>
                <c:pt idx="3500">
                  <c:v>54.0000000000055</c:v>
                </c:pt>
                <c:pt idx="3501">
                  <c:v>54.010000000005498</c:v>
                </c:pt>
                <c:pt idx="3502">
                  <c:v>54.020000000005503</c:v>
                </c:pt>
                <c:pt idx="3503">
                  <c:v>54.030000000005501</c:v>
                </c:pt>
                <c:pt idx="3504">
                  <c:v>54.040000000005499</c:v>
                </c:pt>
                <c:pt idx="3505">
                  <c:v>54.050000000005497</c:v>
                </c:pt>
                <c:pt idx="3506">
                  <c:v>54.060000000005502</c:v>
                </c:pt>
                <c:pt idx="3507">
                  <c:v>54.0700000000055</c:v>
                </c:pt>
                <c:pt idx="3508">
                  <c:v>54.080000000005498</c:v>
                </c:pt>
                <c:pt idx="3509">
                  <c:v>54.090000000005503</c:v>
                </c:pt>
                <c:pt idx="3510">
                  <c:v>54.100000000005501</c:v>
                </c:pt>
                <c:pt idx="3511">
                  <c:v>54.110000000005499</c:v>
                </c:pt>
                <c:pt idx="3512">
                  <c:v>54.120000000005497</c:v>
                </c:pt>
                <c:pt idx="3513">
                  <c:v>54.130000000005502</c:v>
                </c:pt>
                <c:pt idx="3514">
                  <c:v>54.1400000000055</c:v>
                </c:pt>
                <c:pt idx="3515">
                  <c:v>54.150000000005498</c:v>
                </c:pt>
                <c:pt idx="3516">
                  <c:v>54.160000000005503</c:v>
                </c:pt>
                <c:pt idx="3517">
                  <c:v>54.170000000005501</c:v>
                </c:pt>
                <c:pt idx="3518">
                  <c:v>54.180000000005499</c:v>
                </c:pt>
                <c:pt idx="3519">
                  <c:v>54.190000000005497</c:v>
                </c:pt>
                <c:pt idx="3520">
                  <c:v>54.200000000005502</c:v>
                </c:pt>
                <c:pt idx="3521">
                  <c:v>54.2100000000055</c:v>
                </c:pt>
                <c:pt idx="3522">
                  <c:v>54.220000000005498</c:v>
                </c:pt>
                <c:pt idx="3523">
                  <c:v>54.230000000005496</c:v>
                </c:pt>
                <c:pt idx="3524">
                  <c:v>54.240000000005502</c:v>
                </c:pt>
                <c:pt idx="3525">
                  <c:v>54.2500000000055</c:v>
                </c:pt>
                <c:pt idx="3526">
                  <c:v>54.260000000005498</c:v>
                </c:pt>
                <c:pt idx="3527">
                  <c:v>54.270000000005503</c:v>
                </c:pt>
                <c:pt idx="3528">
                  <c:v>54.280000000005501</c:v>
                </c:pt>
                <c:pt idx="3529">
                  <c:v>54.290000000005499</c:v>
                </c:pt>
                <c:pt idx="3530">
                  <c:v>54.300000000005497</c:v>
                </c:pt>
                <c:pt idx="3531">
                  <c:v>54.310000000005502</c:v>
                </c:pt>
                <c:pt idx="3532">
                  <c:v>54.3200000000055</c:v>
                </c:pt>
                <c:pt idx="3533">
                  <c:v>54.330000000005498</c:v>
                </c:pt>
                <c:pt idx="3534">
                  <c:v>54.340000000005503</c:v>
                </c:pt>
                <c:pt idx="3535">
                  <c:v>54.350000000005501</c:v>
                </c:pt>
                <c:pt idx="3536">
                  <c:v>54.360000000005499</c:v>
                </c:pt>
                <c:pt idx="3537">
                  <c:v>54.370000000005497</c:v>
                </c:pt>
                <c:pt idx="3538">
                  <c:v>54.380000000005502</c:v>
                </c:pt>
                <c:pt idx="3539">
                  <c:v>54.3900000000055</c:v>
                </c:pt>
                <c:pt idx="3540">
                  <c:v>54.400000000005498</c:v>
                </c:pt>
                <c:pt idx="3541">
                  <c:v>54.410000000005503</c:v>
                </c:pt>
                <c:pt idx="3542">
                  <c:v>54.420000000005501</c:v>
                </c:pt>
                <c:pt idx="3543">
                  <c:v>54.430000000005499</c:v>
                </c:pt>
                <c:pt idx="3544">
                  <c:v>54.440000000005497</c:v>
                </c:pt>
                <c:pt idx="3545">
                  <c:v>54.450000000005502</c:v>
                </c:pt>
                <c:pt idx="3546">
                  <c:v>54.4600000000055</c:v>
                </c:pt>
                <c:pt idx="3547">
                  <c:v>54.470000000005498</c:v>
                </c:pt>
                <c:pt idx="3548">
                  <c:v>54.480000000005496</c:v>
                </c:pt>
                <c:pt idx="3549">
                  <c:v>54.490000000005601</c:v>
                </c:pt>
                <c:pt idx="3550">
                  <c:v>54.5000000000055</c:v>
                </c:pt>
                <c:pt idx="3551">
                  <c:v>54.510000000005498</c:v>
                </c:pt>
                <c:pt idx="3552">
                  <c:v>54.520000000005602</c:v>
                </c:pt>
                <c:pt idx="3553">
                  <c:v>54.5300000000056</c:v>
                </c:pt>
                <c:pt idx="3554">
                  <c:v>54.540000000005598</c:v>
                </c:pt>
                <c:pt idx="3555">
                  <c:v>54.550000000005603</c:v>
                </c:pt>
                <c:pt idx="3556">
                  <c:v>54.560000000005601</c:v>
                </c:pt>
                <c:pt idx="3557">
                  <c:v>54.570000000005599</c:v>
                </c:pt>
                <c:pt idx="3558">
                  <c:v>54.580000000005597</c:v>
                </c:pt>
                <c:pt idx="3559">
                  <c:v>54.590000000005602</c:v>
                </c:pt>
                <c:pt idx="3560">
                  <c:v>54.6000000000056</c:v>
                </c:pt>
                <c:pt idx="3561">
                  <c:v>54.610000000005599</c:v>
                </c:pt>
                <c:pt idx="3562">
                  <c:v>54.620000000005597</c:v>
                </c:pt>
                <c:pt idx="3563">
                  <c:v>54.630000000005602</c:v>
                </c:pt>
                <c:pt idx="3564">
                  <c:v>54.6400000000056</c:v>
                </c:pt>
                <c:pt idx="3565">
                  <c:v>54.650000000005598</c:v>
                </c:pt>
                <c:pt idx="3566">
                  <c:v>54.660000000005603</c:v>
                </c:pt>
                <c:pt idx="3567">
                  <c:v>54.670000000005601</c:v>
                </c:pt>
                <c:pt idx="3568">
                  <c:v>54.680000000005599</c:v>
                </c:pt>
                <c:pt idx="3569">
                  <c:v>54.690000000005597</c:v>
                </c:pt>
                <c:pt idx="3570">
                  <c:v>54.700000000005602</c:v>
                </c:pt>
                <c:pt idx="3571">
                  <c:v>54.7100000000056</c:v>
                </c:pt>
                <c:pt idx="3572">
                  <c:v>54.720000000005598</c:v>
                </c:pt>
                <c:pt idx="3573">
                  <c:v>54.730000000005603</c:v>
                </c:pt>
                <c:pt idx="3574">
                  <c:v>54.740000000005601</c:v>
                </c:pt>
                <c:pt idx="3575">
                  <c:v>54.750000000005599</c:v>
                </c:pt>
                <c:pt idx="3576">
                  <c:v>54.760000000005597</c:v>
                </c:pt>
                <c:pt idx="3577">
                  <c:v>54.770000000005602</c:v>
                </c:pt>
                <c:pt idx="3578">
                  <c:v>54.7800000000056</c:v>
                </c:pt>
                <c:pt idx="3579">
                  <c:v>54.790000000005598</c:v>
                </c:pt>
                <c:pt idx="3580">
                  <c:v>54.800000000005603</c:v>
                </c:pt>
                <c:pt idx="3581">
                  <c:v>54.810000000005601</c:v>
                </c:pt>
                <c:pt idx="3582">
                  <c:v>54.820000000005599</c:v>
                </c:pt>
                <c:pt idx="3583">
                  <c:v>54.830000000005597</c:v>
                </c:pt>
                <c:pt idx="3584">
                  <c:v>54.840000000005602</c:v>
                </c:pt>
                <c:pt idx="3585">
                  <c:v>54.8500000000056</c:v>
                </c:pt>
                <c:pt idx="3586">
                  <c:v>54.860000000005599</c:v>
                </c:pt>
                <c:pt idx="3587">
                  <c:v>54.870000000005597</c:v>
                </c:pt>
                <c:pt idx="3588">
                  <c:v>54.880000000005602</c:v>
                </c:pt>
                <c:pt idx="3589">
                  <c:v>54.8900000000056</c:v>
                </c:pt>
                <c:pt idx="3590">
                  <c:v>54.900000000005598</c:v>
                </c:pt>
                <c:pt idx="3591">
                  <c:v>54.910000000005603</c:v>
                </c:pt>
                <c:pt idx="3592">
                  <c:v>54.920000000005601</c:v>
                </c:pt>
                <c:pt idx="3593">
                  <c:v>54.930000000005599</c:v>
                </c:pt>
                <c:pt idx="3594">
                  <c:v>54.940000000005597</c:v>
                </c:pt>
                <c:pt idx="3595">
                  <c:v>54.950000000005602</c:v>
                </c:pt>
                <c:pt idx="3596">
                  <c:v>54.9600000000056</c:v>
                </c:pt>
                <c:pt idx="3597">
                  <c:v>54.970000000005598</c:v>
                </c:pt>
                <c:pt idx="3598">
                  <c:v>54.980000000005603</c:v>
                </c:pt>
                <c:pt idx="3599">
                  <c:v>54.990000000005601</c:v>
                </c:pt>
                <c:pt idx="3600">
                  <c:v>55.000000000005599</c:v>
                </c:pt>
                <c:pt idx="3601">
                  <c:v>55.010000000005597</c:v>
                </c:pt>
                <c:pt idx="3602">
                  <c:v>55.020000000005602</c:v>
                </c:pt>
                <c:pt idx="3603">
                  <c:v>55.0300000000056</c:v>
                </c:pt>
                <c:pt idx="3604">
                  <c:v>55.040000000005598</c:v>
                </c:pt>
                <c:pt idx="3605">
                  <c:v>55.050000000005603</c:v>
                </c:pt>
                <c:pt idx="3606">
                  <c:v>55.060000000005601</c:v>
                </c:pt>
                <c:pt idx="3607">
                  <c:v>55.070000000005599</c:v>
                </c:pt>
                <c:pt idx="3608">
                  <c:v>55.080000000005597</c:v>
                </c:pt>
                <c:pt idx="3609">
                  <c:v>55.090000000005602</c:v>
                </c:pt>
                <c:pt idx="3610">
                  <c:v>55.1000000000056</c:v>
                </c:pt>
                <c:pt idx="3611">
                  <c:v>55.110000000005599</c:v>
                </c:pt>
                <c:pt idx="3612">
                  <c:v>55.120000000005597</c:v>
                </c:pt>
                <c:pt idx="3613">
                  <c:v>55.130000000005701</c:v>
                </c:pt>
                <c:pt idx="3614">
                  <c:v>55.1400000000056</c:v>
                </c:pt>
                <c:pt idx="3615">
                  <c:v>55.150000000005598</c:v>
                </c:pt>
                <c:pt idx="3616">
                  <c:v>55.160000000005702</c:v>
                </c:pt>
                <c:pt idx="3617">
                  <c:v>55.1700000000057</c:v>
                </c:pt>
                <c:pt idx="3618">
                  <c:v>55.180000000005698</c:v>
                </c:pt>
                <c:pt idx="3619">
                  <c:v>55.190000000005703</c:v>
                </c:pt>
                <c:pt idx="3620">
                  <c:v>55.200000000005701</c:v>
                </c:pt>
                <c:pt idx="3621">
                  <c:v>55.210000000005699</c:v>
                </c:pt>
                <c:pt idx="3622">
                  <c:v>55.220000000005697</c:v>
                </c:pt>
                <c:pt idx="3623">
                  <c:v>55.230000000005703</c:v>
                </c:pt>
                <c:pt idx="3624">
                  <c:v>55.240000000005701</c:v>
                </c:pt>
                <c:pt idx="3625">
                  <c:v>55.250000000005699</c:v>
                </c:pt>
                <c:pt idx="3626">
                  <c:v>55.260000000005697</c:v>
                </c:pt>
                <c:pt idx="3627">
                  <c:v>55.270000000005702</c:v>
                </c:pt>
                <c:pt idx="3628">
                  <c:v>55.2800000000057</c:v>
                </c:pt>
                <c:pt idx="3629">
                  <c:v>55.290000000005698</c:v>
                </c:pt>
                <c:pt idx="3630">
                  <c:v>55.300000000005703</c:v>
                </c:pt>
                <c:pt idx="3631">
                  <c:v>55.310000000005701</c:v>
                </c:pt>
                <c:pt idx="3632">
                  <c:v>55.320000000005699</c:v>
                </c:pt>
                <c:pt idx="3633">
                  <c:v>55.330000000005697</c:v>
                </c:pt>
                <c:pt idx="3634">
                  <c:v>55.340000000005702</c:v>
                </c:pt>
                <c:pt idx="3635">
                  <c:v>55.3500000000057</c:v>
                </c:pt>
                <c:pt idx="3636">
                  <c:v>55.360000000005698</c:v>
                </c:pt>
                <c:pt idx="3637">
                  <c:v>55.370000000005703</c:v>
                </c:pt>
                <c:pt idx="3638">
                  <c:v>55.380000000005701</c:v>
                </c:pt>
                <c:pt idx="3639">
                  <c:v>55.390000000005699</c:v>
                </c:pt>
                <c:pt idx="3640">
                  <c:v>55.400000000005697</c:v>
                </c:pt>
                <c:pt idx="3641">
                  <c:v>55.410000000005702</c:v>
                </c:pt>
                <c:pt idx="3642">
                  <c:v>55.4200000000057</c:v>
                </c:pt>
                <c:pt idx="3643">
                  <c:v>55.430000000005698</c:v>
                </c:pt>
                <c:pt idx="3644">
                  <c:v>55.440000000005703</c:v>
                </c:pt>
                <c:pt idx="3645">
                  <c:v>55.450000000005701</c:v>
                </c:pt>
                <c:pt idx="3646">
                  <c:v>55.460000000005699</c:v>
                </c:pt>
                <c:pt idx="3647">
                  <c:v>55.470000000005697</c:v>
                </c:pt>
                <c:pt idx="3648">
                  <c:v>55.480000000005703</c:v>
                </c:pt>
                <c:pt idx="3649">
                  <c:v>55.490000000005701</c:v>
                </c:pt>
                <c:pt idx="3650">
                  <c:v>55.500000000005699</c:v>
                </c:pt>
                <c:pt idx="3651">
                  <c:v>55.510000000005697</c:v>
                </c:pt>
                <c:pt idx="3652">
                  <c:v>55.520000000005702</c:v>
                </c:pt>
                <c:pt idx="3653">
                  <c:v>55.5300000000057</c:v>
                </c:pt>
                <c:pt idx="3654">
                  <c:v>55.540000000005698</c:v>
                </c:pt>
                <c:pt idx="3655">
                  <c:v>55.550000000005703</c:v>
                </c:pt>
                <c:pt idx="3656">
                  <c:v>55.560000000005701</c:v>
                </c:pt>
                <c:pt idx="3657">
                  <c:v>55.570000000005699</c:v>
                </c:pt>
                <c:pt idx="3658">
                  <c:v>55.580000000005697</c:v>
                </c:pt>
                <c:pt idx="3659">
                  <c:v>55.590000000005702</c:v>
                </c:pt>
                <c:pt idx="3660">
                  <c:v>55.6000000000057</c:v>
                </c:pt>
                <c:pt idx="3661">
                  <c:v>55.610000000005698</c:v>
                </c:pt>
                <c:pt idx="3662">
                  <c:v>55.620000000005703</c:v>
                </c:pt>
                <c:pt idx="3663">
                  <c:v>55.630000000005701</c:v>
                </c:pt>
                <c:pt idx="3664">
                  <c:v>55.640000000005699</c:v>
                </c:pt>
                <c:pt idx="3665">
                  <c:v>55.650000000005697</c:v>
                </c:pt>
                <c:pt idx="3666">
                  <c:v>55.660000000005702</c:v>
                </c:pt>
                <c:pt idx="3667">
                  <c:v>55.6700000000057</c:v>
                </c:pt>
                <c:pt idx="3668">
                  <c:v>55.680000000005698</c:v>
                </c:pt>
                <c:pt idx="3669">
                  <c:v>55.690000000005703</c:v>
                </c:pt>
                <c:pt idx="3670">
                  <c:v>55.700000000005701</c:v>
                </c:pt>
                <c:pt idx="3671">
                  <c:v>55.710000000005699</c:v>
                </c:pt>
                <c:pt idx="3672">
                  <c:v>55.720000000005697</c:v>
                </c:pt>
                <c:pt idx="3673">
                  <c:v>55.730000000005703</c:v>
                </c:pt>
                <c:pt idx="3674">
                  <c:v>55.740000000005701</c:v>
                </c:pt>
                <c:pt idx="3675">
                  <c:v>55.750000000005699</c:v>
                </c:pt>
                <c:pt idx="3676">
                  <c:v>55.760000000005697</c:v>
                </c:pt>
                <c:pt idx="3677">
                  <c:v>55.770000000005801</c:v>
                </c:pt>
                <c:pt idx="3678">
                  <c:v>55.7800000000057</c:v>
                </c:pt>
                <c:pt idx="3679">
                  <c:v>55.790000000005698</c:v>
                </c:pt>
                <c:pt idx="3680">
                  <c:v>55.800000000005802</c:v>
                </c:pt>
                <c:pt idx="3681">
                  <c:v>55.8100000000058</c:v>
                </c:pt>
                <c:pt idx="3682">
                  <c:v>55.820000000005798</c:v>
                </c:pt>
                <c:pt idx="3683">
                  <c:v>55.830000000005803</c:v>
                </c:pt>
                <c:pt idx="3684">
                  <c:v>55.840000000005801</c:v>
                </c:pt>
                <c:pt idx="3685">
                  <c:v>55.850000000005799</c:v>
                </c:pt>
                <c:pt idx="3686">
                  <c:v>55.860000000005797</c:v>
                </c:pt>
                <c:pt idx="3687">
                  <c:v>55.870000000005803</c:v>
                </c:pt>
                <c:pt idx="3688">
                  <c:v>55.880000000005801</c:v>
                </c:pt>
                <c:pt idx="3689">
                  <c:v>55.890000000005799</c:v>
                </c:pt>
                <c:pt idx="3690">
                  <c:v>55.900000000005797</c:v>
                </c:pt>
                <c:pt idx="3691">
                  <c:v>55.910000000005802</c:v>
                </c:pt>
                <c:pt idx="3692">
                  <c:v>55.9200000000058</c:v>
                </c:pt>
                <c:pt idx="3693">
                  <c:v>55.930000000005798</c:v>
                </c:pt>
                <c:pt idx="3694">
                  <c:v>55.940000000005803</c:v>
                </c:pt>
                <c:pt idx="3695">
                  <c:v>55.950000000005801</c:v>
                </c:pt>
                <c:pt idx="3696">
                  <c:v>55.960000000005799</c:v>
                </c:pt>
                <c:pt idx="3697">
                  <c:v>55.970000000005797</c:v>
                </c:pt>
                <c:pt idx="3698">
                  <c:v>55.980000000005802</c:v>
                </c:pt>
                <c:pt idx="3699">
                  <c:v>55.9900000000058</c:v>
                </c:pt>
                <c:pt idx="3700">
                  <c:v>56.000000000005798</c:v>
                </c:pt>
                <c:pt idx="3701">
                  <c:v>56.010000000005803</c:v>
                </c:pt>
                <c:pt idx="3702">
                  <c:v>56.020000000005801</c:v>
                </c:pt>
                <c:pt idx="3703">
                  <c:v>56.030000000005799</c:v>
                </c:pt>
                <c:pt idx="3704">
                  <c:v>56.040000000005797</c:v>
                </c:pt>
                <c:pt idx="3705">
                  <c:v>56.050000000005802</c:v>
                </c:pt>
                <c:pt idx="3706">
                  <c:v>56.0600000000058</c:v>
                </c:pt>
                <c:pt idx="3707">
                  <c:v>56.070000000005798</c:v>
                </c:pt>
                <c:pt idx="3708">
                  <c:v>56.080000000005803</c:v>
                </c:pt>
                <c:pt idx="3709">
                  <c:v>56.090000000005801</c:v>
                </c:pt>
                <c:pt idx="3710">
                  <c:v>56.100000000005799</c:v>
                </c:pt>
                <c:pt idx="3711">
                  <c:v>56.110000000005797</c:v>
                </c:pt>
                <c:pt idx="3712">
                  <c:v>56.120000000005803</c:v>
                </c:pt>
                <c:pt idx="3713">
                  <c:v>56.130000000005801</c:v>
                </c:pt>
                <c:pt idx="3714">
                  <c:v>56.140000000005799</c:v>
                </c:pt>
                <c:pt idx="3715">
                  <c:v>56.150000000005797</c:v>
                </c:pt>
                <c:pt idx="3716">
                  <c:v>56.160000000005802</c:v>
                </c:pt>
                <c:pt idx="3717">
                  <c:v>56.1700000000058</c:v>
                </c:pt>
                <c:pt idx="3718">
                  <c:v>56.180000000005798</c:v>
                </c:pt>
                <c:pt idx="3719">
                  <c:v>56.190000000005803</c:v>
                </c:pt>
                <c:pt idx="3720">
                  <c:v>56.200000000005801</c:v>
                </c:pt>
                <c:pt idx="3721">
                  <c:v>56.210000000005799</c:v>
                </c:pt>
                <c:pt idx="3722">
                  <c:v>56.220000000005797</c:v>
                </c:pt>
                <c:pt idx="3723">
                  <c:v>56.230000000005802</c:v>
                </c:pt>
                <c:pt idx="3724">
                  <c:v>56.2400000000058</c:v>
                </c:pt>
                <c:pt idx="3725">
                  <c:v>56.250000000005798</c:v>
                </c:pt>
                <c:pt idx="3726">
                  <c:v>56.260000000005803</c:v>
                </c:pt>
                <c:pt idx="3727">
                  <c:v>56.270000000005801</c:v>
                </c:pt>
                <c:pt idx="3728">
                  <c:v>56.280000000005799</c:v>
                </c:pt>
                <c:pt idx="3729">
                  <c:v>56.290000000005797</c:v>
                </c:pt>
                <c:pt idx="3730">
                  <c:v>56.300000000005802</c:v>
                </c:pt>
                <c:pt idx="3731">
                  <c:v>56.3100000000058</c:v>
                </c:pt>
                <c:pt idx="3732">
                  <c:v>56.320000000005798</c:v>
                </c:pt>
                <c:pt idx="3733">
                  <c:v>56.330000000005803</c:v>
                </c:pt>
                <c:pt idx="3734">
                  <c:v>56.340000000005801</c:v>
                </c:pt>
                <c:pt idx="3735">
                  <c:v>56.350000000005799</c:v>
                </c:pt>
                <c:pt idx="3736">
                  <c:v>56.360000000005797</c:v>
                </c:pt>
                <c:pt idx="3737">
                  <c:v>56.370000000005803</c:v>
                </c:pt>
                <c:pt idx="3738">
                  <c:v>56.380000000005801</c:v>
                </c:pt>
                <c:pt idx="3739">
                  <c:v>56.390000000005799</c:v>
                </c:pt>
                <c:pt idx="3740">
                  <c:v>56.400000000005797</c:v>
                </c:pt>
                <c:pt idx="3741">
                  <c:v>56.410000000005901</c:v>
                </c:pt>
                <c:pt idx="3742">
                  <c:v>56.4200000000058</c:v>
                </c:pt>
                <c:pt idx="3743">
                  <c:v>56.430000000005798</c:v>
                </c:pt>
                <c:pt idx="3744">
                  <c:v>56.440000000005902</c:v>
                </c:pt>
                <c:pt idx="3745">
                  <c:v>56.4500000000059</c:v>
                </c:pt>
                <c:pt idx="3746">
                  <c:v>56.460000000005898</c:v>
                </c:pt>
                <c:pt idx="3747">
                  <c:v>56.470000000005903</c:v>
                </c:pt>
                <c:pt idx="3748">
                  <c:v>56.480000000005901</c:v>
                </c:pt>
                <c:pt idx="3749">
                  <c:v>56.490000000005899</c:v>
                </c:pt>
                <c:pt idx="3750">
                  <c:v>56.500000000005898</c:v>
                </c:pt>
                <c:pt idx="3751">
                  <c:v>56.510000000005903</c:v>
                </c:pt>
                <c:pt idx="3752">
                  <c:v>56.520000000005901</c:v>
                </c:pt>
                <c:pt idx="3753">
                  <c:v>56.530000000005899</c:v>
                </c:pt>
                <c:pt idx="3754">
                  <c:v>56.540000000005897</c:v>
                </c:pt>
                <c:pt idx="3755">
                  <c:v>56.550000000005902</c:v>
                </c:pt>
                <c:pt idx="3756">
                  <c:v>56.5600000000059</c:v>
                </c:pt>
                <c:pt idx="3757">
                  <c:v>56.570000000005898</c:v>
                </c:pt>
                <c:pt idx="3758">
                  <c:v>56.580000000005903</c:v>
                </c:pt>
                <c:pt idx="3759">
                  <c:v>56.590000000005901</c:v>
                </c:pt>
                <c:pt idx="3760">
                  <c:v>56.600000000005899</c:v>
                </c:pt>
                <c:pt idx="3761">
                  <c:v>56.610000000005897</c:v>
                </c:pt>
                <c:pt idx="3762">
                  <c:v>56.620000000005902</c:v>
                </c:pt>
                <c:pt idx="3763">
                  <c:v>56.6300000000059</c:v>
                </c:pt>
                <c:pt idx="3764">
                  <c:v>56.640000000005898</c:v>
                </c:pt>
                <c:pt idx="3765">
                  <c:v>56.650000000005903</c:v>
                </c:pt>
                <c:pt idx="3766">
                  <c:v>56.660000000005901</c:v>
                </c:pt>
                <c:pt idx="3767">
                  <c:v>56.670000000005899</c:v>
                </c:pt>
                <c:pt idx="3768">
                  <c:v>56.680000000005897</c:v>
                </c:pt>
                <c:pt idx="3769">
                  <c:v>56.690000000005902</c:v>
                </c:pt>
                <c:pt idx="3770">
                  <c:v>56.7000000000059</c:v>
                </c:pt>
                <c:pt idx="3771">
                  <c:v>56.710000000005898</c:v>
                </c:pt>
                <c:pt idx="3772">
                  <c:v>56.720000000005903</c:v>
                </c:pt>
                <c:pt idx="3773">
                  <c:v>56.730000000005901</c:v>
                </c:pt>
                <c:pt idx="3774">
                  <c:v>56.740000000005899</c:v>
                </c:pt>
                <c:pt idx="3775">
                  <c:v>56.750000000005898</c:v>
                </c:pt>
                <c:pt idx="3776">
                  <c:v>56.760000000005903</c:v>
                </c:pt>
                <c:pt idx="3777">
                  <c:v>56.770000000005901</c:v>
                </c:pt>
                <c:pt idx="3778">
                  <c:v>56.780000000005899</c:v>
                </c:pt>
                <c:pt idx="3779">
                  <c:v>56.790000000005897</c:v>
                </c:pt>
                <c:pt idx="3780">
                  <c:v>56.800000000005902</c:v>
                </c:pt>
                <c:pt idx="3781">
                  <c:v>56.8100000000059</c:v>
                </c:pt>
                <c:pt idx="3782">
                  <c:v>56.820000000005898</c:v>
                </c:pt>
                <c:pt idx="3783">
                  <c:v>56.830000000005903</c:v>
                </c:pt>
                <c:pt idx="3784">
                  <c:v>56.840000000005901</c:v>
                </c:pt>
                <c:pt idx="3785">
                  <c:v>56.850000000005899</c:v>
                </c:pt>
                <c:pt idx="3786">
                  <c:v>56.860000000005897</c:v>
                </c:pt>
                <c:pt idx="3787">
                  <c:v>56.870000000005902</c:v>
                </c:pt>
                <c:pt idx="3788">
                  <c:v>56.8800000000059</c:v>
                </c:pt>
                <c:pt idx="3789">
                  <c:v>56.890000000005898</c:v>
                </c:pt>
                <c:pt idx="3790">
                  <c:v>56.900000000005903</c:v>
                </c:pt>
                <c:pt idx="3791">
                  <c:v>56.910000000005901</c:v>
                </c:pt>
                <c:pt idx="3792">
                  <c:v>56.920000000005899</c:v>
                </c:pt>
                <c:pt idx="3793">
                  <c:v>56.930000000005897</c:v>
                </c:pt>
                <c:pt idx="3794">
                  <c:v>56.940000000005902</c:v>
                </c:pt>
                <c:pt idx="3795">
                  <c:v>56.9500000000059</c:v>
                </c:pt>
                <c:pt idx="3796">
                  <c:v>56.960000000005898</c:v>
                </c:pt>
                <c:pt idx="3797">
                  <c:v>56.970000000005903</c:v>
                </c:pt>
                <c:pt idx="3798">
                  <c:v>56.980000000005901</c:v>
                </c:pt>
                <c:pt idx="3799">
                  <c:v>56.990000000005899</c:v>
                </c:pt>
                <c:pt idx="3800">
                  <c:v>57.000000000005898</c:v>
                </c:pt>
                <c:pt idx="3801">
                  <c:v>57.010000000005903</c:v>
                </c:pt>
                <c:pt idx="3802">
                  <c:v>57.020000000005901</c:v>
                </c:pt>
                <c:pt idx="3803">
                  <c:v>57.030000000005899</c:v>
                </c:pt>
                <c:pt idx="3804">
                  <c:v>57.040000000005897</c:v>
                </c:pt>
                <c:pt idx="3805">
                  <c:v>57.050000000006001</c:v>
                </c:pt>
                <c:pt idx="3806">
                  <c:v>57.0600000000059</c:v>
                </c:pt>
                <c:pt idx="3807">
                  <c:v>57.070000000005898</c:v>
                </c:pt>
                <c:pt idx="3808">
                  <c:v>57.080000000006002</c:v>
                </c:pt>
                <c:pt idx="3809">
                  <c:v>57.090000000006</c:v>
                </c:pt>
                <c:pt idx="3810">
                  <c:v>57.100000000005998</c:v>
                </c:pt>
                <c:pt idx="3811">
                  <c:v>57.110000000006004</c:v>
                </c:pt>
                <c:pt idx="3812">
                  <c:v>57.120000000006002</c:v>
                </c:pt>
                <c:pt idx="3813">
                  <c:v>57.130000000006</c:v>
                </c:pt>
                <c:pt idx="3814">
                  <c:v>57.140000000005998</c:v>
                </c:pt>
                <c:pt idx="3815">
                  <c:v>57.150000000006003</c:v>
                </c:pt>
                <c:pt idx="3816">
                  <c:v>57.160000000006001</c:v>
                </c:pt>
                <c:pt idx="3817">
                  <c:v>57.170000000005999</c:v>
                </c:pt>
                <c:pt idx="3818">
                  <c:v>57.180000000005997</c:v>
                </c:pt>
                <c:pt idx="3819">
                  <c:v>57.190000000006002</c:v>
                </c:pt>
                <c:pt idx="3820">
                  <c:v>57.200000000006</c:v>
                </c:pt>
                <c:pt idx="3821">
                  <c:v>57.210000000005998</c:v>
                </c:pt>
                <c:pt idx="3822">
                  <c:v>57.220000000006003</c:v>
                </c:pt>
                <c:pt idx="3823">
                  <c:v>57.230000000006001</c:v>
                </c:pt>
                <c:pt idx="3824">
                  <c:v>57.240000000005999</c:v>
                </c:pt>
                <c:pt idx="3825">
                  <c:v>57.250000000005997</c:v>
                </c:pt>
                <c:pt idx="3826">
                  <c:v>57.260000000006002</c:v>
                </c:pt>
                <c:pt idx="3827">
                  <c:v>57.270000000006</c:v>
                </c:pt>
                <c:pt idx="3828">
                  <c:v>57.280000000005998</c:v>
                </c:pt>
                <c:pt idx="3829">
                  <c:v>57.290000000006003</c:v>
                </c:pt>
                <c:pt idx="3830">
                  <c:v>57.300000000006001</c:v>
                </c:pt>
                <c:pt idx="3831">
                  <c:v>57.310000000005999</c:v>
                </c:pt>
                <c:pt idx="3832">
                  <c:v>57.320000000005997</c:v>
                </c:pt>
                <c:pt idx="3833">
                  <c:v>57.330000000006002</c:v>
                </c:pt>
                <c:pt idx="3834">
                  <c:v>57.340000000006</c:v>
                </c:pt>
                <c:pt idx="3835">
                  <c:v>57.350000000005998</c:v>
                </c:pt>
                <c:pt idx="3836">
                  <c:v>57.360000000006004</c:v>
                </c:pt>
                <c:pt idx="3837">
                  <c:v>57.370000000006002</c:v>
                </c:pt>
                <c:pt idx="3838">
                  <c:v>57.380000000006</c:v>
                </c:pt>
                <c:pt idx="3839">
                  <c:v>57.390000000005998</c:v>
                </c:pt>
                <c:pt idx="3840">
                  <c:v>57.400000000006003</c:v>
                </c:pt>
                <c:pt idx="3841">
                  <c:v>57.410000000006001</c:v>
                </c:pt>
                <c:pt idx="3842">
                  <c:v>57.420000000005999</c:v>
                </c:pt>
                <c:pt idx="3843">
                  <c:v>57.430000000005997</c:v>
                </c:pt>
                <c:pt idx="3844">
                  <c:v>57.440000000006002</c:v>
                </c:pt>
                <c:pt idx="3845">
                  <c:v>57.450000000006</c:v>
                </c:pt>
                <c:pt idx="3846">
                  <c:v>57.460000000005998</c:v>
                </c:pt>
                <c:pt idx="3847">
                  <c:v>57.470000000006003</c:v>
                </c:pt>
                <c:pt idx="3848">
                  <c:v>57.480000000006001</c:v>
                </c:pt>
                <c:pt idx="3849">
                  <c:v>57.490000000005999</c:v>
                </c:pt>
                <c:pt idx="3850">
                  <c:v>57.500000000005997</c:v>
                </c:pt>
                <c:pt idx="3851">
                  <c:v>57.510000000006002</c:v>
                </c:pt>
                <c:pt idx="3852">
                  <c:v>57.520000000006</c:v>
                </c:pt>
                <c:pt idx="3853">
                  <c:v>57.530000000005998</c:v>
                </c:pt>
                <c:pt idx="3854">
                  <c:v>57.540000000006003</c:v>
                </c:pt>
                <c:pt idx="3855">
                  <c:v>57.550000000006001</c:v>
                </c:pt>
                <c:pt idx="3856">
                  <c:v>57.560000000005999</c:v>
                </c:pt>
                <c:pt idx="3857">
                  <c:v>57.570000000005997</c:v>
                </c:pt>
                <c:pt idx="3858">
                  <c:v>57.580000000006002</c:v>
                </c:pt>
                <c:pt idx="3859">
                  <c:v>57.590000000006</c:v>
                </c:pt>
                <c:pt idx="3860">
                  <c:v>57.600000000005998</c:v>
                </c:pt>
                <c:pt idx="3861">
                  <c:v>57.610000000006004</c:v>
                </c:pt>
                <c:pt idx="3862">
                  <c:v>57.620000000006002</c:v>
                </c:pt>
                <c:pt idx="3863">
                  <c:v>57.630000000006</c:v>
                </c:pt>
                <c:pt idx="3864">
                  <c:v>57.640000000005998</c:v>
                </c:pt>
                <c:pt idx="3865">
                  <c:v>57.650000000006003</c:v>
                </c:pt>
                <c:pt idx="3866">
                  <c:v>57.660000000006001</c:v>
                </c:pt>
                <c:pt idx="3867">
                  <c:v>57.670000000005999</c:v>
                </c:pt>
                <c:pt idx="3868">
                  <c:v>57.680000000005997</c:v>
                </c:pt>
                <c:pt idx="3869">
                  <c:v>57.690000000006101</c:v>
                </c:pt>
                <c:pt idx="3870">
                  <c:v>57.700000000006</c:v>
                </c:pt>
                <c:pt idx="3871">
                  <c:v>57.710000000005998</c:v>
                </c:pt>
                <c:pt idx="3872">
                  <c:v>57.720000000006102</c:v>
                </c:pt>
                <c:pt idx="3873">
                  <c:v>57.7300000000061</c:v>
                </c:pt>
                <c:pt idx="3874">
                  <c:v>57.740000000006098</c:v>
                </c:pt>
                <c:pt idx="3875">
                  <c:v>57.750000000006096</c:v>
                </c:pt>
                <c:pt idx="3876">
                  <c:v>57.760000000006102</c:v>
                </c:pt>
                <c:pt idx="3877">
                  <c:v>57.7700000000061</c:v>
                </c:pt>
                <c:pt idx="3878">
                  <c:v>57.780000000006098</c:v>
                </c:pt>
                <c:pt idx="3879">
                  <c:v>57.790000000006103</c:v>
                </c:pt>
                <c:pt idx="3880">
                  <c:v>57.800000000006101</c:v>
                </c:pt>
                <c:pt idx="3881">
                  <c:v>57.810000000006099</c:v>
                </c:pt>
                <c:pt idx="3882">
                  <c:v>57.820000000006097</c:v>
                </c:pt>
                <c:pt idx="3883">
                  <c:v>57.830000000006102</c:v>
                </c:pt>
                <c:pt idx="3884">
                  <c:v>57.8400000000061</c:v>
                </c:pt>
                <c:pt idx="3885">
                  <c:v>57.850000000006098</c:v>
                </c:pt>
                <c:pt idx="3886">
                  <c:v>57.860000000006103</c:v>
                </c:pt>
                <c:pt idx="3887">
                  <c:v>57.870000000006101</c:v>
                </c:pt>
                <c:pt idx="3888">
                  <c:v>57.880000000006099</c:v>
                </c:pt>
                <c:pt idx="3889">
                  <c:v>57.890000000006097</c:v>
                </c:pt>
                <c:pt idx="3890">
                  <c:v>57.900000000006102</c:v>
                </c:pt>
                <c:pt idx="3891">
                  <c:v>57.9100000000061</c:v>
                </c:pt>
                <c:pt idx="3892">
                  <c:v>57.920000000006098</c:v>
                </c:pt>
                <c:pt idx="3893">
                  <c:v>57.930000000006103</c:v>
                </c:pt>
                <c:pt idx="3894">
                  <c:v>57.940000000006101</c:v>
                </c:pt>
                <c:pt idx="3895">
                  <c:v>57.950000000006099</c:v>
                </c:pt>
                <c:pt idx="3896">
                  <c:v>57.960000000006097</c:v>
                </c:pt>
                <c:pt idx="3897">
                  <c:v>57.970000000006102</c:v>
                </c:pt>
                <c:pt idx="3898">
                  <c:v>57.9800000000061</c:v>
                </c:pt>
                <c:pt idx="3899">
                  <c:v>57.990000000006098</c:v>
                </c:pt>
                <c:pt idx="3900">
                  <c:v>58.000000000006096</c:v>
                </c:pt>
                <c:pt idx="3901">
                  <c:v>58.010000000006102</c:v>
                </c:pt>
                <c:pt idx="3902">
                  <c:v>58.0200000000061</c:v>
                </c:pt>
                <c:pt idx="3903">
                  <c:v>58.030000000006098</c:v>
                </c:pt>
                <c:pt idx="3904">
                  <c:v>58.040000000006103</c:v>
                </c:pt>
                <c:pt idx="3905">
                  <c:v>58.050000000006101</c:v>
                </c:pt>
                <c:pt idx="3906">
                  <c:v>58.060000000006099</c:v>
                </c:pt>
                <c:pt idx="3907">
                  <c:v>58.070000000006097</c:v>
                </c:pt>
                <c:pt idx="3908">
                  <c:v>58.080000000006102</c:v>
                </c:pt>
                <c:pt idx="3909">
                  <c:v>58.0900000000061</c:v>
                </c:pt>
                <c:pt idx="3910">
                  <c:v>58.100000000006098</c:v>
                </c:pt>
                <c:pt idx="3911">
                  <c:v>58.110000000006103</c:v>
                </c:pt>
                <c:pt idx="3912">
                  <c:v>58.120000000006101</c:v>
                </c:pt>
                <c:pt idx="3913">
                  <c:v>58.130000000006099</c:v>
                </c:pt>
                <c:pt idx="3914">
                  <c:v>58.140000000006097</c:v>
                </c:pt>
                <c:pt idx="3915">
                  <c:v>58.150000000006102</c:v>
                </c:pt>
                <c:pt idx="3916">
                  <c:v>58.1600000000061</c:v>
                </c:pt>
                <c:pt idx="3917">
                  <c:v>58.170000000006098</c:v>
                </c:pt>
                <c:pt idx="3918">
                  <c:v>58.180000000006103</c:v>
                </c:pt>
                <c:pt idx="3919">
                  <c:v>58.190000000006101</c:v>
                </c:pt>
                <c:pt idx="3920">
                  <c:v>58.200000000006099</c:v>
                </c:pt>
                <c:pt idx="3921">
                  <c:v>58.210000000006097</c:v>
                </c:pt>
                <c:pt idx="3922">
                  <c:v>58.220000000006102</c:v>
                </c:pt>
                <c:pt idx="3923">
                  <c:v>58.2300000000061</c:v>
                </c:pt>
                <c:pt idx="3924">
                  <c:v>58.240000000006098</c:v>
                </c:pt>
                <c:pt idx="3925">
                  <c:v>58.250000000006096</c:v>
                </c:pt>
                <c:pt idx="3926">
                  <c:v>58.260000000006102</c:v>
                </c:pt>
                <c:pt idx="3927">
                  <c:v>58.2700000000061</c:v>
                </c:pt>
                <c:pt idx="3928">
                  <c:v>58.280000000006098</c:v>
                </c:pt>
                <c:pt idx="3929">
                  <c:v>58.290000000006103</c:v>
                </c:pt>
                <c:pt idx="3930">
                  <c:v>58.300000000006101</c:v>
                </c:pt>
                <c:pt idx="3931">
                  <c:v>58.310000000006099</c:v>
                </c:pt>
                <c:pt idx="3932">
                  <c:v>58.320000000006097</c:v>
                </c:pt>
                <c:pt idx="3933">
                  <c:v>58.330000000006201</c:v>
                </c:pt>
                <c:pt idx="3934">
                  <c:v>58.3400000000061</c:v>
                </c:pt>
                <c:pt idx="3935">
                  <c:v>58.350000000006098</c:v>
                </c:pt>
                <c:pt idx="3936">
                  <c:v>58.360000000006202</c:v>
                </c:pt>
                <c:pt idx="3937">
                  <c:v>58.3700000000062</c:v>
                </c:pt>
                <c:pt idx="3938">
                  <c:v>58.380000000006198</c:v>
                </c:pt>
                <c:pt idx="3939">
                  <c:v>58.390000000006197</c:v>
                </c:pt>
                <c:pt idx="3940">
                  <c:v>58.400000000006202</c:v>
                </c:pt>
                <c:pt idx="3941">
                  <c:v>58.4100000000062</c:v>
                </c:pt>
                <c:pt idx="3942">
                  <c:v>58.420000000006198</c:v>
                </c:pt>
                <c:pt idx="3943">
                  <c:v>58.430000000006203</c:v>
                </c:pt>
                <c:pt idx="3944">
                  <c:v>58.440000000006201</c:v>
                </c:pt>
                <c:pt idx="3945">
                  <c:v>58.450000000006199</c:v>
                </c:pt>
                <c:pt idx="3946">
                  <c:v>58.460000000006197</c:v>
                </c:pt>
                <c:pt idx="3947">
                  <c:v>58.470000000006202</c:v>
                </c:pt>
                <c:pt idx="3948">
                  <c:v>58.4800000000062</c:v>
                </c:pt>
                <c:pt idx="3949">
                  <c:v>58.490000000006198</c:v>
                </c:pt>
                <c:pt idx="3950">
                  <c:v>58.500000000006203</c:v>
                </c:pt>
                <c:pt idx="3951">
                  <c:v>58.510000000006201</c:v>
                </c:pt>
                <c:pt idx="3952">
                  <c:v>58.520000000006199</c:v>
                </c:pt>
                <c:pt idx="3953">
                  <c:v>58.530000000006197</c:v>
                </c:pt>
                <c:pt idx="3954">
                  <c:v>58.540000000006202</c:v>
                </c:pt>
                <c:pt idx="3955">
                  <c:v>58.5500000000062</c:v>
                </c:pt>
                <c:pt idx="3956">
                  <c:v>58.560000000006198</c:v>
                </c:pt>
                <c:pt idx="3957">
                  <c:v>58.570000000006203</c:v>
                </c:pt>
                <c:pt idx="3958">
                  <c:v>58.580000000006201</c:v>
                </c:pt>
                <c:pt idx="3959">
                  <c:v>58.590000000006199</c:v>
                </c:pt>
                <c:pt idx="3960">
                  <c:v>58.600000000006197</c:v>
                </c:pt>
                <c:pt idx="3961">
                  <c:v>58.610000000006202</c:v>
                </c:pt>
                <c:pt idx="3962">
                  <c:v>58.6200000000062</c:v>
                </c:pt>
                <c:pt idx="3963">
                  <c:v>58.630000000006198</c:v>
                </c:pt>
                <c:pt idx="3964">
                  <c:v>58.640000000006197</c:v>
                </c:pt>
                <c:pt idx="3965">
                  <c:v>58.650000000006202</c:v>
                </c:pt>
                <c:pt idx="3966">
                  <c:v>58.6600000000062</c:v>
                </c:pt>
                <c:pt idx="3967">
                  <c:v>58.670000000006198</c:v>
                </c:pt>
                <c:pt idx="3968">
                  <c:v>58.680000000006203</c:v>
                </c:pt>
                <c:pt idx="3969">
                  <c:v>58.690000000006201</c:v>
                </c:pt>
                <c:pt idx="3970">
                  <c:v>58.700000000006199</c:v>
                </c:pt>
                <c:pt idx="3971">
                  <c:v>58.710000000006197</c:v>
                </c:pt>
                <c:pt idx="3972">
                  <c:v>58.720000000006202</c:v>
                </c:pt>
                <c:pt idx="3973">
                  <c:v>58.7300000000062</c:v>
                </c:pt>
                <c:pt idx="3974">
                  <c:v>58.740000000006198</c:v>
                </c:pt>
                <c:pt idx="3975">
                  <c:v>58.750000000006203</c:v>
                </c:pt>
                <c:pt idx="3976">
                  <c:v>58.760000000006201</c:v>
                </c:pt>
                <c:pt idx="3977">
                  <c:v>58.770000000006199</c:v>
                </c:pt>
                <c:pt idx="3978">
                  <c:v>58.780000000006197</c:v>
                </c:pt>
                <c:pt idx="3979">
                  <c:v>58.790000000006202</c:v>
                </c:pt>
                <c:pt idx="3980">
                  <c:v>58.8000000000062</c:v>
                </c:pt>
                <c:pt idx="3981">
                  <c:v>58.810000000006198</c:v>
                </c:pt>
                <c:pt idx="3982">
                  <c:v>58.820000000006203</c:v>
                </c:pt>
                <c:pt idx="3983">
                  <c:v>58.830000000006201</c:v>
                </c:pt>
                <c:pt idx="3984">
                  <c:v>58.840000000006199</c:v>
                </c:pt>
                <c:pt idx="3985">
                  <c:v>58.850000000006197</c:v>
                </c:pt>
                <c:pt idx="3986">
                  <c:v>58.860000000006202</c:v>
                </c:pt>
                <c:pt idx="3987">
                  <c:v>58.8700000000062</c:v>
                </c:pt>
                <c:pt idx="3988">
                  <c:v>58.880000000006198</c:v>
                </c:pt>
                <c:pt idx="3989">
                  <c:v>58.890000000006197</c:v>
                </c:pt>
                <c:pt idx="3990">
                  <c:v>58.900000000006202</c:v>
                </c:pt>
                <c:pt idx="3991">
                  <c:v>58.9100000000062</c:v>
                </c:pt>
                <c:pt idx="3992">
                  <c:v>58.920000000006198</c:v>
                </c:pt>
                <c:pt idx="3993">
                  <c:v>58.930000000006203</c:v>
                </c:pt>
                <c:pt idx="3994">
                  <c:v>58.940000000006201</c:v>
                </c:pt>
                <c:pt idx="3995">
                  <c:v>58.950000000006199</c:v>
                </c:pt>
                <c:pt idx="3996">
                  <c:v>58.960000000006197</c:v>
                </c:pt>
                <c:pt idx="3997">
                  <c:v>58.970000000006301</c:v>
                </c:pt>
                <c:pt idx="3998">
                  <c:v>58.9800000000062</c:v>
                </c:pt>
                <c:pt idx="3999">
                  <c:v>58.990000000006198</c:v>
                </c:pt>
                <c:pt idx="4000">
                  <c:v>59.000000000006303</c:v>
                </c:pt>
                <c:pt idx="4001">
                  <c:v>59.010000000006301</c:v>
                </c:pt>
                <c:pt idx="4002">
                  <c:v>59.020000000006299</c:v>
                </c:pt>
                <c:pt idx="4003">
                  <c:v>59.030000000006297</c:v>
                </c:pt>
                <c:pt idx="4004">
                  <c:v>59.040000000006302</c:v>
                </c:pt>
                <c:pt idx="4005">
                  <c:v>59.0500000000063</c:v>
                </c:pt>
                <c:pt idx="4006">
                  <c:v>59.060000000006298</c:v>
                </c:pt>
                <c:pt idx="4007">
                  <c:v>59.070000000006303</c:v>
                </c:pt>
                <c:pt idx="4008">
                  <c:v>59.080000000006301</c:v>
                </c:pt>
                <c:pt idx="4009">
                  <c:v>59.090000000006299</c:v>
                </c:pt>
                <c:pt idx="4010">
                  <c:v>59.100000000006297</c:v>
                </c:pt>
                <c:pt idx="4011">
                  <c:v>59.110000000006302</c:v>
                </c:pt>
                <c:pt idx="4012">
                  <c:v>59.1200000000063</c:v>
                </c:pt>
                <c:pt idx="4013">
                  <c:v>59.130000000006298</c:v>
                </c:pt>
                <c:pt idx="4014">
                  <c:v>59.140000000006303</c:v>
                </c:pt>
                <c:pt idx="4015">
                  <c:v>59.150000000006301</c:v>
                </c:pt>
                <c:pt idx="4016">
                  <c:v>59.160000000006299</c:v>
                </c:pt>
                <c:pt idx="4017">
                  <c:v>59.170000000006297</c:v>
                </c:pt>
                <c:pt idx="4018">
                  <c:v>59.180000000006302</c:v>
                </c:pt>
                <c:pt idx="4019">
                  <c:v>59.1900000000063</c:v>
                </c:pt>
                <c:pt idx="4020">
                  <c:v>59.200000000006298</c:v>
                </c:pt>
                <c:pt idx="4021">
                  <c:v>59.210000000006303</c:v>
                </c:pt>
                <c:pt idx="4022">
                  <c:v>59.220000000006301</c:v>
                </c:pt>
                <c:pt idx="4023">
                  <c:v>59.230000000006299</c:v>
                </c:pt>
                <c:pt idx="4024">
                  <c:v>59.240000000006297</c:v>
                </c:pt>
                <c:pt idx="4025">
                  <c:v>59.250000000006303</c:v>
                </c:pt>
                <c:pt idx="4026">
                  <c:v>59.260000000006301</c:v>
                </c:pt>
                <c:pt idx="4027">
                  <c:v>59.270000000006299</c:v>
                </c:pt>
                <c:pt idx="4028">
                  <c:v>59.280000000006297</c:v>
                </c:pt>
                <c:pt idx="4029">
                  <c:v>59.290000000006302</c:v>
                </c:pt>
                <c:pt idx="4030">
                  <c:v>59.3000000000063</c:v>
                </c:pt>
                <c:pt idx="4031">
                  <c:v>59.310000000006298</c:v>
                </c:pt>
                <c:pt idx="4032">
                  <c:v>59.320000000006303</c:v>
                </c:pt>
                <c:pt idx="4033">
                  <c:v>59.330000000006301</c:v>
                </c:pt>
                <c:pt idx="4034">
                  <c:v>59.340000000006299</c:v>
                </c:pt>
                <c:pt idx="4035">
                  <c:v>59.350000000006297</c:v>
                </c:pt>
                <c:pt idx="4036">
                  <c:v>59.360000000006302</c:v>
                </c:pt>
                <c:pt idx="4037">
                  <c:v>59.3700000000063</c:v>
                </c:pt>
                <c:pt idx="4038">
                  <c:v>59.380000000006298</c:v>
                </c:pt>
                <c:pt idx="4039">
                  <c:v>59.390000000006303</c:v>
                </c:pt>
                <c:pt idx="4040">
                  <c:v>59.400000000006301</c:v>
                </c:pt>
                <c:pt idx="4041">
                  <c:v>59.410000000006299</c:v>
                </c:pt>
                <c:pt idx="4042">
                  <c:v>59.420000000006297</c:v>
                </c:pt>
                <c:pt idx="4043">
                  <c:v>59.430000000006302</c:v>
                </c:pt>
                <c:pt idx="4044">
                  <c:v>59.4400000000063</c:v>
                </c:pt>
                <c:pt idx="4045">
                  <c:v>59.450000000006298</c:v>
                </c:pt>
                <c:pt idx="4046">
                  <c:v>59.460000000006303</c:v>
                </c:pt>
                <c:pt idx="4047">
                  <c:v>59.470000000006301</c:v>
                </c:pt>
                <c:pt idx="4048">
                  <c:v>59.480000000006299</c:v>
                </c:pt>
                <c:pt idx="4049">
                  <c:v>59.490000000006297</c:v>
                </c:pt>
                <c:pt idx="4050">
                  <c:v>59.500000000006303</c:v>
                </c:pt>
                <c:pt idx="4051">
                  <c:v>59.510000000006301</c:v>
                </c:pt>
                <c:pt idx="4052">
                  <c:v>59.520000000006299</c:v>
                </c:pt>
                <c:pt idx="4053">
                  <c:v>59.530000000006297</c:v>
                </c:pt>
                <c:pt idx="4054">
                  <c:v>59.540000000006302</c:v>
                </c:pt>
                <c:pt idx="4055">
                  <c:v>59.5500000000063</c:v>
                </c:pt>
                <c:pt idx="4056">
                  <c:v>59.560000000006298</c:v>
                </c:pt>
                <c:pt idx="4057">
                  <c:v>59.570000000006303</c:v>
                </c:pt>
                <c:pt idx="4058">
                  <c:v>59.580000000006301</c:v>
                </c:pt>
                <c:pt idx="4059">
                  <c:v>59.590000000006299</c:v>
                </c:pt>
                <c:pt idx="4060">
                  <c:v>59.600000000006297</c:v>
                </c:pt>
                <c:pt idx="4061">
                  <c:v>59.610000000006401</c:v>
                </c:pt>
                <c:pt idx="4062">
                  <c:v>59.6200000000063</c:v>
                </c:pt>
                <c:pt idx="4063">
                  <c:v>59.630000000006298</c:v>
                </c:pt>
                <c:pt idx="4064">
                  <c:v>59.640000000006403</c:v>
                </c:pt>
                <c:pt idx="4065">
                  <c:v>59.650000000006401</c:v>
                </c:pt>
                <c:pt idx="4066">
                  <c:v>59.660000000006399</c:v>
                </c:pt>
                <c:pt idx="4067">
                  <c:v>59.670000000006397</c:v>
                </c:pt>
                <c:pt idx="4068">
                  <c:v>59.680000000006402</c:v>
                </c:pt>
                <c:pt idx="4069">
                  <c:v>59.6900000000064</c:v>
                </c:pt>
                <c:pt idx="4070">
                  <c:v>59.700000000006398</c:v>
                </c:pt>
                <c:pt idx="4071">
                  <c:v>59.710000000006403</c:v>
                </c:pt>
                <c:pt idx="4072">
                  <c:v>59.720000000006401</c:v>
                </c:pt>
                <c:pt idx="4073">
                  <c:v>59.730000000006399</c:v>
                </c:pt>
                <c:pt idx="4074">
                  <c:v>59.740000000006397</c:v>
                </c:pt>
                <c:pt idx="4075">
                  <c:v>59.750000000006402</c:v>
                </c:pt>
                <c:pt idx="4076">
                  <c:v>59.7600000000064</c:v>
                </c:pt>
                <c:pt idx="4077">
                  <c:v>59.770000000006398</c:v>
                </c:pt>
                <c:pt idx="4078">
                  <c:v>59.780000000006403</c:v>
                </c:pt>
                <c:pt idx="4079">
                  <c:v>59.790000000006401</c:v>
                </c:pt>
                <c:pt idx="4080">
                  <c:v>59.800000000006399</c:v>
                </c:pt>
                <c:pt idx="4081">
                  <c:v>59.810000000006397</c:v>
                </c:pt>
                <c:pt idx="4082">
                  <c:v>59.820000000006402</c:v>
                </c:pt>
                <c:pt idx="4083">
                  <c:v>59.8300000000064</c:v>
                </c:pt>
                <c:pt idx="4084">
                  <c:v>59.840000000006398</c:v>
                </c:pt>
                <c:pt idx="4085">
                  <c:v>59.850000000006403</c:v>
                </c:pt>
                <c:pt idx="4086">
                  <c:v>59.860000000006401</c:v>
                </c:pt>
                <c:pt idx="4087">
                  <c:v>59.870000000006399</c:v>
                </c:pt>
                <c:pt idx="4088">
                  <c:v>59.880000000006397</c:v>
                </c:pt>
                <c:pt idx="4089">
                  <c:v>59.890000000006403</c:v>
                </c:pt>
                <c:pt idx="4090">
                  <c:v>59.900000000006401</c:v>
                </c:pt>
                <c:pt idx="4091">
                  <c:v>59.910000000006399</c:v>
                </c:pt>
                <c:pt idx="4092">
                  <c:v>59.920000000006397</c:v>
                </c:pt>
                <c:pt idx="4093">
                  <c:v>59.930000000006402</c:v>
                </c:pt>
                <c:pt idx="4094">
                  <c:v>59.9400000000064</c:v>
                </c:pt>
                <c:pt idx="4095">
                  <c:v>59.950000000006398</c:v>
                </c:pt>
                <c:pt idx="4096">
                  <c:v>59.960000000006403</c:v>
                </c:pt>
                <c:pt idx="4097">
                  <c:v>59.970000000006401</c:v>
                </c:pt>
                <c:pt idx="4098">
                  <c:v>59.980000000006399</c:v>
                </c:pt>
                <c:pt idx="4099">
                  <c:v>59.990000000006397</c:v>
                </c:pt>
                <c:pt idx="4100">
                  <c:v>60.000000000006402</c:v>
                </c:pt>
                <c:pt idx="4101">
                  <c:v>60.0100000000064</c:v>
                </c:pt>
                <c:pt idx="4102">
                  <c:v>60.020000000006398</c:v>
                </c:pt>
                <c:pt idx="4103">
                  <c:v>60.030000000006403</c:v>
                </c:pt>
                <c:pt idx="4104">
                  <c:v>60.040000000006401</c:v>
                </c:pt>
                <c:pt idx="4105">
                  <c:v>60.050000000006399</c:v>
                </c:pt>
                <c:pt idx="4106">
                  <c:v>60.060000000006397</c:v>
                </c:pt>
                <c:pt idx="4107">
                  <c:v>60.070000000006402</c:v>
                </c:pt>
                <c:pt idx="4108">
                  <c:v>60.0800000000064</c:v>
                </c:pt>
                <c:pt idx="4109">
                  <c:v>60.090000000006398</c:v>
                </c:pt>
                <c:pt idx="4110">
                  <c:v>60.100000000006403</c:v>
                </c:pt>
                <c:pt idx="4111">
                  <c:v>60.110000000006401</c:v>
                </c:pt>
                <c:pt idx="4112">
                  <c:v>60.120000000006399</c:v>
                </c:pt>
                <c:pt idx="4113">
                  <c:v>60.130000000006397</c:v>
                </c:pt>
                <c:pt idx="4114">
                  <c:v>60.140000000006403</c:v>
                </c:pt>
                <c:pt idx="4115">
                  <c:v>60.150000000006401</c:v>
                </c:pt>
                <c:pt idx="4116">
                  <c:v>60.160000000006399</c:v>
                </c:pt>
                <c:pt idx="4117">
                  <c:v>60.170000000006397</c:v>
                </c:pt>
                <c:pt idx="4118">
                  <c:v>60.180000000006402</c:v>
                </c:pt>
                <c:pt idx="4119">
                  <c:v>60.1900000000064</c:v>
                </c:pt>
                <c:pt idx="4120">
                  <c:v>60.200000000006398</c:v>
                </c:pt>
                <c:pt idx="4121">
                  <c:v>60.210000000006403</c:v>
                </c:pt>
                <c:pt idx="4122">
                  <c:v>60.220000000006401</c:v>
                </c:pt>
                <c:pt idx="4123">
                  <c:v>60.230000000006399</c:v>
                </c:pt>
                <c:pt idx="4124">
                  <c:v>60.240000000006397</c:v>
                </c:pt>
                <c:pt idx="4125">
                  <c:v>60.250000000006501</c:v>
                </c:pt>
                <c:pt idx="4126">
                  <c:v>60.2600000000064</c:v>
                </c:pt>
                <c:pt idx="4127">
                  <c:v>60.270000000006398</c:v>
                </c:pt>
                <c:pt idx="4128">
                  <c:v>60.280000000006503</c:v>
                </c:pt>
                <c:pt idx="4129">
                  <c:v>60.290000000006501</c:v>
                </c:pt>
                <c:pt idx="4130">
                  <c:v>60.300000000006499</c:v>
                </c:pt>
                <c:pt idx="4131">
                  <c:v>60.310000000006497</c:v>
                </c:pt>
                <c:pt idx="4132">
                  <c:v>60.320000000006502</c:v>
                </c:pt>
                <c:pt idx="4133">
                  <c:v>60.3300000000065</c:v>
                </c:pt>
                <c:pt idx="4134">
                  <c:v>60.340000000006498</c:v>
                </c:pt>
                <c:pt idx="4135">
                  <c:v>60.350000000006503</c:v>
                </c:pt>
                <c:pt idx="4136">
                  <c:v>60.360000000006501</c:v>
                </c:pt>
                <c:pt idx="4137">
                  <c:v>60.370000000006499</c:v>
                </c:pt>
                <c:pt idx="4138">
                  <c:v>60.380000000006497</c:v>
                </c:pt>
                <c:pt idx="4139">
                  <c:v>60.390000000006502</c:v>
                </c:pt>
                <c:pt idx="4140">
                  <c:v>60.4000000000065</c:v>
                </c:pt>
                <c:pt idx="4141">
                  <c:v>60.410000000006498</c:v>
                </c:pt>
                <c:pt idx="4142">
                  <c:v>60.420000000006503</c:v>
                </c:pt>
                <c:pt idx="4143">
                  <c:v>60.430000000006501</c:v>
                </c:pt>
                <c:pt idx="4144">
                  <c:v>60.440000000006499</c:v>
                </c:pt>
                <c:pt idx="4145">
                  <c:v>60.450000000006497</c:v>
                </c:pt>
                <c:pt idx="4146">
                  <c:v>60.460000000006502</c:v>
                </c:pt>
                <c:pt idx="4147">
                  <c:v>60.4700000000065</c:v>
                </c:pt>
                <c:pt idx="4148">
                  <c:v>60.480000000006498</c:v>
                </c:pt>
                <c:pt idx="4149">
                  <c:v>60.490000000006503</c:v>
                </c:pt>
                <c:pt idx="4150">
                  <c:v>60.500000000006501</c:v>
                </c:pt>
                <c:pt idx="4151">
                  <c:v>60.510000000006499</c:v>
                </c:pt>
                <c:pt idx="4152">
                  <c:v>60.520000000006497</c:v>
                </c:pt>
                <c:pt idx="4153">
                  <c:v>60.530000000006503</c:v>
                </c:pt>
                <c:pt idx="4154">
                  <c:v>60.540000000006501</c:v>
                </c:pt>
                <c:pt idx="4155">
                  <c:v>60.550000000006499</c:v>
                </c:pt>
                <c:pt idx="4156">
                  <c:v>60.560000000006497</c:v>
                </c:pt>
                <c:pt idx="4157">
                  <c:v>60.570000000006502</c:v>
                </c:pt>
                <c:pt idx="4158">
                  <c:v>60.5800000000065</c:v>
                </c:pt>
                <c:pt idx="4159">
                  <c:v>60.590000000006498</c:v>
                </c:pt>
                <c:pt idx="4160">
                  <c:v>60.600000000006503</c:v>
                </c:pt>
                <c:pt idx="4161">
                  <c:v>60.610000000006501</c:v>
                </c:pt>
                <c:pt idx="4162">
                  <c:v>60.620000000006499</c:v>
                </c:pt>
                <c:pt idx="4163">
                  <c:v>60.630000000006497</c:v>
                </c:pt>
                <c:pt idx="4164">
                  <c:v>60.640000000006502</c:v>
                </c:pt>
                <c:pt idx="4165">
                  <c:v>60.6500000000065</c:v>
                </c:pt>
                <c:pt idx="4166">
                  <c:v>60.660000000006498</c:v>
                </c:pt>
                <c:pt idx="4167">
                  <c:v>60.670000000006503</c:v>
                </c:pt>
                <c:pt idx="4168">
                  <c:v>60.680000000006501</c:v>
                </c:pt>
                <c:pt idx="4169">
                  <c:v>60.690000000006499</c:v>
                </c:pt>
                <c:pt idx="4170">
                  <c:v>60.700000000006497</c:v>
                </c:pt>
                <c:pt idx="4171">
                  <c:v>60.710000000006502</c:v>
                </c:pt>
                <c:pt idx="4172">
                  <c:v>60.7200000000065</c:v>
                </c:pt>
                <c:pt idx="4173">
                  <c:v>60.730000000006498</c:v>
                </c:pt>
                <c:pt idx="4174">
                  <c:v>60.740000000006503</c:v>
                </c:pt>
                <c:pt idx="4175">
                  <c:v>60.750000000006501</c:v>
                </c:pt>
                <c:pt idx="4176">
                  <c:v>60.760000000006499</c:v>
                </c:pt>
                <c:pt idx="4177">
                  <c:v>60.770000000006497</c:v>
                </c:pt>
                <c:pt idx="4178">
                  <c:v>60.780000000006503</c:v>
                </c:pt>
                <c:pt idx="4179">
                  <c:v>60.790000000006501</c:v>
                </c:pt>
                <c:pt idx="4180">
                  <c:v>60.800000000006499</c:v>
                </c:pt>
                <c:pt idx="4181">
                  <c:v>60.810000000006497</c:v>
                </c:pt>
                <c:pt idx="4182">
                  <c:v>60.820000000006502</c:v>
                </c:pt>
                <c:pt idx="4183">
                  <c:v>60.8300000000065</c:v>
                </c:pt>
                <c:pt idx="4184">
                  <c:v>60.840000000006498</c:v>
                </c:pt>
                <c:pt idx="4185">
                  <c:v>60.850000000006503</c:v>
                </c:pt>
                <c:pt idx="4186">
                  <c:v>60.860000000006501</c:v>
                </c:pt>
                <c:pt idx="4187">
                  <c:v>60.870000000006499</c:v>
                </c:pt>
                <c:pt idx="4188">
                  <c:v>60.880000000006497</c:v>
                </c:pt>
                <c:pt idx="4189">
                  <c:v>60.890000000006602</c:v>
                </c:pt>
                <c:pt idx="4190">
                  <c:v>60.9000000000065</c:v>
                </c:pt>
                <c:pt idx="4191">
                  <c:v>60.910000000006498</c:v>
                </c:pt>
                <c:pt idx="4192">
                  <c:v>60.920000000006603</c:v>
                </c:pt>
                <c:pt idx="4193">
                  <c:v>60.930000000006601</c:v>
                </c:pt>
                <c:pt idx="4194">
                  <c:v>60.940000000006599</c:v>
                </c:pt>
                <c:pt idx="4195">
                  <c:v>60.950000000006597</c:v>
                </c:pt>
                <c:pt idx="4196">
                  <c:v>60.960000000006602</c:v>
                </c:pt>
                <c:pt idx="4197">
                  <c:v>60.9700000000066</c:v>
                </c:pt>
                <c:pt idx="4198">
                  <c:v>60.980000000006598</c:v>
                </c:pt>
                <c:pt idx="4199">
                  <c:v>60.990000000006603</c:v>
                </c:pt>
                <c:pt idx="4200">
                  <c:v>61.000000000006601</c:v>
                </c:pt>
                <c:pt idx="4201">
                  <c:v>61.010000000006599</c:v>
                </c:pt>
                <c:pt idx="4202">
                  <c:v>61.020000000006597</c:v>
                </c:pt>
                <c:pt idx="4203">
                  <c:v>61.030000000006602</c:v>
                </c:pt>
                <c:pt idx="4204">
                  <c:v>61.0400000000066</c:v>
                </c:pt>
                <c:pt idx="4205">
                  <c:v>61.050000000006598</c:v>
                </c:pt>
                <c:pt idx="4206">
                  <c:v>61.060000000006603</c:v>
                </c:pt>
                <c:pt idx="4207">
                  <c:v>61.070000000006601</c:v>
                </c:pt>
                <c:pt idx="4208">
                  <c:v>61.080000000006599</c:v>
                </c:pt>
                <c:pt idx="4209">
                  <c:v>61.090000000006597</c:v>
                </c:pt>
                <c:pt idx="4210">
                  <c:v>61.100000000006602</c:v>
                </c:pt>
                <c:pt idx="4211">
                  <c:v>61.1100000000066</c:v>
                </c:pt>
                <c:pt idx="4212">
                  <c:v>61.120000000006598</c:v>
                </c:pt>
                <c:pt idx="4213">
                  <c:v>61.130000000006603</c:v>
                </c:pt>
                <c:pt idx="4214">
                  <c:v>61.140000000006602</c:v>
                </c:pt>
                <c:pt idx="4215">
                  <c:v>61.1500000000066</c:v>
                </c:pt>
                <c:pt idx="4216">
                  <c:v>61.160000000006598</c:v>
                </c:pt>
                <c:pt idx="4217">
                  <c:v>61.170000000006603</c:v>
                </c:pt>
                <c:pt idx="4218">
                  <c:v>61.180000000006601</c:v>
                </c:pt>
                <c:pt idx="4219">
                  <c:v>61.190000000006599</c:v>
                </c:pt>
                <c:pt idx="4220">
                  <c:v>61.200000000006597</c:v>
                </c:pt>
                <c:pt idx="4221">
                  <c:v>61.210000000006602</c:v>
                </c:pt>
                <c:pt idx="4222">
                  <c:v>61.2200000000066</c:v>
                </c:pt>
                <c:pt idx="4223">
                  <c:v>61.230000000006598</c:v>
                </c:pt>
                <c:pt idx="4224">
                  <c:v>61.240000000006603</c:v>
                </c:pt>
                <c:pt idx="4225">
                  <c:v>61.250000000006601</c:v>
                </c:pt>
                <c:pt idx="4226">
                  <c:v>61.260000000006599</c:v>
                </c:pt>
                <c:pt idx="4227">
                  <c:v>61.270000000006597</c:v>
                </c:pt>
                <c:pt idx="4228">
                  <c:v>61.280000000006602</c:v>
                </c:pt>
                <c:pt idx="4229">
                  <c:v>61.2900000000066</c:v>
                </c:pt>
                <c:pt idx="4230">
                  <c:v>61.300000000006598</c:v>
                </c:pt>
                <c:pt idx="4231">
                  <c:v>61.310000000006603</c:v>
                </c:pt>
                <c:pt idx="4232">
                  <c:v>61.320000000006601</c:v>
                </c:pt>
                <c:pt idx="4233">
                  <c:v>61.330000000006599</c:v>
                </c:pt>
                <c:pt idx="4234">
                  <c:v>61.340000000006597</c:v>
                </c:pt>
                <c:pt idx="4235">
                  <c:v>61.350000000006602</c:v>
                </c:pt>
                <c:pt idx="4236">
                  <c:v>61.3600000000066</c:v>
                </c:pt>
                <c:pt idx="4237">
                  <c:v>61.370000000006598</c:v>
                </c:pt>
                <c:pt idx="4238">
                  <c:v>61.380000000006603</c:v>
                </c:pt>
                <c:pt idx="4239">
                  <c:v>61.390000000006602</c:v>
                </c:pt>
                <c:pt idx="4240">
                  <c:v>61.4000000000066</c:v>
                </c:pt>
                <c:pt idx="4241">
                  <c:v>61.410000000006598</c:v>
                </c:pt>
                <c:pt idx="4242">
                  <c:v>61.420000000006603</c:v>
                </c:pt>
                <c:pt idx="4243">
                  <c:v>61.430000000006601</c:v>
                </c:pt>
                <c:pt idx="4244">
                  <c:v>61.440000000006599</c:v>
                </c:pt>
                <c:pt idx="4245">
                  <c:v>61.450000000006597</c:v>
                </c:pt>
                <c:pt idx="4246">
                  <c:v>61.460000000006602</c:v>
                </c:pt>
                <c:pt idx="4247">
                  <c:v>61.4700000000066</c:v>
                </c:pt>
                <c:pt idx="4248">
                  <c:v>61.480000000006598</c:v>
                </c:pt>
                <c:pt idx="4249">
                  <c:v>61.490000000006603</c:v>
                </c:pt>
                <c:pt idx="4250">
                  <c:v>61.500000000006601</c:v>
                </c:pt>
                <c:pt idx="4251">
                  <c:v>61.510000000006599</c:v>
                </c:pt>
                <c:pt idx="4252">
                  <c:v>61.520000000006597</c:v>
                </c:pt>
                <c:pt idx="4253">
                  <c:v>61.530000000006702</c:v>
                </c:pt>
                <c:pt idx="4254">
                  <c:v>61.5400000000066</c:v>
                </c:pt>
                <c:pt idx="4255">
                  <c:v>61.550000000006598</c:v>
                </c:pt>
                <c:pt idx="4256">
                  <c:v>61.560000000006703</c:v>
                </c:pt>
                <c:pt idx="4257">
                  <c:v>61.570000000006701</c:v>
                </c:pt>
                <c:pt idx="4258">
                  <c:v>61.580000000006699</c:v>
                </c:pt>
                <c:pt idx="4259">
                  <c:v>61.590000000006697</c:v>
                </c:pt>
                <c:pt idx="4260">
                  <c:v>61.600000000006702</c:v>
                </c:pt>
                <c:pt idx="4261">
                  <c:v>61.6100000000067</c:v>
                </c:pt>
                <c:pt idx="4262">
                  <c:v>61.620000000006698</c:v>
                </c:pt>
                <c:pt idx="4263">
                  <c:v>61.630000000006703</c:v>
                </c:pt>
                <c:pt idx="4264">
                  <c:v>61.640000000006701</c:v>
                </c:pt>
                <c:pt idx="4265">
                  <c:v>61.650000000006699</c:v>
                </c:pt>
                <c:pt idx="4266">
                  <c:v>61.660000000006697</c:v>
                </c:pt>
                <c:pt idx="4267">
                  <c:v>61.670000000006702</c:v>
                </c:pt>
                <c:pt idx="4268">
                  <c:v>61.6800000000067</c:v>
                </c:pt>
                <c:pt idx="4269">
                  <c:v>61.690000000006698</c:v>
                </c:pt>
                <c:pt idx="4270">
                  <c:v>61.700000000006703</c:v>
                </c:pt>
                <c:pt idx="4271">
                  <c:v>61.710000000006701</c:v>
                </c:pt>
                <c:pt idx="4272">
                  <c:v>61.720000000006699</c:v>
                </c:pt>
                <c:pt idx="4273">
                  <c:v>61.730000000006697</c:v>
                </c:pt>
                <c:pt idx="4274">
                  <c:v>61.740000000006702</c:v>
                </c:pt>
                <c:pt idx="4275">
                  <c:v>61.7500000000067</c:v>
                </c:pt>
                <c:pt idx="4276">
                  <c:v>61.760000000006698</c:v>
                </c:pt>
                <c:pt idx="4277">
                  <c:v>61.770000000006704</c:v>
                </c:pt>
                <c:pt idx="4278">
                  <c:v>61.780000000006702</c:v>
                </c:pt>
                <c:pt idx="4279">
                  <c:v>61.7900000000067</c:v>
                </c:pt>
                <c:pt idx="4280">
                  <c:v>61.800000000006698</c:v>
                </c:pt>
                <c:pt idx="4281">
                  <c:v>61.810000000006703</c:v>
                </c:pt>
                <c:pt idx="4282">
                  <c:v>61.820000000006701</c:v>
                </c:pt>
                <c:pt idx="4283">
                  <c:v>61.830000000006699</c:v>
                </c:pt>
                <c:pt idx="4284">
                  <c:v>61.840000000006697</c:v>
                </c:pt>
                <c:pt idx="4285">
                  <c:v>61.850000000006702</c:v>
                </c:pt>
                <c:pt idx="4286">
                  <c:v>61.8600000000067</c:v>
                </c:pt>
                <c:pt idx="4287">
                  <c:v>61.870000000006698</c:v>
                </c:pt>
                <c:pt idx="4288">
                  <c:v>61.880000000006703</c:v>
                </c:pt>
                <c:pt idx="4289">
                  <c:v>61.890000000006701</c:v>
                </c:pt>
                <c:pt idx="4290">
                  <c:v>61.900000000006699</c:v>
                </c:pt>
                <c:pt idx="4291">
                  <c:v>61.910000000006697</c:v>
                </c:pt>
                <c:pt idx="4292">
                  <c:v>61.920000000006702</c:v>
                </c:pt>
                <c:pt idx="4293">
                  <c:v>61.9300000000067</c:v>
                </c:pt>
                <c:pt idx="4294">
                  <c:v>61.940000000006698</c:v>
                </c:pt>
                <c:pt idx="4295">
                  <c:v>61.950000000006703</c:v>
                </c:pt>
                <c:pt idx="4296">
                  <c:v>61.960000000006701</c:v>
                </c:pt>
                <c:pt idx="4297">
                  <c:v>61.970000000006699</c:v>
                </c:pt>
                <c:pt idx="4298">
                  <c:v>61.980000000006697</c:v>
                </c:pt>
                <c:pt idx="4299">
                  <c:v>61.990000000006702</c:v>
                </c:pt>
                <c:pt idx="4300">
                  <c:v>62.0000000000067</c:v>
                </c:pt>
                <c:pt idx="4301">
                  <c:v>62.010000000006698</c:v>
                </c:pt>
                <c:pt idx="4302">
                  <c:v>62.020000000006704</c:v>
                </c:pt>
                <c:pt idx="4303">
                  <c:v>62.030000000006702</c:v>
                </c:pt>
                <c:pt idx="4304">
                  <c:v>62.0400000000067</c:v>
                </c:pt>
                <c:pt idx="4305">
                  <c:v>62.050000000006698</c:v>
                </c:pt>
                <c:pt idx="4306">
                  <c:v>62.060000000006703</c:v>
                </c:pt>
                <c:pt idx="4307">
                  <c:v>62.070000000006701</c:v>
                </c:pt>
                <c:pt idx="4308">
                  <c:v>62.080000000006699</c:v>
                </c:pt>
                <c:pt idx="4309">
                  <c:v>62.090000000006697</c:v>
                </c:pt>
                <c:pt idx="4310">
                  <c:v>62.100000000006702</c:v>
                </c:pt>
                <c:pt idx="4311">
                  <c:v>62.1100000000067</c:v>
                </c:pt>
                <c:pt idx="4312">
                  <c:v>62.120000000006698</c:v>
                </c:pt>
                <c:pt idx="4313">
                  <c:v>62.130000000006703</c:v>
                </c:pt>
                <c:pt idx="4314">
                  <c:v>62.140000000006701</c:v>
                </c:pt>
                <c:pt idx="4315">
                  <c:v>62.150000000006699</c:v>
                </c:pt>
                <c:pt idx="4316">
                  <c:v>62.160000000006697</c:v>
                </c:pt>
                <c:pt idx="4317">
                  <c:v>62.170000000006802</c:v>
                </c:pt>
                <c:pt idx="4318">
                  <c:v>62.1800000000067</c:v>
                </c:pt>
                <c:pt idx="4319">
                  <c:v>62.190000000006698</c:v>
                </c:pt>
                <c:pt idx="4320">
                  <c:v>62.200000000006803</c:v>
                </c:pt>
                <c:pt idx="4321">
                  <c:v>62.210000000006801</c:v>
                </c:pt>
                <c:pt idx="4322">
                  <c:v>62.220000000006799</c:v>
                </c:pt>
                <c:pt idx="4323">
                  <c:v>62.230000000006797</c:v>
                </c:pt>
                <c:pt idx="4324">
                  <c:v>62.240000000006802</c:v>
                </c:pt>
                <c:pt idx="4325">
                  <c:v>62.2500000000068</c:v>
                </c:pt>
                <c:pt idx="4326">
                  <c:v>62.260000000006798</c:v>
                </c:pt>
                <c:pt idx="4327">
                  <c:v>62.270000000006803</c:v>
                </c:pt>
                <c:pt idx="4328">
                  <c:v>62.280000000006801</c:v>
                </c:pt>
                <c:pt idx="4329">
                  <c:v>62.290000000006799</c:v>
                </c:pt>
                <c:pt idx="4330">
                  <c:v>62.300000000006797</c:v>
                </c:pt>
                <c:pt idx="4331">
                  <c:v>62.310000000006802</c:v>
                </c:pt>
                <c:pt idx="4332">
                  <c:v>62.3200000000068</c:v>
                </c:pt>
                <c:pt idx="4333">
                  <c:v>62.330000000006798</c:v>
                </c:pt>
                <c:pt idx="4334">
                  <c:v>62.340000000006803</c:v>
                </c:pt>
                <c:pt idx="4335">
                  <c:v>62.350000000006801</c:v>
                </c:pt>
                <c:pt idx="4336">
                  <c:v>62.360000000006799</c:v>
                </c:pt>
                <c:pt idx="4337">
                  <c:v>62.370000000006797</c:v>
                </c:pt>
                <c:pt idx="4338">
                  <c:v>62.380000000006802</c:v>
                </c:pt>
                <c:pt idx="4339">
                  <c:v>62.3900000000068</c:v>
                </c:pt>
                <c:pt idx="4340">
                  <c:v>62.400000000006798</c:v>
                </c:pt>
                <c:pt idx="4341">
                  <c:v>62.410000000006796</c:v>
                </c:pt>
                <c:pt idx="4342">
                  <c:v>62.420000000006802</c:v>
                </c:pt>
                <c:pt idx="4343">
                  <c:v>62.4300000000068</c:v>
                </c:pt>
                <c:pt idx="4344">
                  <c:v>62.440000000006798</c:v>
                </c:pt>
                <c:pt idx="4345">
                  <c:v>62.450000000006803</c:v>
                </c:pt>
                <c:pt idx="4346">
                  <c:v>62.460000000006801</c:v>
                </c:pt>
                <c:pt idx="4347">
                  <c:v>62.470000000006799</c:v>
                </c:pt>
                <c:pt idx="4348">
                  <c:v>62.480000000006797</c:v>
                </c:pt>
                <c:pt idx="4349">
                  <c:v>62.490000000006802</c:v>
                </c:pt>
                <c:pt idx="4350">
                  <c:v>62.5000000000068</c:v>
                </c:pt>
                <c:pt idx="4351">
                  <c:v>62.510000000006798</c:v>
                </c:pt>
                <c:pt idx="4352">
                  <c:v>62.520000000006803</c:v>
                </c:pt>
                <c:pt idx="4353">
                  <c:v>62.530000000006801</c:v>
                </c:pt>
                <c:pt idx="4354">
                  <c:v>62.540000000006799</c:v>
                </c:pt>
                <c:pt idx="4355">
                  <c:v>62.550000000006797</c:v>
                </c:pt>
                <c:pt idx="4356">
                  <c:v>62.560000000006802</c:v>
                </c:pt>
                <c:pt idx="4357">
                  <c:v>62.5700000000068</c:v>
                </c:pt>
                <c:pt idx="4358">
                  <c:v>62.580000000006798</c:v>
                </c:pt>
                <c:pt idx="4359">
                  <c:v>62.590000000006803</c:v>
                </c:pt>
                <c:pt idx="4360">
                  <c:v>62.600000000006801</c:v>
                </c:pt>
                <c:pt idx="4361">
                  <c:v>62.610000000006799</c:v>
                </c:pt>
                <c:pt idx="4362">
                  <c:v>62.620000000006797</c:v>
                </c:pt>
                <c:pt idx="4363">
                  <c:v>62.630000000006802</c:v>
                </c:pt>
                <c:pt idx="4364">
                  <c:v>62.6400000000068</c:v>
                </c:pt>
                <c:pt idx="4365">
                  <c:v>62.650000000006798</c:v>
                </c:pt>
                <c:pt idx="4366">
                  <c:v>62.660000000006796</c:v>
                </c:pt>
                <c:pt idx="4367">
                  <c:v>62.670000000006802</c:v>
                </c:pt>
                <c:pt idx="4368">
                  <c:v>62.6800000000068</c:v>
                </c:pt>
                <c:pt idx="4369">
                  <c:v>62.690000000006798</c:v>
                </c:pt>
                <c:pt idx="4370">
                  <c:v>62.700000000006803</c:v>
                </c:pt>
                <c:pt idx="4371">
                  <c:v>62.710000000006801</c:v>
                </c:pt>
                <c:pt idx="4372">
                  <c:v>62.720000000006799</c:v>
                </c:pt>
                <c:pt idx="4373">
                  <c:v>62.730000000006797</c:v>
                </c:pt>
                <c:pt idx="4374">
                  <c:v>62.740000000006802</c:v>
                </c:pt>
                <c:pt idx="4375">
                  <c:v>62.7500000000068</c:v>
                </c:pt>
                <c:pt idx="4376">
                  <c:v>62.760000000006798</c:v>
                </c:pt>
                <c:pt idx="4377">
                  <c:v>62.770000000006803</c:v>
                </c:pt>
                <c:pt idx="4378">
                  <c:v>62.780000000006801</c:v>
                </c:pt>
                <c:pt idx="4379">
                  <c:v>62.790000000006799</c:v>
                </c:pt>
                <c:pt idx="4380">
                  <c:v>62.800000000006797</c:v>
                </c:pt>
                <c:pt idx="4381">
                  <c:v>62.810000000006902</c:v>
                </c:pt>
                <c:pt idx="4382">
                  <c:v>62.8200000000068</c:v>
                </c:pt>
                <c:pt idx="4383">
                  <c:v>62.830000000006798</c:v>
                </c:pt>
                <c:pt idx="4384">
                  <c:v>62.840000000006903</c:v>
                </c:pt>
                <c:pt idx="4385">
                  <c:v>62.850000000006901</c:v>
                </c:pt>
                <c:pt idx="4386">
                  <c:v>62.860000000006899</c:v>
                </c:pt>
                <c:pt idx="4387">
                  <c:v>62.870000000006897</c:v>
                </c:pt>
                <c:pt idx="4388">
                  <c:v>62.880000000006902</c:v>
                </c:pt>
                <c:pt idx="4389">
                  <c:v>62.8900000000069</c:v>
                </c:pt>
                <c:pt idx="4390">
                  <c:v>62.900000000006898</c:v>
                </c:pt>
                <c:pt idx="4391">
                  <c:v>62.910000000006903</c:v>
                </c:pt>
                <c:pt idx="4392">
                  <c:v>62.920000000006901</c:v>
                </c:pt>
                <c:pt idx="4393">
                  <c:v>62.930000000006899</c:v>
                </c:pt>
                <c:pt idx="4394">
                  <c:v>62.940000000006897</c:v>
                </c:pt>
                <c:pt idx="4395">
                  <c:v>62.950000000006902</c:v>
                </c:pt>
                <c:pt idx="4396">
                  <c:v>62.9600000000069</c:v>
                </c:pt>
                <c:pt idx="4397">
                  <c:v>62.970000000006898</c:v>
                </c:pt>
                <c:pt idx="4398">
                  <c:v>62.980000000006903</c:v>
                </c:pt>
                <c:pt idx="4399">
                  <c:v>62.990000000006901</c:v>
                </c:pt>
                <c:pt idx="4400">
                  <c:v>63.000000000006899</c:v>
                </c:pt>
                <c:pt idx="4401">
                  <c:v>63.010000000006897</c:v>
                </c:pt>
                <c:pt idx="4402">
                  <c:v>63.020000000006902</c:v>
                </c:pt>
                <c:pt idx="4403">
                  <c:v>63.030000000006901</c:v>
                </c:pt>
                <c:pt idx="4404">
                  <c:v>63.040000000006899</c:v>
                </c:pt>
                <c:pt idx="4405">
                  <c:v>63.050000000006897</c:v>
                </c:pt>
                <c:pt idx="4406">
                  <c:v>63.060000000006902</c:v>
                </c:pt>
                <c:pt idx="4407">
                  <c:v>63.0700000000069</c:v>
                </c:pt>
                <c:pt idx="4408">
                  <c:v>63.080000000006898</c:v>
                </c:pt>
                <c:pt idx="4409">
                  <c:v>63.090000000006903</c:v>
                </c:pt>
                <c:pt idx="4410">
                  <c:v>63.100000000006901</c:v>
                </c:pt>
                <c:pt idx="4411">
                  <c:v>63.110000000006899</c:v>
                </c:pt>
                <c:pt idx="4412">
                  <c:v>63.120000000006897</c:v>
                </c:pt>
                <c:pt idx="4413">
                  <c:v>63.130000000006902</c:v>
                </c:pt>
                <c:pt idx="4414">
                  <c:v>63.1400000000069</c:v>
                </c:pt>
                <c:pt idx="4415">
                  <c:v>63.150000000006898</c:v>
                </c:pt>
                <c:pt idx="4416">
                  <c:v>63.160000000006903</c:v>
                </c:pt>
                <c:pt idx="4417">
                  <c:v>63.170000000006901</c:v>
                </c:pt>
                <c:pt idx="4418">
                  <c:v>63.180000000006899</c:v>
                </c:pt>
                <c:pt idx="4419">
                  <c:v>63.190000000006897</c:v>
                </c:pt>
                <c:pt idx="4420">
                  <c:v>63.200000000006902</c:v>
                </c:pt>
                <c:pt idx="4421">
                  <c:v>63.2100000000069</c:v>
                </c:pt>
                <c:pt idx="4422">
                  <c:v>63.220000000006898</c:v>
                </c:pt>
                <c:pt idx="4423">
                  <c:v>63.230000000006903</c:v>
                </c:pt>
                <c:pt idx="4424">
                  <c:v>63.240000000006901</c:v>
                </c:pt>
                <c:pt idx="4425">
                  <c:v>63.250000000006899</c:v>
                </c:pt>
                <c:pt idx="4426">
                  <c:v>63.260000000006897</c:v>
                </c:pt>
                <c:pt idx="4427">
                  <c:v>63.270000000006902</c:v>
                </c:pt>
                <c:pt idx="4428">
                  <c:v>63.280000000006901</c:v>
                </c:pt>
                <c:pt idx="4429">
                  <c:v>63.290000000006899</c:v>
                </c:pt>
                <c:pt idx="4430">
                  <c:v>63.300000000006897</c:v>
                </c:pt>
                <c:pt idx="4431">
                  <c:v>63.310000000006902</c:v>
                </c:pt>
                <c:pt idx="4432">
                  <c:v>63.3200000000069</c:v>
                </c:pt>
                <c:pt idx="4433">
                  <c:v>63.330000000006898</c:v>
                </c:pt>
                <c:pt idx="4434">
                  <c:v>63.340000000006903</c:v>
                </c:pt>
                <c:pt idx="4435">
                  <c:v>63.350000000006901</c:v>
                </c:pt>
                <c:pt idx="4436">
                  <c:v>63.360000000006899</c:v>
                </c:pt>
                <c:pt idx="4437">
                  <c:v>63.370000000006897</c:v>
                </c:pt>
                <c:pt idx="4438">
                  <c:v>63.380000000006902</c:v>
                </c:pt>
                <c:pt idx="4439">
                  <c:v>63.3900000000069</c:v>
                </c:pt>
                <c:pt idx="4440">
                  <c:v>63.400000000006898</c:v>
                </c:pt>
                <c:pt idx="4441">
                  <c:v>63.410000000006903</c:v>
                </c:pt>
                <c:pt idx="4442">
                  <c:v>63.420000000006901</c:v>
                </c:pt>
                <c:pt idx="4443">
                  <c:v>63.430000000006899</c:v>
                </c:pt>
                <c:pt idx="4444">
                  <c:v>63.440000000006897</c:v>
                </c:pt>
                <c:pt idx="4445">
                  <c:v>63.450000000007002</c:v>
                </c:pt>
                <c:pt idx="4446">
                  <c:v>63.4600000000069</c:v>
                </c:pt>
                <c:pt idx="4447">
                  <c:v>63.470000000006898</c:v>
                </c:pt>
                <c:pt idx="4448">
                  <c:v>63.480000000007003</c:v>
                </c:pt>
                <c:pt idx="4449">
                  <c:v>63.490000000007001</c:v>
                </c:pt>
                <c:pt idx="4450">
                  <c:v>63.500000000006999</c:v>
                </c:pt>
                <c:pt idx="4451">
                  <c:v>63.510000000006997</c:v>
                </c:pt>
                <c:pt idx="4452">
                  <c:v>63.520000000007002</c:v>
                </c:pt>
                <c:pt idx="4453">
                  <c:v>63.530000000007</c:v>
                </c:pt>
                <c:pt idx="4454">
                  <c:v>63.540000000006998</c:v>
                </c:pt>
                <c:pt idx="4455">
                  <c:v>63.550000000007003</c:v>
                </c:pt>
                <c:pt idx="4456">
                  <c:v>63.560000000007001</c:v>
                </c:pt>
                <c:pt idx="4457">
                  <c:v>63.570000000006999</c:v>
                </c:pt>
                <c:pt idx="4458">
                  <c:v>63.580000000006997</c:v>
                </c:pt>
                <c:pt idx="4459">
                  <c:v>63.590000000007002</c:v>
                </c:pt>
                <c:pt idx="4460">
                  <c:v>63.600000000007</c:v>
                </c:pt>
                <c:pt idx="4461">
                  <c:v>63.610000000006998</c:v>
                </c:pt>
                <c:pt idx="4462">
                  <c:v>63.620000000007003</c:v>
                </c:pt>
                <c:pt idx="4463">
                  <c:v>63.630000000007001</c:v>
                </c:pt>
                <c:pt idx="4464">
                  <c:v>63.640000000006999</c:v>
                </c:pt>
                <c:pt idx="4465">
                  <c:v>63.650000000006997</c:v>
                </c:pt>
                <c:pt idx="4466">
                  <c:v>63.660000000007003</c:v>
                </c:pt>
                <c:pt idx="4467">
                  <c:v>63.670000000007001</c:v>
                </c:pt>
                <c:pt idx="4468">
                  <c:v>63.680000000006999</c:v>
                </c:pt>
                <c:pt idx="4469">
                  <c:v>63.690000000006997</c:v>
                </c:pt>
                <c:pt idx="4470">
                  <c:v>63.700000000007002</c:v>
                </c:pt>
                <c:pt idx="4471">
                  <c:v>63.710000000007</c:v>
                </c:pt>
                <c:pt idx="4472">
                  <c:v>63.720000000006998</c:v>
                </c:pt>
                <c:pt idx="4473">
                  <c:v>63.730000000007003</c:v>
                </c:pt>
                <c:pt idx="4474">
                  <c:v>63.740000000007001</c:v>
                </c:pt>
                <c:pt idx="4475">
                  <c:v>63.750000000006999</c:v>
                </c:pt>
                <c:pt idx="4476">
                  <c:v>63.760000000006997</c:v>
                </c:pt>
                <c:pt idx="4477">
                  <c:v>63.770000000007002</c:v>
                </c:pt>
                <c:pt idx="4478">
                  <c:v>63.780000000007</c:v>
                </c:pt>
                <c:pt idx="4479">
                  <c:v>63.790000000006998</c:v>
                </c:pt>
                <c:pt idx="4480">
                  <c:v>63.800000000007003</c:v>
                </c:pt>
                <c:pt idx="4481">
                  <c:v>63.810000000007001</c:v>
                </c:pt>
                <c:pt idx="4482">
                  <c:v>63.820000000006999</c:v>
                </c:pt>
                <c:pt idx="4483">
                  <c:v>63.830000000006997</c:v>
                </c:pt>
                <c:pt idx="4484">
                  <c:v>63.840000000007002</c:v>
                </c:pt>
                <c:pt idx="4485">
                  <c:v>63.850000000007</c:v>
                </c:pt>
                <c:pt idx="4486">
                  <c:v>63.860000000006998</c:v>
                </c:pt>
                <c:pt idx="4487">
                  <c:v>63.870000000007003</c:v>
                </c:pt>
                <c:pt idx="4488">
                  <c:v>63.880000000007001</c:v>
                </c:pt>
                <c:pt idx="4489">
                  <c:v>63.890000000006999</c:v>
                </c:pt>
                <c:pt idx="4490">
                  <c:v>63.900000000006997</c:v>
                </c:pt>
                <c:pt idx="4491">
                  <c:v>63.910000000007003</c:v>
                </c:pt>
                <c:pt idx="4492">
                  <c:v>63.920000000007001</c:v>
                </c:pt>
                <c:pt idx="4493">
                  <c:v>63.930000000006999</c:v>
                </c:pt>
                <c:pt idx="4494">
                  <c:v>63.940000000006997</c:v>
                </c:pt>
                <c:pt idx="4495">
                  <c:v>63.950000000007002</c:v>
                </c:pt>
                <c:pt idx="4496">
                  <c:v>63.960000000007</c:v>
                </c:pt>
                <c:pt idx="4497">
                  <c:v>63.970000000006998</c:v>
                </c:pt>
                <c:pt idx="4498">
                  <c:v>63.980000000007003</c:v>
                </c:pt>
                <c:pt idx="4499">
                  <c:v>63.990000000007001</c:v>
                </c:pt>
                <c:pt idx="4500">
                  <c:v>64.000000000007006</c:v>
                </c:pt>
                <c:pt idx="4501">
                  <c:v>64.010000000006997</c:v>
                </c:pt>
                <c:pt idx="4502">
                  <c:v>64.020000000007002</c:v>
                </c:pt>
                <c:pt idx="4503">
                  <c:v>64.030000000007007</c:v>
                </c:pt>
                <c:pt idx="4504">
                  <c:v>64.040000000006998</c:v>
                </c:pt>
                <c:pt idx="4505">
                  <c:v>64.050000000007003</c:v>
                </c:pt>
                <c:pt idx="4506">
                  <c:v>64.060000000006994</c:v>
                </c:pt>
                <c:pt idx="4507">
                  <c:v>64.070000000006999</c:v>
                </c:pt>
                <c:pt idx="4508">
                  <c:v>64.080000000007004</c:v>
                </c:pt>
                <c:pt idx="4509">
                  <c:v>64.090000000007095</c:v>
                </c:pt>
                <c:pt idx="4510">
                  <c:v>64.1000000000071</c:v>
                </c:pt>
                <c:pt idx="4511">
                  <c:v>64.110000000007005</c:v>
                </c:pt>
                <c:pt idx="4512">
                  <c:v>64.120000000007096</c:v>
                </c:pt>
                <c:pt idx="4513">
                  <c:v>64.130000000007101</c:v>
                </c:pt>
                <c:pt idx="4514">
                  <c:v>64.140000000007106</c:v>
                </c:pt>
                <c:pt idx="4515">
                  <c:v>64.150000000007097</c:v>
                </c:pt>
                <c:pt idx="4516">
                  <c:v>64.160000000007102</c:v>
                </c:pt>
                <c:pt idx="4517">
                  <c:v>64.170000000007093</c:v>
                </c:pt>
                <c:pt idx="4518">
                  <c:v>64.180000000007098</c:v>
                </c:pt>
                <c:pt idx="4519">
                  <c:v>64.190000000007103</c:v>
                </c:pt>
                <c:pt idx="4520">
                  <c:v>64.200000000007094</c:v>
                </c:pt>
                <c:pt idx="4521">
                  <c:v>64.210000000007099</c:v>
                </c:pt>
                <c:pt idx="4522">
                  <c:v>64.220000000007104</c:v>
                </c:pt>
                <c:pt idx="4523">
                  <c:v>64.230000000007095</c:v>
                </c:pt>
                <c:pt idx="4524">
                  <c:v>64.2400000000071</c:v>
                </c:pt>
                <c:pt idx="4525">
                  <c:v>64.250000000007105</c:v>
                </c:pt>
                <c:pt idx="4526">
                  <c:v>64.260000000007096</c:v>
                </c:pt>
                <c:pt idx="4527">
                  <c:v>64.270000000007101</c:v>
                </c:pt>
                <c:pt idx="4528">
                  <c:v>64.280000000007107</c:v>
                </c:pt>
                <c:pt idx="4529">
                  <c:v>64.290000000007097</c:v>
                </c:pt>
                <c:pt idx="4530">
                  <c:v>64.300000000007103</c:v>
                </c:pt>
                <c:pt idx="4531">
                  <c:v>64.310000000007093</c:v>
                </c:pt>
                <c:pt idx="4532">
                  <c:v>64.320000000007099</c:v>
                </c:pt>
                <c:pt idx="4533">
                  <c:v>64.330000000007104</c:v>
                </c:pt>
                <c:pt idx="4534">
                  <c:v>64.340000000007095</c:v>
                </c:pt>
                <c:pt idx="4535">
                  <c:v>64.3500000000071</c:v>
                </c:pt>
                <c:pt idx="4536">
                  <c:v>64.360000000007105</c:v>
                </c:pt>
                <c:pt idx="4537">
                  <c:v>64.370000000007096</c:v>
                </c:pt>
                <c:pt idx="4538">
                  <c:v>64.380000000007101</c:v>
                </c:pt>
                <c:pt idx="4539">
                  <c:v>64.390000000007106</c:v>
                </c:pt>
                <c:pt idx="4540">
                  <c:v>64.400000000007097</c:v>
                </c:pt>
                <c:pt idx="4541">
                  <c:v>64.410000000007102</c:v>
                </c:pt>
                <c:pt idx="4542">
                  <c:v>64.420000000007093</c:v>
                </c:pt>
                <c:pt idx="4543">
                  <c:v>64.430000000007098</c:v>
                </c:pt>
                <c:pt idx="4544">
                  <c:v>64.440000000007103</c:v>
                </c:pt>
                <c:pt idx="4545">
                  <c:v>64.450000000007094</c:v>
                </c:pt>
                <c:pt idx="4546">
                  <c:v>64.460000000007099</c:v>
                </c:pt>
                <c:pt idx="4547">
                  <c:v>64.470000000007104</c:v>
                </c:pt>
                <c:pt idx="4548">
                  <c:v>64.480000000007095</c:v>
                </c:pt>
                <c:pt idx="4549">
                  <c:v>64.4900000000071</c:v>
                </c:pt>
                <c:pt idx="4550">
                  <c:v>64.500000000007105</c:v>
                </c:pt>
                <c:pt idx="4551">
                  <c:v>64.510000000007096</c:v>
                </c:pt>
                <c:pt idx="4552">
                  <c:v>64.520000000007101</c:v>
                </c:pt>
                <c:pt idx="4553">
                  <c:v>64.530000000007107</c:v>
                </c:pt>
                <c:pt idx="4554">
                  <c:v>64.540000000007097</c:v>
                </c:pt>
                <c:pt idx="4555">
                  <c:v>64.550000000007103</c:v>
                </c:pt>
                <c:pt idx="4556">
                  <c:v>64.560000000007093</c:v>
                </c:pt>
                <c:pt idx="4557">
                  <c:v>64.570000000007099</c:v>
                </c:pt>
                <c:pt idx="4558">
                  <c:v>64.580000000007104</c:v>
                </c:pt>
                <c:pt idx="4559">
                  <c:v>64.590000000007095</c:v>
                </c:pt>
                <c:pt idx="4560">
                  <c:v>64.6000000000071</c:v>
                </c:pt>
                <c:pt idx="4561">
                  <c:v>64.610000000007105</c:v>
                </c:pt>
                <c:pt idx="4562">
                  <c:v>64.620000000007096</c:v>
                </c:pt>
                <c:pt idx="4563">
                  <c:v>64.630000000007101</c:v>
                </c:pt>
                <c:pt idx="4564">
                  <c:v>64.640000000007106</c:v>
                </c:pt>
                <c:pt idx="4565">
                  <c:v>64.650000000007097</c:v>
                </c:pt>
                <c:pt idx="4566">
                  <c:v>64.660000000007102</c:v>
                </c:pt>
                <c:pt idx="4567">
                  <c:v>64.670000000007093</c:v>
                </c:pt>
                <c:pt idx="4568">
                  <c:v>64.680000000007098</c:v>
                </c:pt>
                <c:pt idx="4569">
                  <c:v>64.690000000007103</c:v>
                </c:pt>
                <c:pt idx="4570">
                  <c:v>64.700000000007094</c:v>
                </c:pt>
                <c:pt idx="4571">
                  <c:v>64.710000000007099</c:v>
                </c:pt>
                <c:pt idx="4572">
                  <c:v>64.720000000007104</c:v>
                </c:pt>
                <c:pt idx="4573">
                  <c:v>64.730000000007195</c:v>
                </c:pt>
                <c:pt idx="4574">
                  <c:v>64.7400000000072</c:v>
                </c:pt>
                <c:pt idx="4575">
                  <c:v>64.750000000007105</c:v>
                </c:pt>
                <c:pt idx="4576">
                  <c:v>64.760000000007196</c:v>
                </c:pt>
                <c:pt idx="4577">
                  <c:v>64.770000000007201</c:v>
                </c:pt>
                <c:pt idx="4578">
                  <c:v>64.780000000007206</c:v>
                </c:pt>
                <c:pt idx="4579">
                  <c:v>64.790000000007197</c:v>
                </c:pt>
                <c:pt idx="4580">
                  <c:v>64.800000000007202</c:v>
                </c:pt>
                <c:pt idx="4581">
                  <c:v>64.810000000007193</c:v>
                </c:pt>
                <c:pt idx="4582">
                  <c:v>64.820000000007198</c:v>
                </c:pt>
                <c:pt idx="4583">
                  <c:v>64.830000000007203</c:v>
                </c:pt>
                <c:pt idx="4584">
                  <c:v>64.840000000007194</c:v>
                </c:pt>
                <c:pt idx="4585">
                  <c:v>64.850000000007199</c:v>
                </c:pt>
                <c:pt idx="4586">
                  <c:v>64.860000000007204</c:v>
                </c:pt>
                <c:pt idx="4587">
                  <c:v>64.870000000007195</c:v>
                </c:pt>
                <c:pt idx="4588">
                  <c:v>64.8800000000072</c:v>
                </c:pt>
                <c:pt idx="4589">
                  <c:v>64.890000000007205</c:v>
                </c:pt>
                <c:pt idx="4590">
                  <c:v>64.900000000007196</c:v>
                </c:pt>
                <c:pt idx="4591">
                  <c:v>64.910000000007201</c:v>
                </c:pt>
                <c:pt idx="4592">
                  <c:v>64.920000000007207</c:v>
                </c:pt>
                <c:pt idx="4593">
                  <c:v>64.930000000007198</c:v>
                </c:pt>
                <c:pt idx="4594">
                  <c:v>64.940000000007203</c:v>
                </c:pt>
                <c:pt idx="4595">
                  <c:v>64.950000000007194</c:v>
                </c:pt>
                <c:pt idx="4596">
                  <c:v>64.960000000007199</c:v>
                </c:pt>
                <c:pt idx="4597">
                  <c:v>64.970000000007204</c:v>
                </c:pt>
                <c:pt idx="4598">
                  <c:v>64.980000000007195</c:v>
                </c:pt>
                <c:pt idx="4599">
                  <c:v>64.9900000000072</c:v>
                </c:pt>
                <c:pt idx="4600">
                  <c:v>65.000000000007205</c:v>
                </c:pt>
                <c:pt idx="4601">
                  <c:v>65.010000000007196</c:v>
                </c:pt>
                <c:pt idx="4602">
                  <c:v>65.020000000007201</c:v>
                </c:pt>
                <c:pt idx="4603">
                  <c:v>65.030000000007206</c:v>
                </c:pt>
                <c:pt idx="4604">
                  <c:v>65.040000000007197</c:v>
                </c:pt>
                <c:pt idx="4605">
                  <c:v>65.050000000007202</c:v>
                </c:pt>
                <c:pt idx="4606">
                  <c:v>65.060000000007193</c:v>
                </c:pt>
                <c:pt idx="4607">
                  <c:v>65.070000000007198</c:v>
                </c:pt>
                <c:pt idx="4608">
                  <c:v>65.080000000007203</c:v>
                </c:pt>
                <c:pt idx="4609">
                  <c:v>65.090000000007194</c:v>
                </c:pt>
                <c:pt idx="4610">
                  <c:v>65.100000000007199</c:v>
                </c:pt>
                <c:pt idx="4611">
                  <c:v>65.110000000007204</c:v>
                </c:pt>
                <c:pt idx="4612">
                  <c:v>65.120000000007195</c:v>
                </c:pt>
                <c:pt idx="4613">
                  <c:v>65.1300000000072</c:v>
                </c:pt>
                <c:pt idx="4614">
                  <c:v>65.140000000007205</c:v>
                </c:pt>
                <c:pt idx="4615">
                  <c:v>65.150000000007196</c:v>
                </c:pt>
                <c:pt idx="4616">
                  <c:v>65.160000000007201</c:v>
                </c:pt>
                <c:pt idx="4617">
                  <c:v>65.170000000007207</c:v>
                </c:pt>
                <c:pt idx="4618">
                  <c:v>65.180000000007198</c:v>
                </c:pt>
                <c:pt idx="4619">
                  <c:v>65.190000000007203</c:v>
                </c:pt>
                <c:pt idx="4620">
                  <c:v>65.200000000007194</c:v>
                </c:pt>
                <c:pt idx="4621">
                  <c:v>65.210000000007199</c:v>
                </c:pt>
                <c:pt idx="4622">
                  <c:v>65.220000000007204</c:v>
                </c:pt>
                <c:pt idx="4623">
                  <c:v>65.230000000007195</c:v>
                </c:pt>
                <c:pt idx="4624">
                  <c:v>65.2400000000072</c:v>
                </c:pt>
                <c:pt idx="4625">
                  <c:v>65.250000000007205</c:v>
                </c:pt>
                <c:pt idx="4626">
                  <c:v>65.260000000007196</c:v>
                </c:pt>
                <c:pt idx="4627">
                  <c:v>65.270000000007201</c:v>
                </c:pt>
                <c:pt idx="4628">
                  <c:v>65.280000000007206</c:v>
                </c:pt>
                <c:pt idx="4629">
                  <c:v>65.290000000007197</c:v>
                </c:pt>
                <c:pt idx="4630">
                  <c:v>65.300000000007202</c:v>
                </c:pt>
                <c:pt idx="4631">
                  <c:v>65.310000000007193</c:v>
                </c:pt>
                <c:pt idx="4632">
                  <c:v>65.320000000007198</c:v>
                </c:pt>
                <c:pt idx="4633">
                  <c:v>65.330000000007203</c:v>
                </c:pt>
                <c:pt idx="4634">
                  <c:v>65.340000000007194</c:v>
                </c:pt>
                <c:pt idx="4635">
                  <c:v>65.350000000007199</c:v>
                </c:pt>
                <c:pt idx="4636">
                  <c:v>65.360000000007204</c:v>
                </c:pt>
                <c:pt idx="4637">
                  <c:v>65.370000000007295</c:v>
                </c:pt>
                <c:pt idx="4638">
                  <c:v>65.3800000000073</c:v>
                </c:pt>
                <c:pt idx="4639">
                  <c:v>65.390000000007205</c:v>
                </c:pt>
                <c:pt idx="4640">
                  <c:v>65.400000000007296</c:v>
                </c:pt>
                <c:pt idx="4641">
                  <c:v>65.410000000007301</c:v>
                </c:pt>
                <c:pt idx="4642">
                  <c:v>65.420000000007306</c:v>
                </c:pt>
                <c:pt idx="4643">
                  <c:v>65.430000000007297</c:v>
                </c:pt>
                <c:pt idx="4644">
                  <c:v>65.440000000007302</c:v>
                </c:pt>
                <c:pt idx="4645">
                  <c:v>65.450000000007293</c:v>
                </c:pt>
                <c:pt idx="4646">
                  <c:v>65.460000000007298</c:v>
                </c:pt>
                <c:pt idx="4647">
                  <c:v>65.470000000007303</c:v>
                </c:pt>
                <c:pt idx="4648">
                  <c:v>65.480000000007294</c:v>
                </c:pt>
                <c:pt idx="4649">
                  <c:v>65.490000000007299</c:v>
                </c:pt>
                <c:pt idx="4650">
                  <c:v>65.500000000007304</c:v>
                </c:pt>
                <c:pt idx="4651">
                  <c:v>65.510000000007295</c:v>
                </c:pt>
                <c:pt idx="4652">
                  <c:v>65.5200000000073</c:v>
                </c:pt>
                <c:pt idx="4653">
                  <c:v>65.530000000007306</c:v>
                </c:pt>
                <c:pt idx="4654">
                  <c:v>65.540000000007296</c:v>
                </c:pt>
                <c:pt idx="4655">
                  <c:v>65.550000000007302</c:v>
                </c:pt>
                <c:pt idx="4656">
                  <c:v>65.560000000007307</c:v>
                </c:pt>
                <c:pt idx="4657">
                  <c:v>65.570000000007298</c:v>
                </c:pt>
                <c:pt idx="4658">
                  <c:v>65.580000000007303</c:v>
                </c:pt>
                <c:pt idx="4659">
                  <c:v>65.590000000007294</c:v>
                </c:pt>
                <c:pt idx="4660">
                  <c:v>65.600000000007299</c:v>
                </c:pt>
                <c:pt idx="4661">
                  <c:v>65.610000000007304</c:v>
                </c:pt>
                <c:pt idx="4662">
                  <c:v>65.620000000007295</c:v>
                </c:pt>
                <c:pt idx="4663">
                  <c:v>65.6300000000073</c:v>
                </c:pt>
                <c:pt idx="4664">
                  <c:v>65.640000000007305</c:v>
                </c:pt>
                <c:pt idx="4665">
                  <c:v>65.650000000007296</c:v>
                </c:pt>
                <c:pt idx="4666">
                  <c:v>65.660000000007301</c:v>
                </c:pt>
                <c:pt idx="4667">
                  <c:v>65.670000000007306</c:v>
                </c:pt>
                <c:pt idx="4668">
                  <c:v>65.680000000007297</c:v>
                </c:pt>
                <c:pt idx="4669">
                  <c:v>65.690000000007302</c:v>
                </c:pt>
                <c:pt idx="4670">
                  <c:v>65.700000000007293</c:v>
                </c:pt>
                <c:pt idx="4671">
                  <c:v>65.710000000007298</c:v>
                </c:pt>
                <c:pt idx="4672">
                  <c:v>65.720000000007303</c:v>
                </c:pt>
                <c:pt idx="4673">
                  <c:v>65.730000000007294</c:v>
                </c:pt>
                <c:pt idx="4674">
                  <c:v>65.740000000007299</c:v>
                </c:pt>
                <c:pt idx="4675">
                  <c:v>65.750000000007304</c:v>
                </c:pt>
                <c:pt idx="4676">
                  <c:v>65.760000000007295</c:v>
                </c:pt>
                <c:pt idx="4677">
                  <c:v>65.7700000000073</c:v>
                </c:pt>
                <c:pt idx="4678">
                  <c:v>65.780000000007306</c:v>
                </c:pt>
                <c:pt idx="4679">
                  <c:v>65.790000000007296</c:v>
                </c:pt>
                <c:pt idx="4680">
                  <c:v>65.800000000007302</c:v>
                </c:pt>
                <c:pt idx="4681">
                  <c:v>65.810000000007307</c:v>
                </c:pt>
                <c:pt idx="4682">
                  <c:v>65.820000000007298</c:v>
                </c:pt>
                <c:pt idx="4683">
                  <c:v>65.830000000007303</c:v>
                </c:pt>
                <c:pt idx="4684">
                  <c:v>65.840000000007294</c:v>
                </c:pt>
                <c:pt idx="4685">
                  <c:v>65.850000000007299</c:v>
                </c:pt>
                <c:pt idx="4686">
                  <c:v>65.860000000007304</c:v>
                </c:pt>
                <c:pt idx="4687">
                  <c:v>65.870000000007295</c:v>
                </c:pt>
                <c:pt idx="4688">
                  <c:v>65.8800000000073</c:v>
                </c:pt>
                <c:pt idx="4689">
                  <c:v>65.890000000007305</c:v>
                </c:pt>
                <c:pt idx="4690">
                  <c:v>65.900000000007296</c:v>
                </c:pt>
                <c:pt idx="4691">
                  <c:v>65.910000000007301</c:v>
                </c:pt>
                <c:pt idx="4692">
                  <c:v>65.920000000007306</c:v>
                </c:pt>
                <c:pt idx="4693">
                  <c:v>65.930000000007297</c:v>
                </c:pt>
                <c:pt idx="4694">
                  <c:v>65.940000000007302</c:v>
                </c:pt>
                <c:pt idx="4695">
                  <c:v>65.950000000007293</c:v>
                </c:pt>
                <c:pt idx="4696">
                  <c:v>65.960000000007298</c:v>
                </c:pt>
                <c:pt idx="4697">
                  <c:v>65.970000000007303</c:v>
                </c:pt>
                <c:pt idx="4698">
                  <c:v>65.980000000007294</c:v>
                </c:pt>
                <c:pt idx="4699">
                  <c:v>65.990000000007299</c:v>
                </c:pt>
                <c:pt idx="4700">
                  <c:v>66.000000000007304</c:v>
                </c:pt>
                <c:pt idx="4701">
                  <c:v>66.010000000007395</c:v>
                </c:pt>
                <c:pt idx="4702">
                  <c:v>66.0200000000074</c:v>
                </c:pt>
                <c:pt idx="4703">
                  <c:v>66.030000000007306</c:v>
                </c:pt>
                <c:pt idx="4704">
                  <c:v>66.040000000007396</c:v>
                </c:pt>
                <c:pt idx="4705">
                  <c:v>66.050000000007401</c:v>
                </c:pt>
                <c:pt idx="4706">
                  <c:v>66.060000000007406</c:v>
                </c:pt>
                <c:pt idx="4707">
                  <c:v>66.070000000007397</c:v>
                </c:pt>
                <c:pt idx="4708">
                  <c:v>66.080000000007402</c:v>
                </c:pt>
                <c:pt idx="4709">
                  <c:v>66.090000000007393</c:v>
                </c:pt>
                <c:pt idx="4710">
                  <c:v>66.100000000007398</c:v>
                </c:pt>
                <c:pt idx="4711">
                  <c:v>66.110000000007403</c:v>
                </c:pt>
                <c:pt idx="4712">
                  <c:v>66.120000000007394</c:v>
                </c:pt>
                <c:pt idx="4713">
                  <c:v>66.130000000007399</c:v>
                </c:pt>
                <c:pt idx="4714">
                  <c:v>66.140000000007404</c:v>
                </c:pt>
                <c:pt idx="4715">
                  <c:v>66.150000000007395</c:v>
                </c:pt>
                <c:pt idx="4716">
                  <c:v>66.1600000000074</c:v>
                </c:pt>
                <c:pt idx="4717">
                  <c:v>66.170000000007406</c:v>
                </c:pt>
                <c:pt idx="4718">
                  <c:v>66.180000000007396</c:v>
                </c:pt>
                <c:pt idx="4719">
                  <c:v>66.190000000007402</c:v>
                </c:pt>
                <c:pt idx="4720">
                  <c:v>66.200000000007407</c:v>
                </c:pt>
                <c:pt idx="4721">
                  <c:v>66.210000000007398</c:v>
                </c:pt>
                <c:pt idx="4722">
                  <c:v>66.220000000007403</c:v>
                </c:pt>
                <c:pt idx="4723">
                  <c:v>66.230000000007394</c:v>
                </c:pt>
                <c:pt idx="4724">
                  <c:v>66.240000000007399</c:v>
                </c:pt>
                <c:pt idx="4725">
                  <c:v>66.250000000007404</c:v>
                </c:pt>
                <c:pt idx="4726">
                  <c:v>66.260000000007395</c:v>
                </c:pt>
                <c:pt idx="4727">
                  <c:v>66.2700000000074</c:v>
                </c:pt>
                <c:pt idx="4728">
                  <c:v>66.280000000007405</c:v>
                </c:pt>
                <c:pt idx="4729">
                  <c:v>66.290000000007396</c:v>
                </c:pt>
                <c:pt idx="4730">
                  <c:v>66.300000000007401</c:v>
                </c:pt>
                <c:pt idx="4731">
                  <c:v>66.310000000007406</c:v>
                </c:pt>
                <c:pt idx="4732">
                  <c:v>66.320000000007397</c:v>
                </c:pt>
                <c:pt idx="4733">
                  <c:v>66.330000000007402</c:v>
                </c:pt>
                <c:pt idx="4734">
                  <c:v>66.340000000007393</c:v>
                </c:pt>
                <c:pt idx="4735">
                  <c:v>66.350000000007398</c:v>
                </c:pt>
                <c:pt idx="4736">
                  <c:v>66.360000000007403</c:v>
                </c:pt>
                <c:pt idx="4737">
                  <c:v>66.370000000007394</c:v>
                </c:pt>
                <c:pt idx="4738">
                  <c:v>66.380000000007399</c:v>
                </c:pt>
                <c:pt idx="4739">
                  <c:v>66.390000000007404</c:v>
                </c:pt>
                <c:pt idx="4740">
                  <c:v>66.400000000007395</c:v>
                </c:pt>
                <c:pt idx="4741">
                  <c:v>66.4100000000074</c:v>
                </c:pt>
                <c:pt idx="4742">
                  <c:v>66.420000000007406</c:v>
                </c:pt>
                <c:pt idx="4743">
                  <c:v>66.430000000007396</c:v>
                </c:pt>
                <c:pt idx="4744">
                  <c:v>66.440000000007402</c:v>
                </c:pt>
                <c:pt idx="4745">
                  <c:v>66.450000000007407</c:v>
                </c:pt>
                <c:pt idx="4746">
                  <c:v>66.460000000007398</c:v>
                </c:pt>
                <c:pt idx="4747">
                  <c:v>66.470000000007403</c:v>
                </c:pt>
                <c:pt idx="4748">
                  <c:v>66.480000000007394</c:v>
                </c:pt>
                <c:pt idx="4749">
                  <c:v>66.490000000007399</c:v>
                </c:pt>
                <c:pt idx="4750">
                  <c:v>66.500000000007404</c:v>
                </c:pt>
                <c:pt idx="4751">
                  <c:v>66.510000000007395</c:v>
                </c:pt>
                <c:pt idx="4752">
                  <c:v>66.5200000000074</c:v>
                </c:pt>
                <c:pt idx="4753">
                  <c:v>66.530000000007405</c:v>
                </c:pt>
                <c:pt idx="4754">
                  <c:v>66.540000000007396</c:v>
                </c:pt>
                <c:pt idx="4755">
                  <c:v>66.550000000007401</c:v>
                </c:pt>
                <c:pt idx="4756">
                  <c:v>66.560000000007406</c:v>
                </c:pt>
                <c:pt idx="4757">
                  <c:v>66.570000000007397</c:v>
                </c:pt>
                <c:pt idx="4758">
                  <c:v>66.580000000007402</c:v>
                </c:pt>
                <c:pt idx="4759">
                  <c:v>66.590000000007393</c:v>
                </c:pt>
                <c:pt idx="4760">
                  <c:v>66.600000000007398</c:v>
                </c:pt>
                <c:pt idx="4761">
                  <c:v>66.610000000007403</c:v>
                </c:pt>
                <c:pt idx="4762">
                  <c:v>66.620000000007394</c:v>
                </c:pt>
                <c:pt idx="4763">
                  <c:v>66.630000000007399</c:v>
                </c:pt>
                <c:pt idx="4764">
                  <c:v>66.640000000007404</c:v>
                </c:pt>
                <c:pt idx="4765">
                  <c:v>66.650000000007495</c:v>
                </c:pt>
                <c:pt idx="4766">
                  <c:v>66.6600000000075</c:v>
                </c:pt>
                <c:pt idx="4767">
                  <c:v>66.670000000007406</c:v>
                </c:pt>
                <c:pt idx="4768">
                  <c:v>66.680000000007496</c:v>
                </c:pt>
                <c:pt idx="4769">
                  <c:v>66.690000000007501</c:v>
                </c:pt>
                <c:pt idx="4770">
                  <c:v>66.700000000007506</c:v>
                </c:pt>
                <c:pt idx="4771">
                  <c:v>66.710000000007497</c:v>
                </c:pt>
                <c:pt idx="4772">
                  <c:v>66.720000000007502</c:v>
                </c:pt>
                <c:pt idx="4773">
                  <c:v>66.730000000007493</c:v>
                </c:pt>
                <c:pt idx="4774">
                  <c:v>66.740000000007498</c:v>
                </c:pt>
                <c:pt idx="4775">
                  <c:v>66.750000000007503</c:v>
                </c:pt>
                <c:pt idx="4776">
                  <c:v>66.760000000007494</c:v>
                </c:pt>
                <c:pt idx="4777">
                  <c:v>66.770000000007499</c:v>
                </c:pt>
                <c:pt idx="4778">
                  <c:v>66.780000000007504</c:v>
                </c:pt>
                <c:pt idx="4779">
                  <c:v>66.790000000007495</c:v>
                </c:pt>
                <c:pt idx="4780">
                  <c:v>66.8000000000075</c:v>
                </c:pt>
                <c:pt idx="4781">
                  <c:v>66.810000000007506</c:v>
                </c:pt>
                <c:pt idx="4782">
                  <c:v>66.820000000007497</c:v>
                </c:pt>
                <c:pt idx="4783">
                  <c:v>66.830000000007502</c:v>
                </c:pt>
                <c:pt idx="4784">
                  <c:v>66.840000000007507</c:v>
                </c:pt>
                <c:pt idx="4785">
                  <c:v>66.850000000007498</c:v>
                </c:pt>
                <c:pt idx="4786">
                  <c:v>66.860000000007503</c:v>
                </c:pt>
                <c:pt idx="4787">
                  <c:v>66.870000000007494</c:v>
                </c:pt>
                <c:pt idx="4788">
                  <c:v>66.880000000007499</c:v>
                </c:pt>
                <c:pt idx="4789">
                  <c:v>66.890000000007504</c:v>
                </c:pt>
                <c:pt idx="4790">
                  <c:v>66.900000000007495</c:v>
                </c:pt>
                <c:pt idx="4791">
                  <c:v>66.9100000000075</c:v>
                </c:pt>
                <c:pt idx="4792">
                  <c:v>66.920000000007505</c:v>
                </c:pt>
                <c:pt idx="4793">
                  <c:v>66.930000000007496</c:v>
                </c:pt>
                <c:pt idx="4794">
                  <c:v>66.940000000007501</c:v>
                </c:pt>
                <c:pt idx="4795">
                  <c:v>66.950000000007506</c:v>
                </c:pt>
                <c:pt idx="4796">
                  <c:v>66.960000000007497</c:v>
                </c:pt>
                <c:pt idx="4797">
                  <c:v>66.970000000007502</c:v>
                </c:pt>
                <c:pt idx="4798">
                  <c:v>66.980000000007493</c:v>
                </c:pt>
                <c:pt idx="4799">
                  <c:v>66.990000000007498</c:v>
                </c:pt>
                <c:pt idx="4800">
                  <c:v>67.000000000007503</c:v>
                </c:pt>
                <c:pt idx="4801">
                  <c:v>67.010000000007494</c:v>
                </c:pt>
                <c:pt idx="4802">
                  <c:v>67.020000000007499</c:v>
                </c:pt>
                <c:pt idx="4803">
                  <c:v>67.030000000007504</c:v>
                </c:pt>
                <c:pt idx="4804">
                  <c:v>67.040000000007495</c:v>
                </c:pt>
                <c:pt idx="4805">
                  <c:v>67.0500000000075</c:v>
                </c:pt>
                <c:pt idx="4806">
                  <c:v>67.060000000007506</c:v>
                </c:pt>
                <c:pt idx="4807">
                  <c:v>67.070000000007497</c:v>
                </c:pt>
                <c:pt idx="4808">
                  <c:v>67.080000000007502</c:v>
                </c:pt>
                <c:pt idx="4809">
                  <c:v>67.090000000007507</c:v>
                </c:pt>
                <c:pt idx="4810">
                  <c:v>67.100000000007498</c:v>
                </c:pt>
                <c:pt idx="4811">
                  <c:v>67.110000000007503</c:v>
                </c:pt>
                <c:pt idx="4812">
                  <c:v>67.120000000007494</c:v>
                </c:pt>
                <c:pt idx="4813">
                  <c:v>67.130000000007499</c:v>
                </c:pt>
                <c:pt idx="4814">
                  <c:v>67.140000000007504</c:v>
                </c:pt>
                <c:pt idx="4815">
                  <c:v>67.150000000007495</c:v>
                </c:pt>
                <c:pt idx="4816">
                  <c:v>67.1600000000075</c:v>
                </c:pt>
                <c:pt idx="4817">
                  <c:v>67.170000000007505</c:v>
                </c:pt>
                <c:pt idx="4818">
                  <c:v>67.180000000007496</c:v>
                </c:pt>
                <c:pt idx="4819">
                  <c:v>67.190000000007501</c:v>
                </c:pt>
                <c:pt idx="4820">
                  <c:v>67.200000000007506</c:v>
                </c:pt>
                <c:pt idx="4821">
                  <c:v>67.210000000007497</c:v>
                </c:pt>
                <c:pt idx="4822">
                  <c:v>67.220000000007502</c:v>
                </c:pt>
                <c:pt idx="4823">
                  <c:v>67.230000000007493</c:v>
                </c:pt>
                <c:pt idx="4824">
                  <c:v>67.240000000007498</c:v>
                </c:pt>
                <c:pt idx="4825">
                  <c:v>67.250000000007503</c:v>
                </c:pt>
                <c:pt idx="4826">
                  <c:v>67.260000000007494</c:v>
                </c:pt>
                <c:pt idx="4827">
                  <c:v>67.270000000007499</c:v>
                </c:pt>
                <c:pt idx="4828">
                  <c:v>67.280000000007504</c:v>
                </c:pt>
                <c:pt idx="4829">
                  <c:v>67.290000000007595</c:v>
                </c:pt>
                <c:pt idx="4830">
                  <c:v>67.3000000000076</c:v>
                </c:pt>
                <c:pt idx="4831">
                  <c:v>67.310000000007506</c:v>
                </c:pt>
                <c:pt idx="4832">
                  <c:v>67.320000000007596</c:v>
                </c:pt>
                <c:pt idx="4833">
                  <c:v>67.330000000007601</c:v>
                </c:pt>
                <c:pt idx="4834">
                  <c:v>67.340000000007606</c:v>
                </c:pt>
                <c:pt idx="4835">
                  <c:v>67.350000000007597</c:v>
                </c:pt>
                <c:pt idx="4836">
                  <c:v>67.360000000007602</c:v>
                </c:pt>
                <c:pt idx="4837">
                  <c:v>67.370000000007593</c:v>
                </c:pt>
                <c:pt idx="4838">
                  <c:v>67.380000000007598</c:v>
                </c:pt>
                <c:pt idx="4839">
                  <c:v>67.390000000007603</c:v>
                </c:pt>
                <c:pt idx="4840">
                  <c:v>67.400000000007594</c:v>
                </c:pt>
                <c:pt idx="4841">
                  <c:v>67.410000000007599</c:v>
                </c:pt>
                <c:pt idx="4842">
                  <c:v>67.420000000007605</c:v>
                </c:pt>
                <c:pt idx="4843">
                  <c:v>67.430000000007595</c:v>
                </c:pt>
                <c:pt idx="4844">
                  <c:v>67.440000000007601</c:v>
                </c:pt>
                <c:pt idx="4845">
                  <c:v>67.450000000007606</c:v>
                </c:pt>
                <c:pt idx="4846">
                  <c:v>67.460000000007597</c:v>
                </c:pt>
                <c:pt idx="4847">
                  <c:v>67.470000000007602</c:v>
                </c:pt>
                <c:pt idx="4848">
                  <c:v>67.480000000007607</c:v>
                </c:pt>
                <c:pt idx="4849">
                  <c:v>67.490000000007598</c:v>
                </c:pt>
                <c:pt idx="4850">
                  <c:v>67.500000000007603</c:v>
                </c:pt>
                <c:pt idx="4851">
                  <c:v>67.510000000007594</c:v>
                </c:pt>
                <c:pt idx="4852">
                  <c:v>67.520000000007599</c:v>
                </c:pt>
                <c:pt idx="4853">
                  <c:v>67.530000000007604</c:v>
                </c:pt>
                <c:pt idx="4854">
                  <c:v>67.540000000007595</c:v>
                </c:pt>
                <c:pt idx="4855">
                  <c:v>67.5500000000076</c:v>
                </c:pt>
                <c:pt idx="4856">
                  <c:v>67.560000000007605</c:v>
                </c:pt>
                <c:pt idx="4857">
                  <c:v>67.570000000007596</c:v>
                </c:pt>
                <c:pt idx="4858">
                  <c:v>67.580000000007601</c:v>
                </c:pt>
                <c:pt idx="4859">
                  <c:v>67.590000000007606</c:v>
                </c:pt>
                <c:pt idx="4860">
                  <c:v>67.600000000007597</c:v>
                </c:pt>
                <c:pt idx="4861">
                  <c:v>67.610000000007602</c:v>
                </c:pt>
                <c:pt idx="4862">
                  <c:v>67.620000000007593</c:v>
                </c:pt>
                <c:pt idx="4863">
                  <c:v>67.630000000007598</c:v>
                </c:pt>
                <c:pt idx="4864">
                  <c:v>67.640000000007603</c:v>
                </c:pt>
                <c:pt idx="4865">
                  <c:v>67.650000000007594</c:v>
                </c:pt>
                <c:pt idx="4866">
                  <c:v>67.660000000007599</c:v>
                </c:pt>
                <c:pt idx="4867">
                  <c:v>67.670000000007605</c:v>
                </c:pt>
                <c:pt idx="4868">
                  <c:v>67.680000000007595</c:v>
                </c:pt>
                <c:pt idx="4869">
                  <c:v>67.690000000007601</c:v>
                </c:pt>
                <c:pt idx="4870">
                  <c:v>67.700000000007606</c:v>
                </c:pt>
                <c:pt idx="4871">
                  <c:v>67.710000000007597</c:v>
                </c:pt>
                <c:pt idx="4872">
                  <c:v>67.720000000007602</c:v>
                </c:pt>
                <c:pt idx="4873">
                  <c:v>67.730000000007607</c:v>
                </c:pt>
                <c:pt idx="4874">
                  <c:v>67.740000000007598</c:v>
                </c:pt>
                <c:pt idx="4875">
                  <c:v>67.750000000007603</c:v>
                </c:pt>
                <c:pt idx="4876">
                  <c:v>67.760000000007594</c:v>
                </c:pt>
                <c:pt idx="4877">
                  <c:v>67.770000000007599</c:v>
                </c:pt>
                <c:pt idx="4878">
                  <c:v>67.780000000007604</c:v>
                </c:pt>
                <c:pt idx="4879">
                  <c:v>67.790000000007595</c:v>
                </c:pt>
                <c:pt idx="4880">
                  <c:v>67.8000000000076</c:v>
                </c:pt>
                <c:pt idx="4881">
                  <c:v>67.810000000007605</c:v>
                </c:pt>
                <c:pt idx="4882">
                  <c:v>67.820000000007596</c:v>
                </c:pt>
                <c:pt idx="4883">
                  <c:v>67.830000000007601</c:v>
                </c:pt>
                <c:pt idx="4884">
                  <c:v>67.840000000007606</c:v>
                </c:pt>
                <c:pt idx="4885">
                  <c:v>67.850000000007597</c:v>
                </c:pt>
                <c:pt idx="4886">
                  <c:v>67.860000000007602</c:v>
                </c:pt>
                <c:pt idx="4887">
                  <c:v>67.870000000007593</c:v>
                </c:pt>
                <c:pt idx="4888">
                  <c:v>67.880000000007598</c:v>
                </c:pt>
                <c:pt idx="4889">
                  <c:v>67.890000000007603</c:v>
                </c:pt>
                <c:pt idx="4890">
                  <c:v>67.900000000007594</c:v>
                </c:pt>
                <c:pt idx="4891">
                  <c:v>67.910000000007599</c:v>
                </c:pt>
                <c:pt idx="4892">
                  <c:v>67.920000000007605</c:v>
                </c:pt>
                <c:pt idx="4893">
                  <c:v>67.930000000007695</c:v>
                </c:pt>
                <c:pt idx="4894">
                  <c:v>67.9400000000077</c:v>
                </c:pt>
                <c:pt idx="4895">
                  <c:v>67.950000000007606</c:v>
                </c:pt>
                <c:pt idx="4896">
                  <c:v>67.960000000007696</c:v>
                </c:pt>
                <c:pt idx="4897">
                  <c:v>67.970000000007701</c:v>
                </c:pt>
                <c:pt idx="4898">
                  <c:v>67.980000000007706</c:v>
                </c:pt>
                <c:pt idx="4899">
                  <c:v>67.990000000007697</c:v>
                </c:pt>
                <c:pt idx="4900">
                  <c:v>68.000000000007702</c:v>
                </c:pt>
                <c:pt idx="4901">
                  <c:v>68.010000000007693</c:v>
                </c:pt>
                <c:pt idx="4902">
                  <c:v>68.020000000007698</c:v>
                </c:pt>
                <c:pt idx="4903">
                  <c:v>68.030000000007703</c:v>
                </c:pt>
                <c:pt idx="4904">
                  <c:v>68.040000000007694</c:v>
                </c:pt>
                <c:pt idx="4905">
                  <c:v>68.050000000007699</c:v>
                </c:pt>
                <c:pt idx="4906">
                  <c:v>68.060000000007705</c:v>
                </c:pt>
                <c:pt idx="4907">
                  <c:v>68.070000000007695</c:v>
                </c:pt>
                <c:pt idx="4908">
                  <c:v>68.080000000007701</c:v>
                </c:pt>
                <c:pt idx="4909">
                  <c:v>68.090000000007706</c:v>
                </c:pt>
                <c:pt idx="4910">
                  <c:v>68.100000000007697</c:v>
                </c:pt>
                <c:pt idx="4911">
                  <c:v>68.110000000007702</c:v>
                </c:pt>
                <c:pt idx="4912">
                  <c:v>68.120000000007707</c:v>
                </c:pt>
                <c:pt idx="4913">
                  <c:v>68.130000000007698</c:v>
                </c:pt>
                <c:pt idx="4914">
                  <c:v>68.140000000007703</c:v>
                </c:pt>
                <c:pt idx="4915">
                  <c:v>68.150000000007694</c:v>
                </c:pt>
                <c:pt idx="4916">
                  <c:v>68.160000000007699</c:v>
                </c:pt>
                <c:pt idx="4917">
                  <c:v>68.170000000007704</c:v>
                </c:pt>
                <c:pt idx="4918">
                  <c:v>68.180000000007695</c:v>
                </c:pt>
                <c:pt idx="4919">
                  <c:v>68.1900000000077</c:v>
                </c:pt>
                <c:pt idx="4920">
                  <c:v>68.200000000007705</c:v>
                </c:pt>
                <c:pt idx="4921">
                  <c:v>68.210000000007696</c:v>
                </c:pt>
                <c:pt idx="4922">
                  <c:v>68.220000000007701</c:v>
                </c:pt>
                <c:pt idx="4923">
                  <c:v>68.230000000007706</c:v>
                </c:pt>
                <c:pt idx="4924">
                  <c:v>68.240000000007697</c:v>
                </c:pt>
                <c:pt idx="4925">
                  <c:v>68.250000000007702</c:v>
                </c:pt>
                <c:pt idx="4926">
                  <c:v>68.260000000007693</c:v>
                </c:pt>
                <c:pt idx="4927">
                  <c:v>68.270000000007698</c:v>
                </c:pt>
                <c:pt idx="4928">
                  <c:v>68.280000000007703</c:v>
                </c:pt>
                <c:pt idx="4929">
                  <c:v>68.290000000007694</c:v>
                </c:pt>
                <c:pt idx="4930">
                  <c:v>68.300000000007699</c:v>
                </c:pt>
                <c:pt idx="4931">
                  <c:v>68.310000000007705</c:v>
                </c:pt>
                <c:pt idx="4932">
                  <c:v>68.320000000007695</c:v>
                </c:pt>
                <c:pt idx="4933">
                  <c:v>68.330000000007701</c:v>
                </c:pt>
                <c:pt idx="4934">
                  <c:v>68.340000000007706</c:v>
                </c:pt>
                <c:pt idx="4935">
                  <c:v>68.350000000007697</c:v>
                </c:pt>
                <c:pt idx="4936">
                  <c:v>68.360000000007702</c:v>
                </c:pt>
                <c:pt idx="4937">
                  <c:v>68.370000000007707</c:v>
                </c:pt>
                <c:pt idx="4938">
                  <c:v>68.380000000007698</c:v>
                </c:pt>
                <c:pt idx="4939">
                  <c:v>68.390000000007703</c:v>
                </c:pt>
                <c:pt idx="4940">
                  <c:v>68.400000000007694</c:v>
                </c:pt>
                <c:pt idx="4941">
                  <c:v>68.410000000007699</c:v>
                </c:pt>
                <c:pt idx="4942">
                  <c:v>68.420000000007704</c:v>
                </c:pt>
                <c:pt idx="4943">
                  <c:v>68.430000000007695</c:v>
                </c:pt>
                <c:pt idx="4944">
                  <c:v>68.4400000000077</c:v>
                </c:pt>
                <c:pt idx="4945">
                  <c:v>68.450000000007705</c:v>
                </c:pt>
                <c:pt idx="4946">
                  <c:v>68.460000000007696</c:v>
                </c:pt>
                <c:pt idx="4947">
                  <c:v>68.470000000007701</c:v>
                </c:pt>
                <c:pt idx="4948">
                  <c:v>68.480000000007706</c:v>
                </c:pt>
                <c:pt idx="4949">
                  <c:v>68.490000000007697</c:v>
                </c:pt>
                <c:pt idx="4950">
                  <c:v>68.500000000007702</c:v>
                </c:pt>
                <c:pt idx="4951">
                  <c:v>68.510000000007693</c:v>
                </c:pt>
                <c:pt idx="4952">
                  <c:v>68.520000000007698</c:v>
                </c:pt>
                <c:pt idx="4953">
                  <c:v>68.530000000007703</c:v>
                </c:pt>
                <c:pt idx="4954">
                  <c:v>68.540000000007694</c:v>
                </c:pt>
                <c:pt idx="4955">
                  <c:v>68.550000000007699</c:v>
                </c:pt>
                <c:pt idx="4956">
                  <c:v>68.560000000007705</c:v>
                </c:pt>
                <c:pt idx="4957">
                  <c:v>68.570000000007795</c:v>
                </c:pt>
                <c:pt idx="4958">
                  <c:v>68.5800000000078</c:v>
                </c:pt>
                <c:pt idx="4959">
                  <c:v>68.590000000007706</c:v>
                </c:pt>
                <c:pt idx="4960">
                  <c:v>68.600000000007796</c:v>
                </c:pt>
                <c:pt idx="4961">
                  <c:v>68.610000000007801</c:v>
                </c:pt>
                <c:pt idx="4962">
                  <c:v>68.620000000007806</c:v>
                </c:pt>
                <c:pt idx="4963">
                  <c:v>68.630000000007797</c:v>
                </c:pt>
                <c:pt idx="4964">
                  <c:v>68.640000000007802</c:v>
                </c:pt>
                <c:pt idx="4965">
                  <c:v>68.650000000007793</c:v>
                </c:pt>
                <c:pt idx="4966">
                  <c:v>68.660000000007798</c:v>
                </c:pt>
                <c:pt idx="4967">
                  <c:v>68.670000000007803</c:v>
                </c:pt>
                <c:pt idx="4968">
                  <c:v>68.680000000007794</c:v>
                </c:pt>
                <c:pt idx="4969">
                  <c:v>68.690000000007799</c:v>
                </c:pt>
                <c:pt idx="4970">
                  <c:v>68.700000000007805</c:v>
                </c:pt>
                <c:pt idx="4971">
                  <c:v>68.710000000007796</c:v>
                </c:pt>
                <c:pt idx="4972">
                  <c:v>68.720000000007801</c:v>
                </c:pt>
                <c:pt idx="4973">
                  <c:v>68.730000000007806</c:v>
                </c:pt>
                <c:pt idx="4974">
                  <c:v>68.740000000007797</c:v>
                </c:pt>
                <c:pt idx="4975">
                  <c:v>68.750000000007802</c:v>
                </c:pt>
                <c:pt idx="4976">
                  <c:v>68.760000000007807</c:v>
                </c:pt>
                <c:pt idx="4977">
                  <c:v>68.770000000007798</c:v>
                </c:pt>
                <c:pt idx="4978">
                  <c:v>68.780000000007803</c:v>
                </c:pt>
                <c:pt idx="4979">
                  <c:v>68.790000000007794</c:v>
                </c:pt>
                <c:pt idx="4980">
                  <c:v>68.800000000007799</c:v>
                </c:pt>
                <c:pt idx="4981">
                  <c:v>68.810000000007804</c:v>
                </c:pt>
                <c:pt idx="4982">
                  <c:v>68.820000000007795</c:v>
                </c:pt>
                <c:pt idx="4983">
                  <c:v>68.8300000000078</c:v>
                </c:pt>
                <c:pt idx="4984">
                  <c:v>68.840000000007805</c:v>
                </c:pt>
                <c:pt idx="4985">
                  <c:v>68.850000000007796</c:v>
                </c:pt>
                <c:pt idx="4986">
                  <c:v>68.860000000007801</c:v>
                </c:pt>
                <c:pt idx="4987">
                  <c:v>68.870000000007806</c:v>
                </c:pt>
                <c:pt idx="4988">
                  <c:v>68.880000000007797</c:v>
                </c:pt>
                <c:pt idx="4989">
                  <c:v>68.890000000007802</c:v>
                </c:pt>
                <c:pt idx="4990">
                  <c:v>68.900000000007793</c:v>
                </c:pt>
                <c:pt idx="4991">
                  <c:v>68.910000000007798</c:v>
                </c:pt>
                <c:pt idx="4992">
                  <c:v>68.920000000007803</c:v>
                </c:pt>
                <c:pt idx="4993">
                  <c:v>68.930000000007794</c:v>
                </c:pt>
                <c:pt idx="4994">
                  <c:v>68.940000000007799</c:v>
                </c:pt>
                <c:pt idx="4995">
                  <c:v>68.950000000007805</c:v>
                </c:pt>
                <c:pt idx="4996">
                  <c:v>68.960000000007796</c:v>
                </c:pt>
                <c:pt idx="4997">
                  <c:v>68.970000000007801</c:v>
                </c:pt>
                <c:pt idx="4998">
                  <c:v>68.980000000007806</c:v>
                </c:pt>
                <c:pt idx="4999">
                  <c:v>68.990000000007797</c:v>
                </c:pt>
                <c:pt idx="5000">
                  <c:v>69.000000000007802</c:v>
                </c:pt>
                <c:pt idx="5001">
                  <c:v>69.010000000007807</c:v>
                </c:pt>
                <c:pt idx="5002">
                  <c:v>69.020000000007798</c:v>
                </c:pt>
                <c:pt idx="5003">
                  <c:v>69.030000000007803</c:v>
                </c:pt>
                <c:pt idx="5004">
                  <c:v>69.040000000007794</c:v>
                </c:pt>
                <c:pt idx="5005">
                  <c:v>69.050000000007799</c:v>
                </c:pt>
                <c:pt idx="5006">
                  <c:v>69.060000000007804</c:v>
                </c:pt>
                <c:pt idx="5007">
                  <c:v>69.070000000007795</c:v>
                </c:pt>
                <c:pt idx="5008">
                  <c:v>69.0800000000078</c:v>
                </c:pt>
                <c:pt idx="5009">
                  <c:v>69.090000000007805</c:v>
                </c:pt>
                <c:pt idx="5010">
                  <c:v>69.100000000007796</c:v>
                </c:pt>
                <c:pt idx="5011">
                  <c:v>69.110000000007801</c:v>
                </c:pt>
                <c:pt idx="5012">
                  <c:v>69.120000000007806</c:v>
                </c:pt>
                <c:pt idx="5013">
                  <c:v>69.130000000007797</c:v>
                </c:pt>
                <c:pt idx="5014">
                  <c:v>69.140000000007802</c:v>
                </c:pt>
                <c:pt idx="5015">
                  <c:v>69.150000000007793</c:v>
                </c:pt>
                <c:pt idx="5016">
                  <c:v>69.160000000007798</c:v>
                </c:pt>
                <c:pt idx="5017">
                  <c:v>69.170000000007803</c:v>
                </c:pt>
                <c:pt idx="5018">
                  <c:v>69.180000000007794</c:v>
                </c:pt>
                <c:pt idx="5019">
                  <c:v>69.190000000007799</c:v>
                </c:pt>
                <c:pt idx="5020">
                  <c:v>69.200000000007805</c:v>
                </c:pt>
                <c:pt idx="5021">
                  <c:v>69.210000000007895</c:v>
                </c:pt>
                <c:pt idx="5022">
                  <c:v>69.2200000000079</c:v>
                </c:pt>
                <c:pt idx="5023">
                  <c:v>69.230000000007806</c:v>
                </c:pt>
                <c:pt idx="5024">
                  <c:v>69.240000000007896</c:v>
                </c:pt>
                <c:pt idx="5025">
                  <c:v>69.250000000007901</c:v>
                </c:pt>
                <c:pt idx="5026">
                  <c:v>69.260000000007906</c:v>
                </c:pt>
                <c:pt idx="5027">
                  <c:v>69.270000000007897</c:v>
                </c:pt>
                <c:pt idx="5028">
                  <c:v>69.280000000007902</c:v>
                </c:pt>
                <c:pt idx="5029">
                  <c:v>69.290000000007893</c:v>
                </c:pt>
                <c:pt idx="5030">
                  <c:v>69.300000000007898</c:v>
                </c:pt>
                <c:pt idx="5031">
                  <c:v>69.310000000007904</c:v>
                </c:pt>
                <c:pt idx="5032">
                  <c:v>69.320000000007894</c:v>
                </c:pt>
                <c:pt idx="5033">
                  <c:v>69.3300000000079</c:v>
                </c:pt>
                <c:pt idx="5034">
                  <c:v>69.340000000007905</c:v>
                </c:pt>
                <c:pt idx="5035">
                  <c:v>69.350000000007896</c:v>
                </c:pt>
                <c:pt idx="5036">
                  <c:v>69.360000000007901</c:v>
                </c:pt>
                <c:pt idx="5037">
                  <c:v>69.370000000007906</c:v>
                </c:pt>
                <c:pt idx="5038">
                  <c:v>69.380000000007897</c:v>
                </c:pt>
                <c:pt idx="5039">
                  <c:v>69.390000000007902</c:v>
                </c:pt>
                <c:pt idx="5040">
                  <c:v>69.400000000007907</c:v>
                </c:pt>
                <c:pt idx="5041">
                  <c:v>69.410000000007898</c:v>
                </c:pt>
                <c:pt idx="5042">
                  <c:v>69.420000000007903</c:v>
                </c:pt>
                <c:pt idx="5043">
                  <c:v>69.430000000007894</c:v>
                </c:pt>
                <c:pt idx="5044">
                  <c:v>69.440000000007899</c:v>
                </c:pt>
                <c:pt idx="5045">
                  <c:v>69.450000000007904</c:v>
                </c:pt>
                <c:pt idx="5046">
                  <c:v>69.460000000007895</c:v>
                </c:pt>
                <c:pt idx="5047">
                  <c:v>69.4700000000079</c:v>
                </c:pt>
                <c:pt idx="5048">
                  <c:v>69.480000000007905</c:v>
                </c:pt>
                <c:pt idx="5049">
                  <c:v>69.490000000007896</c:v>
                </c:pt>
                <c:pt idx="5050">
                  <c:v>69.500000000007901</c:v>
                </c:pt>
                <c:pt idx="5051">
                  <c:v>69.510000000007906</c:v>
                </c:pt>
                <c:pt idx="5052">
                  <c:v>69.520000000007897</c:v>
                </c:pt>
                <c:pt idx="5053">
                  <c:v>69.530000000007902</c:v>
                </c:pt>
                <c:pt idx="5054">
                  <c:v>69.540000000007893</c:v>
                </c:pt>
                <c:pt idx="5055">
                  <c:v>69.550000000007898</c:v>
                </c:pt>
                <c:pt idx="5056">
                  <c:v>69.560000000007904</c:v>
                </c:pt>
                <c:pt idx="5057">
                  <c:v>69.570000000007894</c:v>
                </c:pt>
                <c:pt idx="5058">
                  <c:v>69.5800000000079</c:v>
                </c:pt>
                <c:pt idx="5059">
                  <c:v>69.590000000007905</c:v>
                </c:pt>
                <c:pt idx="5060">
                  <c:v>69.600000000007896</c:v>
                </c:pt>
                <c:pt idx="5061">
                  <c:v>69.610000000007901</c:v>
                </c:pt>
                <c:pt idx="5062">
                  <c:v>69.620000000007906</c:v>
                </c:pt>
                <c:pt idx="5063">
                  <c:v>69.630000000007897</c:v>
                </c:pt>
                <c:pt idx="5064">
                  <c:v>69.640000000007902</c:v>
                </c:pt>
                <c:pt idx="5065">
                  <c:v>69.650000000007907</c:v>
                </c:pt>
                <c:pt idx="5066">
                  <c:v>69.660000000007898</c:v>
                </c:pt>
                <c:pt idx="5067">
                  <c:v>69.670000000007903</c:v>
                </c:pt>
                <c:pt idx="5068">
                  <c:v>69.680000000007894</c:v>
                </c:pt>
                <c:pt idx="5069">
                  <c:v>69.690000000007899</c:v>
                </c:pt>
                <c:pt idx="5070">
                  <c:v>69.700000000007904</c:v>
                </c:pt>
                <c:pt idx="5071">
                  <c:v>69.710000000007895</c:v>
                </c:pt>
                <c:pt idx="5072">
                  <c:v>69.7200000000079</c:v>
                </c:pt>
                <c:pt idx="5073">
                  <c:v>69.730000000007905</c:v>
                </c:pt>
                <c:pt idx="5074">
                  <c:v>69.740000000007896</c:v>
                </c:pt>
                <c:pt idx="5075">
                  <c:v>69.750000000007901</c:v>
                </c:pt>
                <c:pt idx="5076">
                  <c:v>69.760000000007906</c:v>
                </c:pt>
                <c:pt idx="5077">
                  <c:v>69.770000000007897</c:v>
                </c:pt>
                <c:pt idx="5078">
                  <c:v>69.780000000007902</c:v>
                </c:pt>
                <c:pt idx="5079">
                  <c:v>69.790000000007893</c:v>
                </c:pt>
                <c:pt idx="5080">
                  <c:v>69.800000000007898</c:v>
                </c:pt>
                <c:pt idx="5081">
                  <c:v>69.810000000007904</c:v>
                </c:pt>
                <c:pt idx="5082">
                  <c:v>69.820000000007894</c:v>
                </c:pt>
                <c:pt idx="5083">
                  <c:v>69.8300000000079</c:v>
                </c:pt>
                <c:pt idx="5084">
                  <c:v>69.840000000007905</c:v>
                </c:pt>
                <c:pt idx="5085">
                  <c:v>69.850000000007995</c:v>
                </c:pt>
                <c:pt idx="5086">
                  <c:v>69.860000000008</c:v>
                </c:pt>
                <c:pt idx="5087">
                  <c:v>69.870000000007906</c:v>
                </c:pt>
                <c:pt idx="5088">
                  <c:v>69.880000000007996</c:v>
                </c:pt>
                <c:pt idx="5089">
                  <c:v>69.890000000008001</c:v>
                </c:pt>
                <c:pt idx="5090">
                  <c:v>69.900000000008006</c:v>
                </c:pt>
                <c:pt idx="5091">
                  <c:v>69.910000000007997</c:v>
                </c:pt>
                <c:pt idx="5092">
                  <c:v>69.920000000008002</c:v>
                </c:pt>
                <c:pt idx="5093">
                  <c:v>69.930000000007993</c:v>
                </c:pt>
                <c:pt idx="5094">
                  <c:v>69.940000000007998</c:v>
                </c:pt>
                <c:pt idx="5095">
                  <c:v>69.950000000008004</c:v>
                </c:pt>
                <c:pt idx="5096">
                  <c:v>69.960000000007994</c:v>
                </c:pt>
                <c:pt idx="5097">
                  <c:v>69.970000000008</c:v>
                </c:pt>
                <c:pt idx="5098">
                  <c:v>69.980000000008005</c:v>
                </c:pt>
                <c:pt idx="5099">
                  <c:v>69.990000000007996</c:v>
                </c:pt>
                <c:pt idx="5100">
                  <c:v>70.000000000008001</c:v>
                </c:pt>
                <c:pt idx="5101">
                  <c:v>70.010000000008006</c:v>
                </c:pt>
                <c:pt idx="5102">
                  <c:v>70.020000000007997</c:v>
                </c:pt>
                <c:pt idx="5103">
                  <c:v>70.030000000008002</c:v>
                </c:pt>
                <c:pt idx="5104">
                  <c:v>70.040000000008007</c:v>
                </c:pt>
                <c:pt idx="5105">
                  <c:v>70.050000000007998</c:v>
                </c:pt>
                <c:pt idx="5106">
                  <c:v>70.060000000008003</c:v>
                </c:pt>
                <c:pt idx="5107">
                  <c:v>70.070000000007994</c:v>
                </c:pt>
                <c:pt idx="5108">
                  <c:v>70.080000000007999</c:v>
                </c:pt>
                <c:pt idx="5109">
                  <c:v>70.090000000008004</c:v>
                </c:pt>
                <c:pt idx="5110">
                  <c:v>70.100000000007995</c:v>
                </c:pt>
                <c:pt idx="5111">
                  <c:v>70.110000000008</c:v>
                </c:pt>
                <c:pt idx="5112">
                  <c:v>70.120000000008005</c:v>
                </c:pt>
                <c:pt idx="5113">
                  <c:v>70.130000000007996</c:v>
                </c:pt>
                <c:pt idx="5114">
                  <c:v>70.140000000008001</c:v>
                </c:pt>
                <c:pt idx="5115">
                  <c:v>70.150000000008006</c:v>
                </c:pt>
                <c:pt idx="5116">
                  <c:v>70.160000000007997</c:v>
                </c:pt>
                <c:pt idx="5117">
                  <c:v>70.170000000008002</c:v>
                </c:pt>
                <c:pt idx="5118">
                  <c:v>70.180000000007993</c:v>
                </c:pt>
                <c:pt idx="5119">
                  <c:v>70.190000000007998</c:v>
                </c:pt>
                <c:pt idx="5120">
                  <c:v>70.200000000008004</c:v>
                </c:pt>
                <c:pt idx="5121">
                  <c:v>70.210000000007994</c:v>
                </c:pt>
                <c:pt idx="5122">
                  <c:v>70.220000000008</c:v>
                </c:pt>
                <c:pt idx="5123">
                  <c:v>70.230000000008005</c:v>
                </c:pt>
                <c:pt idx="5124">
                  <c:v>70.240000000007996</c:v>
                </c:pt>
                <c:pt idx="5125">
                  <c:v>70.250000000008001</c:v>
                </c:pt>
                <c:pt idx="5126">
                  <c:v>70.260000000008006</c:v>
                </c:pt>
                <c:pt idx="5127">
                  <c:v>70.270000000007997</c:v>
                </c:pt>
                <c:pt idx="5128">
                  <c:v>70.280000000008002</c:v>
                </c:pt>
                <c:pt idx="5129">
                  <c:v>70.290000000008007</c:v>
                </c:pt>
                <c:pt idx="5130">
                  <c:v>70.300000000007998</c:v>
                </c:pt>
                <c:pt idx="5131">
                  <c:v>70.310000000008003</c:v>
                </c:pt>
                <c:pt idx="5132">
                  <c:v>70.320000000007994</c:v>
                </c:pt>
                <c:pt idx="5133">
                  <c:v>70.330000000007999</c:v>
                </c:pt>
                <c:pt idx="5134">
                  <c:v>70.340000000008004</c:v>
                </c:pt>
                <c:pt idx="5135">
                  <c:v>70.350000000007995</c:v>
                </c:pt>
                <c:pt idx="5136">
                  <c:v>70.360000000008</c:v>
                </c:pt>
                <c:pt idx="5137">
                  <c:v>70.370000000008005</c:v>
                </c:pt>
                <c:pt idx="5138">
                  <c:v>70.380000000007996</c:v>
                </c:pt>
                <c:pt idx="5139">
                  <c:v>70.390000000008001</c:v>
                </c:pt>
                <c:pt idx="5140">
                  <c:v>70.400000000008006</c:v>
                </c:pt>
                <c:pt idx="5141">
                  <c:v>70.410000000007997</c:v>
                </c:pt>
                <c:pt idx="5142">
                  <c:v>70.420000000008002</c:v>
                </c:pt>
                <c:pt idx="5143">
                  <c:v>70.430000000007993</c:v>
                </c:pt>
                <c:pt idx="5144">
                  <c:v>70.440000000007998</c:v>
                </c:pt>
                <c:pt idx="5145">
                  <c:v>70.450000000008004</c:v>
                </c:pt>
                <c:pt idx="5146">
                  <c:v>70.460000000007994</c:v>
                </c:pt>
                <c:pt idx="5147">
                  <c:v>70.470000000008</c:v>
                </c:pt>
                <c:pt idx="5148">
                  <c:v>70.480000000008005</c:v>
                </c:pt>
                <c:pt idx="5149">
                  <c:v>70.490000000008095</c:v>
                </c:pt>
                <c:pt idx="5150">
                  <c:v>70.5000000000081</c:v>
                </c:pt>
                <c:pt idx="5151">
                  <c:v>70.510000000008006</c:v>
                </c:pt>
                <c:pt idx="5152">
                  <c:v>70.520000000008096</c:v>
                </c:pt>
                <c:pt idx="5153">
                  <c:v>70.530000000008101</c:v>
                </c:pt>
                <c:pt idx="5154">
                  <c:v>70.540000000008106</c:v>
                </c:pt>
                <c:pt idx="5155">
                  <c:v>70.550000000008097</c:v>
                </c:pt>
                <c:pt idx="5156">
                  <c:v>70.560000000008102</c:v>
                </c:pt>
                <c:pt idx="5157">
                  <c:v>70.570000000008093</c:v>
                </c:pt>
                <c:pt idx="5158">
                  <c:v>70.580000000008098</c:v>
                </c:pt>
                <c:pt idx="5159">
                  <c:v>70.590000000008104</c:v>
                </c:pt>
                <c:pt idx="5160">
                  <c:v>70.600000000008095</c:v>
                </c:pt>
                <c:pt idx="5161">
                  <c:v>70.6100000000081</c:v>
                </c:pt>
                <c:pt idx="5162">
                  <c:v>70.620000000008105</c:v>
                </c:pt>
                <c:pt idx="5163">
                  <c:v>70.630000000008096</c:v>
                </c:pt>
                <c:pt idx="5164">
                  <c:v>70.640000000008101</c:v>
                </c:pt>
                <c:pt idx="5165">
                  <c:v>70.650000000008106</c:v>
                </c:pt>
                <c:pt idx="5166">
                  <c:v>70.660000000008097</c:v>
                </c:pt>
                <c:pt idx="5167">
                  <c:v>70.670000000008102</c:v>
                </c:pt>
                <c:pt idx="5168">
                  <c:v>70.680000000008107</c:v>
                </c:pt>
                <c:pt idx="5169">
                  <c:v>70.690000000008098</c:v>
                </c:pt>
                <c:pt idx="5170">
                  <c:v>70.700000000008103</c:v>
                </c:pt>
                <c:pt idx="5171">
                  <c:v>70.710000000008094</c:v>
                </c:pt>
                <c:pt idx="5172">
                  <c:v>70.720000000008099</c:v>
                </c:pt>
                <c:pt idx="5173">
                  <c:v>70.730000000008104</c:v>
                </c:pt>
                <c:pt idx="5174">
                  <c:v>70.740000000008095</c:v>
                </c:pt>
                <c:pt idx="5175">
                  <c:v>70.7500000000081</c:v>
                </c:pt>
                <c:pt idx="5176">
                  <c:v>70.760000000008105</c:v>
                </c:pt>
                <c:pt idx="5177">
                  <c:v>70.770000000008096</c:v>
                </c:pt>
                <c:pt idx="5178">
                  <c:v>70.780000000008101</c:v>
                </c:pt>
                <c:pt idx="5179">
                  <c:v>70.790000000008106</c:v>
                </c:pt>
                <c:pt idx="5180">
                  <c:v>70.800000000008097</c:v>
                </c:pt>
                <c:pt idx="5181">
                  <c:v>70.810000000008102</c:v>
                </c:pt>
                <c:pt idx="5182">
                  <c:v>70.820000000008093</c:v>
                </c:pt>
                <c:pt idx="5183">
                  <c:v>70.830000000008098</c:v>
                </c:pt>
                <c:pt idx="5184">
                  <c:v>70.840000000008104</c:v>
                </c:pt>
                <c:pt idx="5185">
                  <c:v>70.850000000008095</c:v>
                </c:pt>
                <c:pt idx="5186">
                  <c:v>70.8600000000081</c:v>
                </c:pt>
                <c:pt idx="5187">
                  <c:v>70.870000000008105</c:v>
                </c:pt>
                <c:pt idx="5188">
                  <c:v>70.880000000008096</c:v>
                </c:pt>
                <c:pt idx="5189">
                  <c:v>70.890000000008101</c:v>
                </c:pt>
                <c:pt idx="5190">
                  <c:v>70.900000000008106</c:v>
                </c:pt>
                <c:pt idx="5191">
                  <c:v>70.910000000008097</c:v>
                </c:pt>
                <c:pt idx="5192">
                  <c:v>70.920000000008102</c:v>
                </c:pt>
                <c:pt idx="5193">
                  <c:v>70.930000000008107</c:v>
                </c:pt>
                <c:pt idx="5194">
                  <c:v>70.940000000008098</c:v>
                </c:pt>
                <c:pt idx="5195">
                  <c:v>70.950000000008103</c:v>
                </c:pt>
                <c:pt idx="5196">
                  <c:v>70.960000000008094</c:v>
                </c:pt>
                <c:pt idx="5197">
                  <c:v>70.970000000008099</c:v>
                </c:pt>
                <c:pt idx="5198">
                  <c:v>70.980000000008104</c:v>
                </c:pt>
                <c:pt idx="5199">
                  <c:v>70.990000000008095</c:v>
                </c:pt>
                <c:pt idx="5200">
                  <c:v>71.0000000000081</c:v>
                </c:pt>
                <c:pt idx="5201">
                  <c:v>71.010000000008105</c:v>
                </c:pt>
                <c:pt idx="5202">
                  <c:v>71.020000000008096</c:v>
                </c:pt>
                <c:pt idx="5203">
                  <c:v>71.030000000008101</c:v>
                </c:pt>
                <c:pt idx="5204">
                  <c:v>71.040000000008106</c:v>
                </c:pt>
                <c:pt idx="5205">
                  <c:v>71.050000000008097</c:v>
                </c:pt>
                <c:pt idx="5206">
                  <c:v>71.060000000008102</c:v>
                </c:pt>
                <c:pt idx="5207">
                  <c:v>71.070000000008093</c:v>
                </c:pt>
                <c:pt idx="5208">
                  <c:v>71.080000000008098</c:v>
                </c:pt>
                <c:pt idx="5209">
                  <c:v>71.090000000008104</c:v>
                </c:pt>
                <c:pt idx="5210">
                  <c:v>71.100000000008095</c:v>
                </c:pt>
                <c:pt idx="5211">
                  <c:v>71.1100000000081</c:v>
                </c:pt>
                <c:pt idx="5212">
                  <c:v>71.120000000008105</c:v>
                </c:pt>
                <c:pt idx="5213">
                  <c:v>71.130000000008195</c:v>
                </c:pt>
                <c:pt idx="5214">
                  <c:v>71.1400000000082</c:v>
                </c:pt>
                <c:pt idx="5215">
                  <c:v>71.150000000008106</c:v>
                </c:pt>
                <c:pt idx="5216">
                  <c:v>71.160000000008196</c:v>
                </c:pt>
                <c:pt idx="5217">
                  <c:v>71.170000000008201</c:v>
                </c:pt>
                <c:pt idx="5218">
                  <c:v>71.180000000008206</c:v>
                </c:pt>
                <c:pt idx="5219">
                  <c:v>71.190000000008197</c:v>
                </c:pt>
                <c:pt idx="5220">
                  <c:v>71.200000000008203</c:v>
                </c:pt>
                <c:pt idx="5221">
                  <c:v>71.210000000008193</c:v>
                </c:pt>
                <c:pt idx="5222">
                  <c:v>71.220000000008199</c:v>
                </c:pt>
                <c:pt idx="5223">
                  <c:v>71.230000000008204</c:v>
                </c:pt>
                <c:pt idx="5224">
                  <c:v>71.240000000008195</c:v>
                </c:pt>
                <c:pt idx="5225">
                  <c:v>71.2500000000082</c:v>
                </c:pt>
                <c:pt idx="5226">
                  <c:v>71.260000000008205</c:v>
                </c:pt>
                <c:pt idx="5227">
                  <c:v>71.270000000008196</c:v>
                </c:pt>
                <c:pt idx="5228">
                  <c:v>71.280000000008201</c:v>
                </c:pt>
                <c:pt idx="5229">
                  <c:v>71.290000000008206</c:v>
                </c:pt>
                <c:pt idx="5230">
                  <c:v>71.300000000008197</c:v>
                </c:pt>
                <c:pt idx="5231">
                  <c:v>71.310000000008202</c:v>
                </c:pt>
                <c:pt idx="5232">
                  <c:v>71.320000000008207</c:v>
                </c:pt>
                <c:pt idx="5233">
                  <c:v>71.330000000008198</c:v>
                </c:pt>
                <c:pt idx="5234">
                  <c:v>71.340000000008203</c:v>
                </c:pt>
                <c:pt idx="5235">
                  <c:v>71.350000000008194</c:v>
                </c:pt>
                <c:pt idx="5236">
                  <c:v>71.360000000008199</c:v>
                </c:pt>
                <c:pt idx="5237">
                  <c:v>71.370000000008204</c:v>
                </c:pt>
                <c:pt idx="5238">
                  <c:v>71.380000000008195</c:v>
                </c:pt>
                <c:pt idx="5239">
                  <c:v>71.3900000000082</c:v>
                </c:pt>
                <c:pt idx="5240">
                  <c:v>71.400000000008205</c:v>
                </c:pt>
                <c:pt idx="5241">
                  <c:v>71.410000000008196</c:v>
                </c:pt>
                <c:pt idx="5242">
                  <c:v>71.420000000008201</c:v>
                </c:pt>
                <c:pt idx="5243">
                  <c:v>71.430000000008206</c:v>
                </c:pt>
                <c:pt idx="5244">
                  <c:v>71.440000000008197</c:v>
                </c:pt>
                <c:pt idx="5245">
                  <c:v>71.450000000008203</c:v>
                </c:pt>
                <c:pt idx="5246">
                  <c:v>71.460000000008193</c:v>
                </c:pt>
                <c:pt idx="5247">
                  <c:v>71.470000000008199</c:v>
                </c:pt>
                <c:pt idx="5248">
                  <c:v>71.480000000008204</c:v>
                </c:pt>
                <c:pt idx="5249">
                  <c:v>71.490000000008195</c:v>
                </c:pt>
                <c:pt idx="5250">
                  <c:v>71.5000000000082</c:v>
                </c:pt>
                <c:pt idx="5251">
                  <c:v>71.510000000008205</c:v>
                </c:pt>
                <c:pt idx="5252">
                  <c:v>71.520000000008196</c:v>
                </c:pt>
                <c:pt idx="5253">
                  <c:v>71.530000000008201</c:v>
                </c:pt>
                <c:pt idx="5254">
                  <c:v>71.540000000008206</c:v>
                </c:pt>
                <c:pt idx="5255">
                  <c:v>71.550000000008197</c:v>
                </c:pt>
                <c:pt idx="5256">
                  <c:v>71.560000000008202</c:v>
                </c:pt>
                <c:pt idx="5257">
                  <c:v>71.570000000008207</c:v>
                </c:pt>
                <c:pt idx="5258">
                  <c:v>71.580000000008198</c:v>
                </c:pt>
                <c:pt idx="5259">
                  <c:v>71.590000000008203</c:v>
                </c:pt>
                <c:pt idx="5260">
                  <c:v>71.600000000008194</c:v>
                </c:pt>
                <c:pt idx="5261">
                  <c:v>71.610000000008199</c:v>
                </c:pt>
                <c:pt idx="5262">
                  <c:v>71.620000000008204</c:v>
                </c:pt>
                <c:pt idx="5263">
                  <c:v>71.630000000008195</c:v>
                </c:pt>
                <c:pt idx="5264">
                  <c:v>71.6400000000082</c:v>
                </c:pt>
                <c:pt idx="5265">
                  <c:v>71.650000000008205</c:v>
                </c:pt>
                <c:pt idx="5266">
                  <c:v>71.660000000008196</c:v>
                </c:pt>
                <c:pt idx="5267">
                  <c:v>71.670000000008201</c:v>
                </c:pt>
                <c:pt idx="5268">
                  <c:v>71.680000000008206</c:v>
                </c:pt>
                <c:pt idx="5269">
                  <c:v>71.690000000008197</c:v>
                </c:pt>
                <c:pt idx="5270">
                  <c:v>71.700000000008203</c:v>
                </c:pt>
                <c:pt idx="5271">
                  <c:v>71.710000000008193</c:v>
                </c:pt>
                <c:pt idx="5272">
                  <c:v>71.720000000008199</c:v>
                </c:pt>
                <c:pt idx="5273">
                  <c:v>71.730000000008204</c:v>
                </c:pt>
                <c:pt idx="5274">
                  <c:v>71.740000000008195</c:v>
                </c:pt>
                <c:pt idx="5275">
                  <c:v>71.7500000000082</c:v>
                </c:pt>
                <c:pt idx="5276">
                  <c:v>71.760000000008205</c:v>
                </c:pt>
                <c:pt idx="5277">
                  <c:v>71.770000000008295</c:v>
                </c:pt>
                <c:pt idx="5278">
                  <c:v>71.7800000000083</c:v>
                </c:pt>
                <c:pt idx="5279">
                  <c:v>71.790000000008206</c:v>
                </c:pt>
                <c:pt idx="5280">
                  <c:v>71.800000000008296</c:v>
                </c:pt>
                <c:pt idx="5281">
                  <c:v>71.810000000008301</c:v>
                </c:pt>
                <c:pt idx="5282">
                  <c:v>71.820000000008307</c:v>
                </c:pt>
                <c:pt idx="5283">
                  <c:v>71.830000000008297</c:v>
                </c:pt>
                <c:pt idx="5284">
                  <c:v>71.840000000008303</c:v>
                </c:pt>
                <c:pt idx="5285">
                  <c:v>71.850000000008293</c:v>
                </c:pt>
                <c:pt idx="5286">
                  <c:v>71.860000000008299</c:v>
                </c:pt>
                <c:pt idx="5287">
                  <c:v>71.870000000008304</c:v>
                </c:pt>
                <c:pt idx="5288">
                  <c:v>71.880000000008295</c:v>
                </c:pt>
                <c:pt idx="5289">
                  <c:v>71.8900000000083</c:v>
                </c:pt>
                <c:pt idx="5290">
                  <c:v>71.900000000008305</c:v>
                </c:pt>
                <c:pt idx="5291">
                  <c:v>71.910000000008296</c:v>
                </c:pt>
                <c:pt idx="5292">
                  <c:v>71.920000000008301</c:v>
                </c:pt>
                <c:pt idx="5293">
                  <c:v>71.930000000008306</c:v>
                </c:pt>
                <c:pt idx="5294">
                  <c:v>71.940000000008297</c:v>
                </c:pt>
                <c:pt idx="5295">
                  <c:v>71.950000000008302</c:v>
                </c:pt>
                <c:pt idx="5296">
                  <c:v>71.960000000008307</c:v>
                </c:pt>
                <c:pt idx="5297">
                  <c:v>71.970000000008298</c:v>
                </c:pt>
                <c:pt idx="5298">
                  <c:v>71.980000000008303</c:v>
                </c:pt>
                <c:pt idx="5299">
                  <c:v>71.990000000008294</c:v>
                </c:pt>
                <c:pt idx="5300">
                  <c:v>72.000000000008299</c:v>
                </c:pt>
                <c:pt idx="5301">
                  <c:v>72.010000000008304</c:v>
                </c:pt>
                <c:pt idx="5302">
                  <c:v>72.020000000008295</c:v>
                </c:pt>
                <c:pt idx="5303">
                  <c:v>72.0300000000083</c:v>
                </c:pt>
                <c:pt idx="5304">
                  <c:v>72.040000000008305</c:v>
                </c:pt>
                <c:pt idx="5305">
                  <c:v>72.050000000008296</c:v>
                </c:pt>
                <c:pt idx="5306">
                  <c:v>72.060000000008301</c:v>
                </c:pt>
                <c:pt idx="5307">
                  <c:v>72.070000000008307</c:v>
                </c:pt>
                <c:pt idx="5308">
                  <c:v>72.080000000008297</c:v>
                </c:pt>
                <c:pt idx="5309">
                  <c:v>72.090000000008303</c:v>
                </c:pt>
                <c:pt idx="5310">
                  <c:v>72.100000000008293</c:v>
                </c:pt>
                <c:pt idx="5311">
                  <c:v>72.110000000008299</c:v>
                </c:pt>
                <c:pt idx="5312">
                  <c:v>72.120000000008304</c:v>
                </c:pt>
                <c:pt idx="5313">
                  <c:v>72.130000000008295</c:v>
                </c:pt>
                <c:pt idx="5314">
                  <c:v>72.1400000000083</c:v>
                </c:pt>
                <c:pt idx="5315">
                  <c:v>72.150000000008305</c:v>
                </c:pt>
                <c:pt idx="5316">
                  <c:v>72.160000000008296</c:v>
                </c:pt>
                <c:pt idx="5317">
                  <c:v>72.170000000008301</c:v>
                </c:pt>
                <c:pt idx="5318">
                  <c:v>72.180000000008306</c:v>
                </c:pt>
                <c:pt idx="5319">
                  <c:v>72.190000000008297</c:v>
                </c:pt>
                <c:pt idx="5320">
                  <c:v>72.200000000008302</c:v>
                </c:pt>
                <c:pt idx="5321">
                  <c:v>72.210000000008307</c:v>
                </c:pt>
                <c:pt idx="5322">
                  <c:v>72.220000000008298</c:v>
                </c:pt>
                <c:pt idx="5323">
                  <c:v>72.230000000008303</c:v>
                </c:pt>
                <c:pt idx="5324">
                  <c:v>72.240000000008294</c:v>
                </c:pt>
                <c:pt idx="5325">
                  <c:v>72.250000000008299</c:v>
                </c:pt>
                <c:pt idx="5326">
                  <c:v>72.260000000008304</c:v>
                </c:pt>
                <c:pt idx="5327">
                  <c:v>72.270000000008295</c:v>
                </c:pt>
                <c:pt idx="5328">
                  <c:v>72.2800000000083</c:v>
                </c:pt>
                <c:pt idx="5329">
                  <c:v>72.290000000008305</c:v>
                </c:pt>
                <c:pt idx="5330">
                  <c:v>72.300000000008296</c:v>
                </c:pt>
                <c:pt idx="5331">
                  <c:v>72.310000000008301</c:v>
                </c:pt>
                <c:pt idx="5332">
                  <c:v>72.320000000008307</c:v>
                </c:pt>
                <c:pt idx="5333">
                  <c:v>72.330000000008297</c:v>
                </c:pt>
                <c:pt idx="5334">
                  <c:v>72.340000000008303</c:v>
                </c:pt>
                <c:pt idx="5335">
                  <c:v>72.350000000008293</c:v>
                </c:pt>
                <c:pt idx="5336">
                  <c:v>72.360000000008299</c:v>
                </c:pt>
                <c:pt idx="5337">
                  <c:v>72.370000000008304</c:v>
                </c:pt>
                <c:pt idx="5338">
                  <c:v>72.380000000008295</c:v>
                </c:pt>
                <c:pt idx="5339">
                  <c:v>72.3900000000083</c:v>
                </c:pt>
                <c:pt idx="5340">
                  <c:v>72.400000000008305</c:v>
                </c:pt>
                <c:pt idx="5341">
                  <c:v>72.410000000008395</c:v>
                </c:pt>
                <c:pt idx="5342">
                  <c:v>72.4200000000084</c:v>
                </c:pt>
                <c:pt idx="5343">
                  <c:v>72.430000000008306</c:v>
                </c:pt>
                <c:pt idx="5344">
                  <c:v>72.440000000008396</c:v>
                </c:pt>
                <c:pt idx="5345">
                  <c:v>72.450000000008401</c:v>
                </c:pt>
                <c:pt idx="5346">
                  <c:v>72.460000000008407</c:v>
                </c:pt>
                <c:pt idx="5347">
                  <c:v>72.470000000008397</c:v>
                </c:pt>
                <c:pt idx="5348">
                  <c:v>72.480000000008403</c:v>
                </c:pt>
                <c:pt idx="5349">
                  <c:v>72.490000000008393</c:v>
                </c:pt>
                <c:pt idx="5350">
                  <c:v>72.500000000008399</c:v>
                </c:pt>
                <c:pt idx="5351">
                  <c:v>72.510000000008404</c:v>
                </c:pt>
                <c:pt idx="5352">
                  <c:v>72.520000000008395</c:v>
                </c:pt>
                <c:pt idx="5353">
                  <c:v>72.5300000000084</c:v>
                </c:pt>
                <c:pt idx="5354">
                  <c:v>72.540000000008405</c:v>
                </c:pt>
                <c:pt idx="5355">
                  <c:v>72.550000000008396</c:v>
                </c:pt>
                <c:pt idx="5356">
                  <c:v>72.560000000008401</c:v>
                </c:pt>
                <c:pt idx="5357">
                  <c:v>72.570000000008406</c:v>
                </c:pt>
                <c:pt idx="5358">
                  <c:v>72.580000000008397</c:v>
                </c:pt>
                <c:pt idx="5359">
                  <c:v>72.590000000008402</c:v>
                </c:pt>
                <c:pt idx="5360">
                  <c:v>72.600000000008393</c:v>
                </c:pt>
                <c:pt idx="5361">
                  <c:v>72.610000000008398</c:v>
                </c:pt>
                <c:pt idx="5362">
                  <c:v>72.620000000008403</c:v>
                </c:pt>
                <c:pt idx="5363">
                  <c:v>72.630000000008394</c:v>
                </c:pt>
                <c:pt idx="5364">
                  <c:v>72.640000000008399</c:v>
                </c:pt>
                <c:pt idx="5365">
                  <c:v>72.650000000008404</c:v>
                </c:pt>
                <c:pt idx="5366">
                  <c:v>72.660000000008395</c:v>
                </c:pt>
                <c:pt idx="5367">
                  <c:v>72.6700000000084</c:v>
                </c:pt>
                <c:pt idx="5368">
                  <c:v>72.680000000008405</c:v>
                </c:pt>
                <c:pt idx="5369">
                  <c:v>72.690000000008396</c:v>
                </c:pt>
                <c:pt idx="5370">
                  <c:v>72.700000000008401</c:v>
                </c:pt>
                <c:pt idx="5371">
                  <c:v>72.710000000008407</c:v>
                </c:pt>
                <c:pt idx="5372">
                  <c:v>72.720000000008397</c:v>
                </c:pt>
                <c:pt idx="5373">
                  <c:v>72.730000000008403</c:v>
                </c:pt>
                <c:pt idx="5374">
                  <c:v>72.740000000008393</c:v>
                </c:pt>
                <c:pt idx="5375">
                  <c:v>72.750000000008399</c:v>
                </c:pt>
                <c:pt idx="5376">
                  <c:v>72.760000000008404</c:v>
                </c:pt>
                <c:pt idx="5377">
                  <c:v>72.770000000008395</c:v>
                </c:pt>
                <c:pt idx="5378">
                  <c:v>72.7800000000084</c:v>
                </c:pt>
                <c:pt idx="5379">
                  <c:v>72.790000000008405</c:v>
                </c:pt>
                <c:pt idx="5380">
                  <c:v>72.800000000008396</c:v>
                </c:pt>
                <c:pt idx="5381">
                  <c:v>72.810000000008401</c:v>
                </c:pt>
                <c:pt idx="5382">
                  <c:v>72.820000000008406</c:v>
                </c:pt>
                <c:pt idx="5383">
                  <c:v>72.830000000008397</c:v>
                </c:pt>
                <c:pt idx="5384">
                  <c:v>72.840000000008402</c:v>
                </c:pt>
                <c:pt idx="5385">
                  <c:v>72.850000000008393</c:v>
                </c:pt>
                <c:pt idx="5386">
                  <c:v>72.860000000008398</c:v>
                </c:pt>
                <c:pt idx="5387">
                  <c:v>72.870000000008403</c:v>
                </c:pt>
                <c:pt idx="5388">
                  <c:v>72.880000000008394</c:v>
                </c:pt>
                <c:pt idx="5389">
                  <c:v>72.890000000008399</c:v>
                </c:pt>
                <c:pt idx="5390">
                  <c:v>72.900000000008404</c:v>
                </c:pt>
                <c:pt idx="5391">
                  <c:v>72.910000000008395</c:v>
                </c:pt>
                <c:pt idx="5392">
                  <c:v>72.9200000000084</c:v>
                </c:pt>
                <c:pt idx="5393">
                  <c:v>72.930000000008405</c:v>
                </c:pt>
                <c:pt idx="5394">
                  <c:v>72.940000000008396</c:v>
                </c:pt>
                <c:pt idx="5395">
                  <c:v>72.950000000008401</c:v>
                </c:pt>
                <c:pt idx="5396">
                  <c:v>72.960000000008407</c:v>
                </c:pt>
                <c:pt idx="5397">
                  <c:v>72.970000000008397</c:v>
                </c:pt>
                <c:pt idx="5398">
                  <c:v>72.980000000008403</c:v>
                </c:pt>
                <c:pt idx="5399">
                  <c:v>72.990000000008393</c:v>
                </c:pt>
                <c:pt idx="5400">
                  <c:v>73.000000000008399</c:v>
                </c:pt>
                <c:pt idx="5401">
                  <c:v>73.010000000008404</c:v>
                </c:pt>
                <c:pt idx="5402">
                  <c:v>73.020000000008395</c:v>
                </c:pt>
                <c:pt idx="5403">
                  <c:v>73.0300000000084</c:v>
                </c:pt>
                <c:pt idx="5404">
                  <c:v>73.040000000008405</c:v>
                </c:pt>
                <c:pt idx="5405">
                  <c:v>73.050000000008495</c:v>
                </c:pt>
                <c:pt idx="5406">
                  <c:v>73.0600000000085</c:v>
                </c:pt>
                <c:pt idx="5407">
                  <c:v>73.070000000008406</c:v>
                </c:pt>
                <c:pt idx="5408">
                  <c:v>73.080000000008496</c:v>
                </c:pt>
                <c:pt idx="5409">
                  <c:v>73.090000000008502</c:v>
                </c:pt>
                <c:pt idx="5410">
                  <c:v>73.100000000008507</c:v>
                </c:pt>
                <c:pt idx="5411">
                  <c:v>73.110000000008498</c:v>
                </c:pt>
                <c:pt idx="5412">
                  <c:v>73.120000000008503</c:v>
                </c:pt>
                <c:pt idx="5413">
                  <c:v>73.130000000008494</c:v>
                </c:pt>
                <c:pt idx="5414">
                  <c:v>73.140000000008499</c:v>
                </c:pt>
                <c:pt idx="5415">
                  <c:v>73.150000000008504</c:v>
                </c:pt>
                <c:pt idx="5416">
                  <c:v>73.160000000008495</c:v>
                </c:pt>
                <c:pt idx="5417">
                  <c:v>73.1700000000085</c:v>
                </c:pt>
                <c:pt idx="5418">
                  <c:v>73.180000000008505</c:v>
                </c:pt>
                <c:pt idx="5419">
                  <c:v>73.190000000008496</c:v>
                </c:pt>
                <c:pt idx="5420">
                  <c:v>73.200000000008501</c:v>
                </c:pt>
                <c:pt idx="5421">
                  <c:v>73.210000000008506</c:v>
                </c:pt>
                <c:pt idx="5422">
                  <c:v>73.220000000008497</c:v>
                </c:pt>
                <c:pt idx="5423">
                  <c:v>73.230000000008502</c:v>
                </c:pt>
                <c:pt idx="5424">
                  <c:v>73.240000000008493</c:v>
                </c:pt>
                <c:pt idx="5425">
                  <c:v>73.250000000008498</c:v>
                </c:pt>
                <c:pt idx="5426">
                  <c:v>73.260000000008503</c:v>
                </c:pt>
                <c:pt idx="5427">
                  <c:v>73.270000000008494</c:v>
                </c:pt>
                <c:pt idx="5428">
                  <c:v>73.280000000008499</c:v>
                </c:pt>
                <c:pt idx="5429">
                  <c:v>73.290000000008504</c:v>
                </c:pt>
                <c:pt idx="5430">
                  <c:v>73.300000000008495</c:v>
                </c:pt>
                <c:pt idx="5431">
                  <c:v>73.3100000000085</c:v>
                </c:pt>
                <c:pt idx="5432">
                  <c:v>73.320000000008505</c:v>
                </c:pt>
                <c:pt idx="5433">
                  <c:v>73.330000000008496</c:v>
                </c:pt>
                <c:pt idx="5434">
                  <c:v>73.340000000008502</c:v>
                </c:pt>
                <c:pt idx="5435">
                  <c:v>73.350000000008507</c:v>
                </c:pt>
                <c:pt idx="5436">
                  <c:v>73.360000000008498</c:v>
                </c:pt>
                <c:pt idx="5437">
                  <c:v>73.370000000008503</c:v>
                </c:pt>
                <c:pt idx="5438">
                  <c:v>73.380000000008494</c:v>
                </c:pt>
                <c:pt idx="5439">
                  <c:v>73.390000000008499</c:v>
                </c:pt>
                <c:pt idx="5440">
                  <c:v>73.400000000008504</c:v>
                </c:pt>
                <c:pt idx="5441">
                  <c:v>73.410000000008495</c:v>
                </c:pt>
                <c:pt idx="5442">
                  <c:v>73.4200000000085</c:v>
                </c:pt>
                <c:pt idx="5443">
                  <c:v>73.430000000008505</c:v>
                </c:pt>
                <c:pt idx="5444">
                  <c:v>73.440000000008496</c:v>
                </c:pt>
                <c:pt idx="5445">
                  <c:v>73.450000000008501</c:v>
                </c:pt>
                <c:pt idx="5446">
                  <c:v>73.460000000008506</c:v>
                </c:pt>
                <c:pt idx="5447">
                  <c:v>73.470000000008497</c:v>
                </c:pt>
                <c:pt idx="5448">
                  <c:v>73.480000000008502</c:v>
                </c:pt>
                <c:pt idx="5449">
                  <c:v>73.490000000008493</c:v>
                </c:pt>
                <c:pt idx="5450">
                  <c:v>73.500000000008498</c:v>
                </c:pt>
                <c:pt idx="5451">
                  <c:v>73.510000000008503</c:v>
                </c:pt>
                <c:pt idx="5452">
                  <c:v>73.520000000008494</c:v>
                </c:pt>
                <c:pt idx="5453">
                  <c:v>73.530000000008499</c:v>
                </c:pt>
                <c:pt idx="5454">
                  <c:v>73.540000000008504</c:v>
                </c:pt>
                <c:pt idx="5455">
                  <c:v>73.550000000008495</c:v>
                </c:pt>
                <c:pt idx="5456">
                  <c:v>73.5600000000085</c:v>
                </c:pt>
                <c:pt idx="5457">
                  <c:v>73.570000000008505</c:v>
                </c:pt>
                <c:pt idx="5458">
                  <c:v>73.580000000008496</c:v>
                </c:pt>
                <c:pt idx="5459">
                  <c:v>73.590000000008502</c:v>
                </c:pt>
                <c:pt idx="5460">
                  <c:v>73.600000000008507</c:v>
                </c:pt>
                <c:pt idx="5461">
                  <c:v>73.610000000008498</c:v>
                </c:pt>
                <c:pt idx="5462">
                  <c:v>73.620000000008503</c:v>
                </c:pt>
                <c:pt idx="5463">
                  <c:v>73.630000000008494</c:v>
                </c:pt>
                <c:pt idx="5464">
                  <c:v>73.640000000008499</c:v>
                </c:pt>
                <c:pt idx="5465">
                  <c:v>73.650000000008504</c:v>
                </c:pt>
                <c:pt idx="5466">
                  <c:v>73.660000000008495</c:v>
                </c:pt>
                <c:pt idx="5467">
                  <c:v>73.6700000000085</c:v>
                </c:pt>
                <c:pt idx="5468">
                  <c:v>73.680000000008505</c:v>
                </c:pt>
                <c:pt idx="5469">
                  <c:v>73.690000000008595</c:v>
                </c:pt>
                <c:pt idx="5470">
                  <c:v>73.7000000000086</c:v>
                </c:pt>
                <c:pt idx="5471">
                  <c:v>73.710000000008506</c:v>
                </c:pt>
                <c:pt idx="5472">
                  <c:v>73.720000000008596</c:v>
                </c:pt>
                <c:pt idx="5473">
                  <c:v>73.730000000008602</c:v>
                </c:pt>
                <c:pt idx="5474">
                  <c:v>73.740000000008607</c:v>
                </c:pt>
                <c:pt idx="5475">
                  <c:v>73.750000000008598</c:v>
                </c:pt>
                <c:pt idx="5476">
                  <c:v>73.760000000008603</c:v>
                </c:pt>
                <c:pt idx="5477">
                  <c:v>73.770000000008594</c:v>
                </c:pt>
                <c:pt idx="5478">
                  <c:v>73.780000000008599</c:v>
                </c:pt>
                <c:pt idx="5479">
                  <c:v>73.790000000008604</c:v>
                </c:pt>
                <c:pt idx="5480">
                  <c:v>73.800000000008595</c:v>
                </c:pt>
                <c:pt idx="5481">
                  <c:v>73.8100000000086</c:v>
                </c:pt>
                <c:pt idx="5482">
                  <c:v>73.820000000008605</c:v>
                </c:pt>
                <c:pt idx="5483">
                  <c:v>73.830000000008596</c:v>
                </c:pt>
                <c:pt idx="5484">
                  <c:v>73.840000000008601</c:v>
                </c:pt>
                <c:pt idx="5485">
                  <c:v>73.850000000008606</c:v>
                </c:pt>
                <c:pt idx="5486">
                  <c:v>73.860000000008597</c:v>
                </c:pt>
                <c:pt idx="5487">
                  <c:v>73.870000000008602</c:v>
                </c:pt>
                <c:pt idx="5488">
                  <c:v>73.880000000008593</c:v>
                </c:pt>
                <c:pt idx="5489">
                  <c:v>73.890000000008598</c:v>
                </c:pt>
                <c:pt idx="5490">
                  <c:v>73.900000000008603</c:v>
                </c:pt>
                <c:pt idx="5491">
                  <c:v>73.910000000008594</c:v>
                </c:pt>
                <c:pt idx="5492">
                  <c:v>73.920000000008599</c:v>
                </c:pt>
                <c:pt idx="5493">
                  <c:v>73.930000000008604</c:v>
                </c:pt>
                <c:pt idx="5494">
                  <c:v>73.940000000008595</c:v>
                </c:pt>
                <c:pt idx="5495">
                  <c:v>73.9500000000086</c:v>
                </c:pt>
                <c:pt idx="5496">
                  <c:v>73.960000000008606</c:v>
                </c:pt>
                <c:pt idx="5497">
                  <c:v>73.970000000008596</c:v>
                </c:pt>
                <c:pt idx="5498">
                  <c:v>73.980000000008602</c:v>
                </c:pt>
                <c:pt idx="5499">
                  <c:v>73.990000000008607</c:v>
                </c:pt>
                <c:pt idx="5500">
                  <c:v>74.000000000008598</c:v>
                </c:pt>
                <c:pt idx="5501">
                  <c:v>74.010000000008603</c:v>
                </c:pt>
                <c:pt idx="5502">
                  <c:v>74.020000000008594</c:v>
                </c:pt>
                <c:pt idx="5503">
                  <c:v>74.030000000008599</c:v>
                </c:pt>
                <c:pt idx="5504">
                  <c:v>74.040000000008604</c:v>
                </c:pt>
                <c:pt idx="5505">
                  <c:v>74.050000000008595</c:v>
                </c:pt>
                <c:pt idx="5506">
                  <c:v>74.0600000000086</c:v>
                </c:pt>
                <c:pt idx="5507">
                  <c:v>74.070000000008605</c:v>
                </c:pt>
                <c:pt idx="5508">
                  <c:v>74.080000000008596</c:v>
                </c:pt>
                <c:pt idx="5509">
                  <c:v>74.090000000008601</c:v>
                </c:pt>
                <c:pt idx="5510">
                  <c:v>74.100000000008606</c:v>
                </c:pt>
                <c:pt idx="5511">
                  <c:v>74.110000000008597</c:v>
                </c:pt>
                <c:pt idx="5512">
                  <c:v>74.120000000008602</c:v>
                </c:pt>
                <c:pt idx="5513">
                  <c:v>74.130000000008593</c:v>
                </c:pt>
                <c:pt idx="5514">
                  <c:v>74.140000000008598</c:v>
                </c:pt>
                <c:pt idx="5515">
                  <c:v>74.150000000008603</c:v>
                </c:pt>
                <c:pt idx="5516">
                  <c:v>74.160000000008594</c:v>
                </c:pt>
                <c:pt idx="5517">
                  <c:v>74.170000000008599</c:v>
                </c:pt>
                <c:pt idx="5518">
                  <c:v>74.180000000008604</c:v>
                </c:pt>
                <c:pt idx="5519">
                  <c:v>74.190000000008595</c:v>
                </c:pt>
                <c:pt idx="5520">
                  <c:v>74.2000000000086</c:v>
                </c:pt>
                <c:pt idx="5521">
                  <c:v>74.210000000008606</c:v>
                </c:pt>
                <c:pt idx="5522">
                  <c:v>74.220000000008596</c:v>
                </c:pt>
                <c:pt idx="5523">
                  <c:v>74.230000000008602</c:v>
                </c:pt>
                <c:pt idx="5524">
                  <c:v>74.240000000008607</c:v>
                </c:pt>
                <c:pt idx="5525">
                  <c:v>74.250000000008598</c:v>
                </c:pt>
                <c:pt idx="5526">
                  <c:v>74.260000000008603</c:v>
                </c:pt>
                <c:pt idx="5527">
                  <c:v>74.270000000008594</c:v>
                </c:pt>
                <c:pt idx="5528">
                  <c:v>74.280000000008599</c:v>
                </c:pt>
                <c:pt idx="5529">
                  <c:v>74.290000000008604</c:v>
                </c:pt>
                <c:pt idx="5530">
                  <c:v>74.300000000008595</c:v>
                </c:pt>
                <c:pt idx="5531">
                  <c:v>74.3100000000086</c:v>
                </c:pt>
                <c:pt idx="5532">
                  <c:v>74.320000000008605</c:v>
                </c:pt>
                <c:pt idx="5533">
                  <c:v>74.330000000008695</c:v>
                </c:pt>
                <c:pt idx="5534">
                  <c:v>74.3400000000087</c:v>
                </c:pt>
                <c:pt idx="5535">
                  <c:v>74.350000000008606</c:v>
                </c:pt>
                <c:pt idx="5536">
                  <c:v>74.360000000008696</c:v>
                </c:pt>
                <c:pt idx="5537">
                  <c:v>74.370000000008702</c:v>
                </c:pt>
                <c:pt idx="5538">
                  <c:v>74.380000000008707</c:v>
                </c:pt>
                <c:pt idx="5539">
                  <c:v>74.390000000008698</c:v>
                </c:pt>
                <c:pt idx="5540">
                  <c:v>74.400000000008703</c:v>
                </c:pt>
                <c:pt idx="5541">
                  <c:v>74.410000000008694</c:v>
                </c:pt>
                <c:pt idx="5542">
                  <c:v>74.420000000008699</c:v>
                </c:pt>
                <c:pt idx="5543">
                  <c:v>74.430000000008704</c:v>
                </c:pt>
                <c:pt idx="5544">
                  <c:v>74.440000000008695</c:v>
                </c:pt>
                <c:pt idx="5545">
                  <c:v>74.4500000000087</c:v>
                </c:pt>
                <c:pt idx="5546">
                  <c:v>74.460000000008705</c:v>
                </c:pt>
                <c:pt idx="5547">
                  <c:v>74.470000000008696</c:v>
                </c:pt>
                <c:pt idx="5548">
                  <c:v>74.480000000008701</c:v>
                </c:pt>
                <c:pt idx="5549">
                  <c:v>74.490000000008706</c:v>
                </c:pt>
                <c:pt idx="5550">
                  <c:v>74.500000000008697</c:v>
                </c:pt>
                <c:pt idx="5551">
                  <c:v>74.510000000008702</c:v>
                </c:pt>
                <c:pt idx="5552">
                  <c:v>74.520000000008693</c:v>
                </c:pt>
                <c:pt idx="5553">
                  <c:v>74.530000000008698</c:v>
                </c:pt>
                <c:pt idx="5554">
                  <c:v>74.540000000008703</c:v>
                </c:pt>
                <c:pt idx="5555">
                  <c:v>74.550000000008694</c:v>
                </c:pt>
                <c:pt idx="5556">
                  <c:v>74.560000000008699</c:v>
                </c:pt>
                <c:pt idx="5557">
                  <c:v>74.570000000008704</c:v>
                </c:pt>
                <c:pt idx="5558">
                  <c:v>74.580000000008695</c:v>
                </c:pt>
                <c:pt idx="5559">
                  <c:v>74.5900000000087</c:v>
                </c:pt>
                <c:pt idx="5560">
                  <c:v>74.600000000008706</c:v>
                </c:pt>
                <c:pt idx="5561">
                  <c:v>74.610000000008696</c:v>
                </c:pt>
                <c:pt idx="5562">
                  <c:v>74.620000000008702</c:v>
                </c:pt>
                <c:pt idx="5563">
                  <c:v>74.630000000008707</c:v>
                </c:pt>
                <c:pt idx="5564">
                  <c:v>74.640000000008698</c:v>
                </c:pt>
                <c:pt idx="5565">
                  <c:v>74.650000000008703</c:v>
                </c:pt>
                <c:pt idx="5566">
                  <c:v>74.660000000008694</c:v>
                </c:pt>
                <c:pt idx="5567">
                  <c:v>74.670000000008699</c:v>
                </c:pt>
                <c:pt idx="5568">
                  <c:v>74.680000000008704</c:v>
                </c:pt>
                <c:pt idx="5569">
                  <c:v>74.690000000008695</c:v>
                </c:pt>
                <c:pt idx="5570">
                  <c:v>74.7000000000087</c:v>
                </c:pt>
                <c:pt idx="5571">
                  <c:v>74.710000000008705</c:v>
                </c:pt>
                <c:pt idx="5572">
                  <c:v>74.720000000008696</c:v>
                </c:pt>
                <c:pt idx="5573">
                  <c:v>74.730000000008701</c:v>
                </c:pt>
                <c:pt idx="5574">
                  <c:v>74.740000000008706</c:v>
                </c:pt>
                <c:pt idx="5575">
                  <c:v>74.750000000008697</c:v>
                </c:pt>
                <c:pt idx="5576">
                  <c:v>74.760000000008702</c:v>
                </c:pt>
                <c:pt idx="5577">
                  <c:v>74.770000000008693</c:v>
                </c:pt>
                <c:pt idx="5578">
                  <c:v>74.780000000008698</c:v>
                </c:pt>
                <c:pt idx="5579">
                  <c:v>74.790000000008703</c:v>
                </c:pt>
                <c:pt idx="5580">
                  <c:v>74.800000000008694</c:v>
                </c:pt>
                <c:pt idx="5581">
                  <c:v>74.810000000008699</c:v>
                </c:pt>
                <c:pt idx="5582">
                  <c:v>74.820000000008704</c:v>
                </c:pt>
                <c:pt idx="5583">
                  <c:v>74.830000000008695</c:v>
                </c:pt>
                <c:pt idx="5584">
                  <c:v>74.8400000000087</c:v>
                </c:pt>
                <c:pt idx="5585">
                  <c:v>74.850000000008706</c:v>
                </c:pt>
                <c:pt idx="5586">
                  <c:v>74.860000000008696</c:v>
                </c:pt>
                <c:pt idx="5587">
                  <c:v>74.870000000008702</c:v>
                </c:pt>
                <c:pt idx="5588">
                  <c:v>74.880000000008707</c:v>
                </c:pt>
                <c:pt idx="5589">
                  <c:v>74.890000000008698</c:v>
                </c:pt>
                <c:pt idx="5590">
                  <c:v>74.900000000008703</c:v>
                </c:pt>
                <c:pt idx="5591">
                  <c:v>74.910000000008694</c:v>
                </c:pt>
                <c:pt idx="5592">
                  <c:v>74.920000000008699</c:v>
                </c:pt>
                <c:pt idx="5593">
                  <c:v>74.930000000008704</c:v>
                </c:pt>
                <c:pt idx="5594">
                  <c:v>74.940000000008695</c:v>
                </c:pt>
                <c:pt idx="5595">
                  <c:v>74.9500000000087</c:v>
                </c:pt>
                <c:pt idx="5596">
                  <c:v>74.960000000008705</c:v>
                </c:pt>
                <c:pt idx="5597">
                  <c:v>74.970000000008795</c:v>
                </c:pt>
                <c:pt idx="5598">
                  <c:v>74.9800000000088</c:v>
                </c:pt>
                <c:pt idx="5599">
                  <c:v>74.990000000008706</c:v>
                </c:pt>
                <c:pt idx="5600">
                  <c:v>75.000000000008797</c:v>
                </c:pt>
                <c:pt idx="5601">
                  <c:v>75.010000000008802</c:v>
                </c:pt>
                <c:pt idx="5602">
                  <c:v>75.020000000008807</c:v>
                </c:pt>
                <c:pt idx="5603">
                  <c:v>75.030000000008798</c:v>
                </c:pt>
                <c:pt idx="5604">
                  <c:v>75.040000000008803</c:v>
                </c:pt>
                <c:pt idx="5605">
                  <c:v>75.050000000008794</c:v>
                </c:pt>
                <c:pt idx="5606">
                  <c:v>75.060000000008799</c:v>
                </c:pt>
                <c:pt idx="5607">
                  <c:v>75.070000000008804</c:v>
                </c:pt>
                <c:pt idx="5608">
                  <c:v>75.080000000008795</c:v>
                </c:pt>
                <c:pt idx="5609">
                  <c:v>75.0900000000088</c:v>
                </c:pt>
                <c:pt idx="5610">
                  <c:v>75.100000000008805</c:v>
                </c:pt>
                <c:pt idx="5611">
                  <c:v>75.110000000008796</c:v>
                </c:pt>
                <c:pt idx="5612">
                  <c:v>75.120000000008801</c:v>
                </c:pt>
                <c:pt idx="5613">
                  <c:v>75.130000000008806</c:v>
                </c:pt>
                <c:pt idx="5614">
                  <c:v>75.140000000008797</c:v>
                </c:pt>
                <c:pt idx="5615">
                  <c:v>75.150000000008802</c:v>
                </c:pt>
                <c:pt idx="5616">
                  <c:v>75.160000000008793</c:v>
                </c:pt>
                <c:pt idx="5617">
                  <c:v>75.170000000008798</c:v>
                </c:pt>
                <c:pt idx="5618">
                  <c:v>75.180000000008803</c:v>
                </c:pt>
                <c:pt idx="5619">
                  <c:v>75.190000000008794</c:v>
                </c:pt>
                <c:pt idx="5620">
                  <c:v>75.200000000008799</c:v>
                </c:pt>
                <c:pt idx="5621">
                  <c:v>75.210000000008804</c:v>
                </c:pt>
                <c:pt idx="5622">
                  <c:v>75.220000000008795</c:v>
                </c:pt>
                <c:pt idx="5623">
                  <c:v>75.2300000000088</c:v>
                </c:pt>
                <c:pt idx="5624">
                  <c:v>75.240000000008806</c:v>
                </c:pt>
                <c:pt idx="5625">
                  <c:v>75.250000000008797</c:v>
                </c:pt>
                <c:pt idx="5626">
                  <c:v>75.260000000008802</c:v>
                </c:pt>
                <c:pt idx="5627">
                  <c:v>75.270000000008807</c:v>
                </c:pt>
                <c:pt idx="5628">
                  <c:v>75.280000000008798</c:v>
                </c:pt>
                <c:pt idx="5629">
                  <c:v>75.290000000008803</c:v>
                </c:pt>
                <c:pt idx="5630">
                  <c:v>75.300000000008794</c:v>
                </c:pt>
                <c:pt idx="5631">
                  <c:v>75.310000000008799</c:v>
                </c:pt>
                <c:pt idx="5632">
                  <c:v>75.320000000008804</c:v>
                </c:pt>
                <c:pt idx="5633">
                  <c:v>75.330000000008795</c:v>
                </c:pt>
                <c:pt idx="5634">
                  <c:v>75.3400000000088</c:v>
                </c:pt>
                <c:pt idx="5635">
                  <c:v>75.350000000008805</c:v>
                </c:pt>
                <c:pt idx="5636">
                  <c:v>75.360000000008796</c:v>
                </c:pt>
                <c:pt idx="5637">
                  <c:v>75.370000000008801</c:v>
                </c:pt>
                <c:pt idx="5638">
                  <c:v>75.380000000008806</c:v>
                </c:pt>
                <c:pt idx="5639">
                  <c:v>75.390000000008797</c:v>
                </c:pt>
                <c:pt idx="5640">
                  <c:v>75.400000000008802</c:v>
                </c:pt>
                <c:pt idx="5641">
                  <c:v>75.410000000008793</c:v>
                </c:pt>
                <c:pt idx="5642">
                  <c:v>75.420000000008798</c:v>
                </c:pt>
                <c:pt idx="5643">
                  <c:v>75.430000000008803</c:v>
                </c:pt>
                <c:pt idx="5644">
                  <c:v>75.440000000008794</c:v>
                </c:pt>
                <c:pt idx="5645">
                  <c:v>75.450000000008799</c:v>
                </c:pt>
                <c:pt idx="5646">
                  <c:v>75.460000000008804</c:v>
                </c:pt>
                <c:pt idx="5647">
                  <c:v>75.470000000008795</c:v>
                </c:pt>
                <c:pt idx="5648">
                  <c:v>75.4800000000088</c:v>
                </c:pt>
                <c:pt idx="5649">
                  <c:v>75.490000000008806</c:v>
                </c:pt>
                <c:pt idx="5650">
                  <c:v>75.500000000008797</c:v>
                </c:pt>
                <c:pt idx="5651">
                  <c:v>75.510000000008802</c:v>
                </c:pt>
                <c:pt idx="5652">
                  <c:v>75.520000000008807</c:v>
                </c:pt>
                <c:pt idx="5653">
                  <c:v>75.530000000008798</c:v>
                </c:pt>
                <c:pt idx="5654">
                  <c:v>75.540000000008803</c:v>
                </c:pt>
                <c:pt idx="5655">
                  <c:v>75.550000000008794</c:v>
                </c:pt>
                <c:pt idx="5656">
                  <c:v>75.560000000008799</c:v>
                </c:pt>
                <c:pt idx="5657">
                  <c:v>75.570000000008804</c:v>
                </c:pt>
                <c:pt idx="5658">
                  <c:v>75.580000000008795</c:v>
                </c:pt>
                <c:pt idx="5659">
                  <c:v>75.5900000000088</c:v>
                </c:pt>
                <c:pt idx="5660">
                  <c:v>75.600000000008805</c:v>
                </c:pt>
                <c:pt idx="5661">
                  <c:v>75.610000000008895</c:v>
                </c:pt>
                <c:pt idx="5662">
                  <c:v>75.620000000008901</c:v>
                </c:pt>
                <c:pt idx="5663">
                  <c:v>75.630000000008806</c:v>
                </c:pt>
                <c:pt idx="5664">
                  <c:v>75.640000000008897</c:v>
                </c:pt>
                <c:pt idx="5665">
                  <c:v>75.650000000008902</c:v>
                </c:pt>
                <c:pt idx="5666">
                  <c:v>75.660000000008907</c:v>
                </c:pt>
                <c:pt idx="5667">
                  <c:v>75.670000000008898</c:v>
                </c:pt>
                <c:pt idx="5668">
                  <c:v>75.680000000008903</c:v>
                </c:pt>
                <c:pt idx="5669">
                  <c:v>75.690000000008894</c:v>
                </c:pt>
                <c:pt idx="5670">
                  <c:v>75.700000000008899</c:v>
                </c:pt>
                <c:pt idx="5671">
                  <c:v>75.710000000008904</c:v>
                </c:pt>
                <c:pt idx="5672">
                  <c:v>75.720000000008895</c:v>
                </c:pt>
                <c:pt idx="5673">
                  <c:v>75.7300000000089</c:v>
                </c:pt>
                <c:pt idx="5674">
                  <c:v>75.740000000008905</c:v>
                </c:pt>
                <c:pt idx="5675">
                  <c:v>75.750000000008896</c:v>
                </c:pt>
                <c:pt idx="5676">
                  <c:v>75.760000000008901</c:v>
                </c:pt>
                <c:pt idx="5677">
                  <c:v>75.770000000008906</c:v>
                </c:pt>
                <c:pt idx="5678">
                  <c:v>75.780000000008897</c:v>
                </c:pt>
                <c:pt idx="5679">
                  <c:v>75.790000000008902</c:v>
                </c:pt>
                <c:pt idx="5680">
                  <c:v>75.800000000008893</c:v>
                </c:pt>
                <c:pt idx="5681">
                  <c:v>75.810000000008898</c:v>
                </c:pt>
                <c:pt idx="5682">
                  <c:v>75.820000000008903</c:v>
                </c:pt>
                <c:pt idx="5683">
                  <c:v>75.830000000008894</c:v>
                </c:pt>
                <c:pt idx="5684">
                  <c:v>75.840000000008899</c:v>
                </c:pt>
                <c:pt idx="5685">
                  <c:v>75.850000000008905</c:v>
                </c:pt>
                <c:pt idx="5686">
                  <c:v>75.860000000008895</c:v>
                </c:pt>
                <c:pt idx="5687">
                  <c:v>75.870000000008901</c:v>
                </c:pt>
                <c:pt idx="5688">
                  <c:v>75.880000000008906</c:v>
                </c:pt>
                <c:pt idx="5689">
                  <c:v>75.890000000008897</c:v>
                </c:pt>
                <c:pt idx="5690">
                  <c:v>75.900000000008902</c:v>
                </c:pt>
                <c:pt idx="5691">
                  <c:v>75.910000000008907</c:v>
                </c:pt>
                <c:pt idx="5692">
                  <c:v>75.920000000008898</c:v>
                </c:pt>
                <c:pt idx="5693">
                  <c:v>75.930000000008903</c:v>
                </c:pt>
                <c:pt idx="5694">
                  <c:v>75.940000000008894</c:v>
                </c:pt>
                <c:pt idx="5695">
                  <c:v>75.950000000008899</c:v>
                </c:pt>
                <c:pt idx="5696">
                  <c:v>75.960000000008904</c:v>
                </c:pt>
                <c:pt idx="5697">
                  <c:v>75.970000000008895</c:v>
                </c:pt>
                <c:pt idx="5698">
                  <c:v>75.9800000000089</c:v>
                </c:pt>
                <c:pt idx="5699">
                  <c:v>75.990000000008905</c:v>
                </c:pt>
                <c:pt idx="5700">
                  <c:v>76.000000000008896</c:v>
                </c:pt>
                <c:pt idx="5701">
                  <c:v>76.010000000008901</c:v>
                </c:pt>
                <c:pt idx="5702">
                  <c:v>76.020000000008906</c:v>
                </c:pt>
                <c:pt idx="5703">
                  <c:v>76.030000000008897</c:v>
                </c:pt>
                <c:pt idx="5704">
                  <c:v>76.040000000008902</c:v>
                </c:pt>
                <c:pt idx="5705">
                  <c:v>76.050000000008893</c:v>
                </c:pt>
                <c:pt idx="5706">
                  <c:v>76.060000000008898</c:v>
                </c:pt>
                <c:pt idx="5707">
                  <c:v>76.070000000008903</c:v>
                </c:pt>
                <c:pt idx="5708">
                  <c:v>76.080000000008894</c:v>
                </c:pt>
                <c:pt idx="5709">
                  <c:v>76.090000000008899</c:v>
                </c:pt>
                <c:pt idx="5710">
                  <c:v>76.100000000008905</c:v>
                </c:pt>
                <c:pt idx="5711">
                  <c:v>76.110000000008895</c:v>
                </c:pt>
                <c:pt idx="5712">
                  <c:v>76.120000000008901</c:v>
                </c:pt>
                <c:pt idx="5713">
                  <c:v>76.130000000008906</c:v>
                </c:pt>
                <c:pt idx="5714">
                  <c:v>76.140000000008897</c:v>
                </c:pt>
                <c:pt idx="5715">
                  <c:v>76.150000000008902</c:v>
                </c:pt>
                <c:pt idx="5716">
                  <c:v>76.160000000008907</c:v>
                </c:pt>
                <c:pt idx="5717">
                  <c:v>76.170000000008898</c:v>
                </c:pt>
                <c:pt idx="5718">
                  <c:v>76.180000000008903</c:v>
                </c:pt>
                <c:pt idx="5719">
                  <c:v>76.190000000008894</c:v>
                </c:pt>
                <c:pt idx="5720">
                  <c:v>76.200000000008899</c:v>
                </c:pt>
                <c:pt idx="5721">
                  <c:v>76.210000000008904</c:v>
                </c:pt>
                <c:pt idx="5722">
                  <c:v>76.220000000008895</c:v>
                </c:pt>
                <c:pt idx="5723">
                  <c:v>76.2300000000089</c:v>
                </c:pt>
                <c:pt idx="5724">
                  <c:v>76.240000000008905</c:v>
                </c:pt>
                <c:pt idx="5725">
                  <c:v>76.250000000008995</c:v>
                </c:pt>
                <c:pt idx="5726">
                  <c:v>76.260000000009001</c:v>
                </c:pt>
                <c:pt idx="5727">
                  <c:v>76.270000000008906</c:v>
                </c:pt>
                <c:pt idx="5728">
                  <c:v>76.280000000008997</c:v>
                </c:pt>
                <c:pt idx="5729">
                  <c:v>76.290000000009002</c:v>
                </c:pt>
                <c:pt idx="5730">
                  <c:v>76.300000000009007</c:v>
                </c:pt>
                <c:pt idx="5731">
                  <c:v>76.310000000008998</c:v>
                </c:pt>
                <c:pt idx="5732">
                  <c:v>76.320000000009003</c:v>
                </c:pt>
                <c:pt idx="5733">
                  <c:v>76.330000000008994</c:v>
                </c:pt>
                <c:pt idx="5734">
                  <c:v>76.340000000008999</c:v>
                </c:pt>
                <c:pt idx="5735">
                  <c:v>76.350000000009004</c:v>
                </c:pt>
                <c:pt idx="5736">
                  <c:v>76.360000000008995</c:v>
                </c:pt>
                <c:pt idx="5737">
                  <c:v>76.370000000009</c:v>
                </c:pt>
                <c:pt idx="5738">
                  <c:v>76.380000000009005</c:v>
                </c:pt>
                <c:pt idx="5739">
                  <c:v>76.390000000008996</c:v>
                </c:pt>
                <c:pt idx="5740">
                  <c:v>76.400000000009001</c:v>
                </c:pt>
                <c:pt idx="5741">
                  <c:v>76.410000000009006</c:v>
                </c:pt>
                <c:pt idx="5742">
                  <c:v>76.420000000008997</c:v>
                </c:pt>
                <c:pt idx="5743">
                  <c:v>76.430000000009002</c:v>
                </c:pt>
                <c:pt idx="5744">
                  <c:v>76.440000000008993</c:v>
                </c:pt>
                <c:pt idx="5745">
                  <c:v>76.450000000008998</c:v>
                </c:pt>
                <c:pt idx="5746">
                  <c:v>76.460000000009003</c:v>
                </c:pt>
                <c:pt idx="5747">
                  <c:v>76.470000000008994</c:v>
                </c:pt>
                <c:pt idx="5748">
                  <c:v>76.480000000008999</c:v>
                </c:pt>
                <c:pt idx="5749">
                  <c:v>76.490000000009005</c:v>
                </c:pt>
                <c:pt idx="5750">
                  <c:v>76.500000000008995</c:v>
                </c:pt>
                <c:pt idx="5751">
                  <c:v>76.510000000009001</c:v>
                </c:pt>
                <c:pt idx="5752">
                  <c:v>76.520000000009006</c:v>
                </c:pt>
                <c:pt idx="5753">
                  <c:v>76.530000000008997</c:v>
                </c:pt>
                <c:pt idx="5754">
                  <c:v>76.540000000009002</c:v>
                </c:pt>
                <c:pt idx="5755">
                  <c:v>76.550000000009007</c:v>
                </c:pt>
                <c:pt idx="5756">
                  <c:v>76.560000000008998</c:v>
                </c:pt>
                <c:pt idx="5757">
                  <c:v>76.570000000009003</c:v>
                </c:pt>
                <c:pt idx="5758">
                  <c:v>76.580000000008994</c:v>
                </c:pt>
                <c:pt idx="5759">
                  <c:v>76.590000000008999</c:v>
                </c:pt>
                <c:pt idx="5760">
                  <c:v>76.600000000009004</c:v>
                </c:pt>
                <c:pt idx="5761">
                  <c:v>76.610000000008995</c:v>
                </c:pt>
                <c:pt idx="5762">
                  <c:v>76.620000000009</c:v>
                </c:pt>
                <c:pt idx="5763">
                  <c:v>76.630000000009005</c:v>
                </c:pt>
                <c:pt idx="5764">
                  <c:v>76.640000000008996</c:v>
                </c:pt>
                <c:pt idx="5765">
                  <c:v>76.650000000009001</c:v>
                </c:pt>
                <c:pt idx="5766">
                  <c:v>76.660000000009006</c:v>
                </c:pt>
                <c:pt idx="5767">
                  <c:v>76.670000000008997</c:v>
                </c:pt>
                <c:pt idx="5768">
                  <c:v>76.680000000009002</c:v>
                </c:pt>
                <c:pt idx="5769">
                  <c:v>76.690000000008993</c:v>
                </c:pt>
                <c:pt idx="5770">
                  <c:v>76.700000000008998</c:v>
                </c:pt>
                <c:pt idx="5771">
                  <c:v>76.710000000009003</c:v>
                </c:pt>
                <c:pt idx="5772">
                  <c:v>76.720000000008994</c:v>
                </c:pt>
                <c:pt idx="5773">
                  <c:v>76.730000000008999</c:v>
                </c:pt>
                <c:pt idx="5774">
                  <c:v>76.740000000009005</c:v>
                </c:pt>
                <c:pt idx="5775">
                  <c:v>76.750000000008995</c:v>
                </c:pt>
                <c:pt idx="5776">
                  <c:v>76.760000000009001</c:v>
                </c:pt>
                <c:pt idx="5777">
                  <c:v>76.770000000009006</c:v>
                </c:pt>
                <c:pt idx="5778">
                  <c:v>76.780000000008997</c:v>
                </c:pt>
                <c:pt idx="5779">
                  <c:v>76.790000000009002</c:v>
                </c:pt>
                <c:pt idx="5780">
                  <c:v>76.800000000009007</c:v>
                </c:pt>
                <c:pt idx="5781">
                  <c:v>76.810000000008998</c:v>
                </c:pt>
                <c:pt idx="5782">
                  <c:v>76.820000000009003</c:v>
                </c:pt>
                <c:pt idx="5783">
                  <c:v>76.830000000008994</c:v>
                </c:pt>
                <c:pt idx="5784">
                  <c:v>76.840000000008999</c:v>
                </c:pt>
                <c:pt idx="5785">
                  <c:v>76.850000000009004</c:v>
                </c:pt>
                <c:pt idx="5786">
                  <c:v>76.860000000008995</c:v>
                </c:pt>
                <c:pt idx="5787">
                  <c:v>76.870000000009</c:v>
                </c:pt>
                <c:pt idx="5788">
                  <c:v>76.880000000009005</c:v>
                </c:pt>
                <c:pt idx="5789">
                  <c:v>76.890000000009096</c:v>
                </c:pt>
                <c:pt idx="5790">
                  <c:v>76.900000000009101</c:v>
                </c:pt>
                <c:pt idx="5791">
                  <c:v>76.910000000009006</c:v>
                </c:pt>
                <c:pt idx="5792">
                  <c:v>76.920000000009097</c:v>
                </c:pt>
                <c:pt idx="5793">
                  <c:v>76.930000000009102</c:v>
                </c:pt>
                <c:pt idx="5794">
                  <c:v>76.940000000009107</c:v>
                </c:pt>
                <c:pt idx="5795">
                  <c:v>76.950000000009098</c:v>
                </c:pt>
                <c:pt idx="5796">
                  <c:v>76.960000000009103</c:v>
                </c:pt>
                <c:pt idx="5797">
                  <c:v>76.970000000009094</c:v>
                </c:pt>
                <c:pt idx="5798">
                  <c:v>76.980000000009099</c:v>
                </c:pt>
                <c:pt idx="5799">
                  <c:v>76.990000000009104</c:v>
                </c:pt>
                <c:pt idx="5800">
                  <c:v>77.000000000009095</c:v>
                </c:pt>
                <c:pt idx="5801">
                  <c:v>77.0100000000091</c:v>
                </c:pt>
                <c:pt idx="5802">
                  <c:v>77.020000000009105</c:v>
                </c:pt>
                <c:pt idx="5803">
                  <c:v>77.030000000009096</c:v>
                </c:pt>
                <c:pt idx="5804">
                  <c:v>77.040000000009101</c:v>
                </c:pt>
                <c:pt idx="5805">
                  <c:v>77.050000000009106</c:v>
                </c:pt>
                <c:pt idx="5806">
                  <c:v>77.060000000009097</c:v>
                </c:pt>
                <c:pt idx="5807">
                  <c:v>77.070000000009102</c:v>
                </c:pt>
                <c:pt idx="5808">
                  <c:v>77.080000000009093</c:v>
                </c:pt>
                <c:pt idx="5809">
                  <c:v>77.090000000009098</c:v>
                </c:pt>
                <c:pt idx="5810">
                  <c:v>77.100000000009103</c:v>
                </c:pt>
                <c:pt idx="5811">
                  <c:v>77.110000000009094</c:v>
                </c:pt>
                <c:pt idx="5812">
                  <c:v>77.120000000009099</c:v>
                </c:pt>
                <c:pt idx="5813">
                  <c:v>77.130000000009105</c:v>
                </c:pt>
                <c:pt idx="5814">
                  <c:v>77.140000000009096</c:v>
                </c:pt>
                <c:pt idx="5815">
                  <c:v>77.150000000009101</c:v>
                </c:pt>
                <c:pt idx="5816">
                  <c:v>77.160000000009106</c:v>
                </c:pt>
                <c:pt idx="5817">
                  <c:v>77.170000000009097</c:v>
                </c:pt>
                <c:pt idx="5818">
                  <c:v>77.180000000009102</c:v>
                </c:pt>
                <c:pt idx="5819">
                  <c:v>77.190000000009107</c:v>
                </c:pt>
                <c:pt idx="5820">
                  <c:v>77.200000000009098</c:v>
                </c:pt>
                <c:pt idx="5821">
                  <c:v>77.210000000009103</c:v>
                </c:pt>
                <c:pt idx="5822">
                  <c:v>77.220000000009094</c:v>
                </c:pt>
                <c:pt idx="5823">
                  <c:v>77.230000000009099</c:v>
                </c:pt>
                <c:pt idx="5824">
                  <c:v>77.240000000009104</c:v>
                </c:pt>
                <c:pt idx="5825">
                  <c:v>77.250000000009095</c:v>
                </c:pt>
                <c:pt idx="5826">
                  <c:v>77.2600000000091</c:v>
                </c:pt>
                <c:pt idx="5827">
                  <c:v>77.270000000009105</c:v>
                </c:pt>
                <c:pt idx="5828">
                  <c:v>77.280000000009096</c:v>
                </c:pt>
                <c:pt idx="5829">
                  <c:v>77.290000000009101</c:v>
                </c:pt>
                <c:pt idx="5830">
                  <c:v>77.300000000009106</c:v>
                </c:pt>
                <c:pt idx="5831">
                  <c:v>77.310000000009097</c:v>
                </c:pt>
                <c:pt idx="5832">
                  <c:v>77.320000000009102</c:v>
                </c:pt>
                <c:pt idx="5833">
                  <c:v>77.330000000009093</c:v>
                </c:pt>
                <c:pt idx="5834">
                  <c:v>77.340000000009098</c:v>
                </c:pt>
                <c:pt idx="5835">
                  <c:v>77.350000000009103</c:v>
                </c:pt>
                <c:pt idx="5836">
                  <c:v>77.360000000009094</c:v>
                </c:pt>
                <c:pt idx="5837">
                  <c:v>77.370000000009099</c:v>
                </c:pt>
                <c:pt idx="5838">
                  <c:v>77.380000000009105</c:v>
                </c:pt>
                <c:pt idx="5839">
                  <c:v>77.390000000009096</c:v>
                </c:pt>
                <c:pt idx="5840">
                  <c:v>77.400000000009101</c:v>
                </c:pt>
                <c:pt idx="5841">
                  <c:v>77.410000000009106</c:v>
                </c:pt>
                <c:pt idx="5842">
                  <c:v>77.420000000009097</c:v>
                </c:pt>
                <c:pt idx="5843">
                  <c:v>77.430000000009102</c:v>
                </c:pt>
                <c:pt idx="5844">
                  <c:v>77.440000000009107</c:v>
                </c:pt>
                <c:pt idx="5845">
                  <c:v>77.450000000009098</c:v>
                </c:pt>
                <c:pt idx="5846">
                  <c:v>77.460000000009103</c:v>
                </c:pt>
                <c:pt idx="5847">
                  <c:v>77.470000000009094</c:v>
                </c:pt>
                <c:pt idx="5848">
                  <c:v>77.480000000009099</c:v>
                </c:pt>
                <c:pt idx="5849">
                  <c:v>77.490000000009104</c:v>
                </c:pt>
                <c:pt idx="5850">
                  <c:v>77.500000000009095</c:v>
                </c:pt>
                <c:pt idx="5851">
                  <c:v>77.5100000000091</c:v>
                </c:pt>
                <c:pt idx="5852">
                  <c:v>77.520000000009105</c:v>
                </c:pt>
                <c:pt idx="5853">
                  <c:v>77.530000000009196</c:v>
                </c:pt>
                <c:pt idx="5854">
                  <c:v>77.540000000009201</c:v>
                </c:pt>
                <c:pt idx="5855">
                  <c:v>77.550000000009106</c:v>
                </c:pt>
                <c:pt idx="5856">
                  <c:v>77.560000000009197</c:v>
                </c:pt>
                <c:pt idx="5857">
                  <c:v>77.570000000009202</c:v>
                </c:pt>
                <c:pt idx="5858">
                  <c:v>77.580000000009207</c:v>
                </c:pt>
                <c:pt idx="5859">
                  <c:v>77.590000000009198</c:v>
                </c:pt>
                <c:pt idx="5860">
                  <c:v>77.600000000009203</c:v>
                </c:pt>
                <c:pt idx="5861">
                  <c:v>77.610000000009194</c:v>
                </c:pt>
                <c:pt idx="5862">
                  <c:v>77.620000000009199</c:v>
                </c:pt>
                <c:pt idx="5863">
                  <c:v>77.630000000009204</c:v>
                </c:pt>
                <c:pt idx="5864">
                  <c:v>77.640000000009195</c:v>
                </c:pt>
                <c:pt idx="5865">
                  <c:v>77.6500000000092</c:v>
                </c:pt>
                <c:pt idx="5866">
                  <c:v>77.660000000009205</c:v>
                </c:pt>
                <c:pt idx="5867">
                  <c:v>77.670000000009196</c:v>
                </c:pt>
                <c:pt idx="5868">
                  <c:v>77.680000000009201</c:v>
                </c:pt>
                <c:pt idx="5869">
                  <c:v>77.690000000009206</c:v>
                </c:pt>
                <c:pt idx="5870">
                  <c:v>77.700000000009197</c:v>
                </c:pt>
                <c:pt idx="5871">
                  <c:v>77.710000000009202</c:v>
                </c:pt>
                <c:pt idx="5872">
                  <c:v>77.720000000009193</c:v>
                </c:pt>
                <c:pt idx="5873">
                  <c:v>77.730000000009198</c:v>
                </c:pt>
                <c:pt idx="5874">
                  <c:v>77.740000000009204</c:v>
                </c:pt>
                <c:pt idx="5875">
                  <c:v>77.750000000009194</c:v>
                </c:pt>
                <c:pt idx="5876">
                  <c:v>77.7600000000092</c:v>
                </c:pt>
                <c:pt idx="5877">
                  <c:v>77.770000000009205</c:v>
                </c:pt>
                <c:pt idx="5878">
                  <c:v>77.780000000009196</c:v>
                </c:pt>
                <c:pt idx="5879">
                  <c:v>77.790000000009201</c:v>
                </c:pt>
                <c:pt idx="5880">
                  <c:v>77.800000000009206</c:v>
                </c:pt>
                <c:pt idx="5881">
                  <c:v>77.810000000009197</c:v>
                </c:pt>
                <c:pt idx="5882">
                  <c:v>77.820000000009202</c:v>
                </c:pt>
                <c:pt idx="5883">
                  <c:v>77.830000000009207</c:v>
                </c:pt>
                <c:pt idx="5884">
                  <c:v>77.840000000009198</c:v>
                </c:pt>
                <c:pt idx="5885">
                  <c:v>77.850000000009203</c:v>
                </c:pt>
                <c:pt idx="5886">
                  <c:v>77.860000000009194</c:v>
                </c:pt>
                <c:pt idx="5887">
                  <c:v>77.870000000009199</c:v>
                </c:pt>
                <c:pt idx="5888">
                  <c:v>77.880000000009204</c:v>
                </c:pt>
                <c:pt idx="5889">
                  <c:v>77.890000000009195</c:v>
                </c:pt>
                <c:pt idx="5890">
                  <c:v>77.9000000000092</c:v>
                </c:pt>
                <c:pt idx="5891">
                  <c:v>77.910000000009205</c:v>
                </c:pt>
                <c:pt idx="5892">
                  <c:v>77.920000000009196</c:v>
                </c:pt>
                <c:pt idx="5893">
                  <c:v>77.930000000009201</c:v>
                </c:pt>
                <c:pt idx="5894">
                  <c:v>77.940000000009206</c:v>
                </c:pt>
                <c:pt idx="5895">
                  <c:v>77.950000000009197</c:v>
                </c:pt>
                <c:pt idx="5896">
                  <c:v>77.960000000009202</c:v>
                </c:pt>
                <c:pt idx="5897">
                  <c:v>77.970000000009193</c:v>
                </c:pt>
                <c:pt idx="5898">
                  <c:v>77.980000000009198</c:v>
                </c:pt>
                <c:pt idx="5899">
                  <c:v>77.990000000009204</c:v>
                </c:pt>
                <c:pt idx="5900">
                  <c:v>78.000000000009194</c:v>
                </c:pt>
                <c:pt idx="5901">
                  <c:v>78.0100000000092</c:v>
                </c:pt>
                <c:pt idx="5902">
                  <c:v>78.020000000009205</c:v>
                </c:pt>
                <c:pt idx="5903">
                  <c:v>78.030000000009196</c:v>
                </c:pt>
                <c:pt idx="5904">
                  <c:v>78.040000000009201</c:v>
                </c:pt>
                <c:pt idx="5905">
                  <c:v>78.050000000009206</c:v>
                </c:pt>
                <c:pt idx="5906">
                  <c:v>78.060000000009197</c:v>
                </c:pt>
                <c:pt idx="5907">
                  <c:v>78.070000000009202</c:v>
                </c:pt>
                <c:pt idx="5908">
                  <c:v>78.080000000009207</c:v>
                </c:pt>
                <c:pt idx="5909">
                  <c:v>78.090000000009198</c:v>
                </c:pt>
                <c:pt idx="5910">
                  <c:v>78.100000000009203</c:v>
                </c:pt>
                <c:pt idx="5911">
                  <c:v>78.110000000009194</c:v>
                </c:pt>
                <c:pt idx="5912">
                  <c:v>78.120000000009199</c:v>
                </c:pt>
                <c:pt idx="5913">
                  <c:v>78.130000000009204</c:v>
                </c:pt>
                <c:pt idx="5914">
                  <c:v>78.140000000009195</c:v>
                </c:pt>
                <c:pt idx="5915">
                  <c:v>78.1500000000092</c:v>
                </c:pt>
                <c:pt idx="5916">
                  <c:v>78.160000000009205</c:v>
                </c:pt>
                <c:pt idx="5917">
                  <c:v>78.170000000009296</c:v>
                </c:pt>
                <c:pt idx="5918">
                  <c:v>78.180000000009301</c:v>
                </c:pt>
                <c:pt idx="5919">
                  <c:v>78.190000000009206</c:v>
                </c:pt>
                <c:pt idx="5920">
                  <c:v>78.200000000009297</c:v>
                </c:pt>
                <c:pt idx="5921">
                  <c:v>78.210000000009302</c:v>
                </c:pt>
                <c:pt idx="5922">
                  <c:v>78.220000000009307</c:v>
                </c:pt>
                <c:pt idx="5923">
                  <c:v>78.230000000009298</c:v>
                </c:pt>
                <c:pt idx="5924">
                  <c:v>78.240000000009303</c:v>
                </c:pt>
                <c:pt idx="5925">
                  <c:v>78.250000000009294</c:v>
                </c:pt>
                <c:pt idx="5926">
                  <c:v>78.260000000009299</c:v>
                </c:pt>
                <c:pt idx="5927">
                  <c:v>78.270000000009304</c:v>
                </c:pt>
                <c:pt idx="5928">
                  <c:v>78.280000000009295</c:v>
                </c:pt>
                <c:pt idx="5929">
                  <c:v>78.2900000000093</c:v>
                </c:pt>
                <c:pt idx="5930">
                  <c:v>78.300000000009305</c:v>
                </c:pt>
                <c:pt idx="5931">
                  <c:v>78.310000000009296</c:v>
                </c:pt>
                <c:pt idx="5932">
                  <c:v>78.320000000009301</c:v>
                </c:pt>
                <c:pt idx="5933">
                  <c:v>78.330000000009306</c:v>
                </c:pt>
                <c:pt idx="5934">
                  <c:v>78.340000000009297</c:v>
                </c:pt>
                <c:pt idx="5935">
                  <c:v>78.350000000009302</c:v>
                </c:pt>
                <c:pt idx="5936">
                  <c:v>78.360000000009293</c:v>
                </c:pt>
                <c:pt idx="5937">
                  <c:v>78.370000000009298</c:v>
                </c:pt>
                <c:pt idx="5938">
                  <c:v>78.380000000009304</c:v>
                </c:pt>
                <c:pt idx="5939">
                  <c:v>78.390000000009294</c:v>
                </c:pt>
                <c:pt idx="5940">
                  <c:v>78.4000000000093</c:v>
                </c:pt>
                <c:pt idx="5941">
                  <c:v>78.410000000009305</c:v>
                </c:pt>
                <c:pt idx="5942">
                  <c:v>78.420000000009296</c:v>
                </c:pt>
                <c:pt idx="5943">
                  <c:v>78.430000000009301</c:v>
                </c:pt>
                <c:pt idx="5944">
                  <c:v>78.440000000009306</c:v>
                </c:pt>
                <c:pt idx="5945">
                  <c:v>78.450000000009297</c:v>
                </c:pt>
                <c:pt idx="5946">
                  <c:v>78.460000000009302</c:v>
                </c:pt>
                <c:pt idx="5947">
                  <c:v>78.470000000009307</c:v>
                </c:pt>
                <c:pt idx="5948">
                  <c:v>78.480000000009298</c:v>
                </c:pt>
                <c:pt idx="5949">
                  <c:v>78.490000000009303</c:v>
                </c:pt>
                <c:pt idx="5950">
                  <c:v>78.500000000009294</c:v>
                </c:pt>
                <c:pt idx="5951">
                  <c:v>78.510000000009299</c:v>
                </c:pt>
                <c:pt idx="5952">
                  <c:v>78.520000000009304</c:v>
                </c:pt>
                <c:pt idx="5953">
                  <c:v>78.530000000009295</c:v>
                </c:pt>
                <c:pt idx="5954">
                  <c:v>78.5400000000093</c:v>
                </c:pt>
                <c:pt idx="5955">
                  <c:v>78.550000000009305</c:v>
                </c:pt>
                <c:pt idx="5956">
                  <c:v>78.560000000009296</c:v>
                </c:pt>
                <c:pt idx="5957">
                  <c:v>78.570000000009301</c:v>
                </c:pt>
                <c:pt idx="5958">
                  <c:v>78.580000000009306</c:v>
                </c:pt>
                <c:pt idx="5959">
                  <c:v>78.590000000009297</c:v>
                </c:pt>
                <c:pt idx="5960">
                  <c:v>78.600000000009302</c:v>
                </c:pt>
                <c:pt idx="5961">
                  <c:v>78.610000000009293</c:v>
                </c:pt>
                <c:pt idx="5962">
                  <c:v>78.620000000009298</c:v>
                </c:pt>
                <c:pt idx="5963">
                  <c:v>78.630000000009304</c:v>
                </c:pt>
                <c:pt idx="5964">
                  <c:v>78.640000000009294</c:v>
                </c:pt>
                <c:pt idx="5965">
                  <c:v>78.6500000000093</c:v>
                </c:pt>
                <c:pt idx="5966">
                  <c:v>78.660000000009305</c:v>
                </c:pt>
                <c:pt idx="5967">
                  <c:v>78.670000000009296</c:v>
                </c:pt>
                <c:pt idx="5968">
                  <c:v>78.680000000009301</c:v>
                </c:pt>
                <c:pt idx="5969">
                  <c:v>78.690000000009306</c:v>
                </c:pt>
                <c:pt idx="5970">
                  <c:v>78.700000000009297</c:v>
                </c:pt>
                <c:pt idx="5971">
                  <c:v>78.710000000009302</c:v>
                </c:pt>
                <c:pt idx="5972">
                  <c:v>78.720000000009307</c:v>
                </c:pt>
                <c:pt idx="5973">
                  <c:v>78.730000000009298</c:v>
                </c:pt>
                <c:pt idx="5974">
                  <c:v>78.740000000009303</c:v>
                </c:pt>
                <c:pt idx="5975">
                  <c:v>78.750000000009294</c:v>
                </c:pt>
                <c:pt idx="5976">
                  <c:v>78.760000000009299</c:v>
                </c:pt>
                <c:pt idx="5977">
                  <c:v>78.770000000009304</c:v>
                </c:pt>
                <c:pt idx="5978">
                  <c:v>78.780000000009295</c:v>
                </c:pt>
                <c:pt idx="5979">
                  <c:v>78.7900000000093</c:v>
                </c:pt>
                <c:pt idx="5980">
                  <c:v>78.800000000009305</c:v>
                </c:pt>
                <c:pt idx="5981">
                  <c:v>78.810000000009396</c:v>
                </c:pt>
                <c:pt idx="5982">
                  <c:v>78.820000000009401</c:v>
                </c:pt>
                <c:pt idx="5983">
                  <c:v>78.830000000009306</c:v>
                </c:pt>
                <c:pt idx="5984">
                  <c:v>78.840000000009397</c:v>
                </c:pt>
                <c:pt idx="5985">
                  <c:v>78.850000000009402</c:v>
                </c:pt>
                <c:pt idx="5986">
                  <c:v>78.860000000009407</c:v>
                </c:pt>
                <c:pt idx="5987">
                  <c:v>78.870000000009398</c:v>
                </c:pt>
                <c:pt idx="5988">
                  <c:v>78.880000000009403</c:v>
                </c:pt>
                <c:pt idx="5989">
                  <c:v>78.890000000009394</c:v>
                </c:pt>
                <c:pt idx="5990">
                  <c:v>78.900000000009399</c:v>
                </c:pt>
                <c:pt idx="5991">
                  <c:v>78.910000000009404</c:v>
                </c:pt>
                <c:pt idx="5992">
                  <c:v>78.920000000009395</c:v>
                </c:pt>
                <c:pt idx="5993">
                  <c:v>78.9300000000094</c:v>
                </c:pt>
                <c:pt idx="5994">
                  <c:v>78.940000000009405</c:v>
                </c:pt>
                <c:pt idx="5995">
                  <c:v>78.950000000009396</c:v>
                </c:pt>
                <c:pt idx="5996">
                  <c:v>78.960000000009401</c:v>
                </c:pt>
                <c:pt idx="5997">
                  <c:v>78.970000000009406</c:v>
                </c:pt>
                <c:pt idx="5998">
                  <c:v>78.980000000009397</c:v>
                </c:pt>
                <c:pt idx="5999">
                  <c:v>78.990000000009402</c:v>
                </c:pt>
                <c:pt idx="6000">
                  <c:v>79.000000000009393</c:v>
                </c:pt>
                <c:pt idx="6001">
                  <c:v>79.010000000009398</c:v>
                </c:pt>
                <c:pt idx="6002">
                  <c:v>79.020000000009404</c:v>
                </c:pt>
                <c:pt idx="6003">
                  <c:v>79.030000000009395</c:v>
                </c:pt>
                <c:pt idx="6004">
                  <c:v>79.0400000000094</c:v>
                </c:pt>
                <c:pt idx="6005">
                  <c:v>79.050000000009405</c:v>
                </c:pt>
                <c:pt idx="6006">
                  <c:v>79.060000000009396</c:v>
                </c:pt>
                <c:pt idx="6007">
                  <c:v>79.070000000009401</c:v>
                </c:pt>
                <c:pt idx="6008">
                  <c:v>79.080000000009406</c:v>
                </c:pt>
                <c:pt idx="6009">
                  <c:v>79.090000000009397</c:v>
                </c:pt>
                <c:pt idx="6010">
                  <c:v>79.100000000009402</c:v>
                </c:pt>
                <c:pt idx="6011">
                  <c:v>79.110000000009407</c:v>
                </c:pt>
                <c:pt idx="6012">
                  <c:v>79.120000000009398</c:v>
                </c:pt>
                <c:pt idx="6013">
                  <c:v>79.130000000009403</c:v>
                </c:pt>
                <c:pt idx="6014">
                  <c:v>79.140000000009394</c:v>
                </c:pt>
                <c:pt idx="6015">
                  <c:v>79.150000000009399</c:v>
                </c:pt>
                <c:pt idx="6016">
                  <c:v>79.160000000009404</c:v>
                </c:pt>
                <c:pt idx="6017">
                  <c:v>79.170000000009395</c:v>
                </c:pt>
                <c:pt idx="6018">
                  <c:v>79.1800000000094</c:v>
                </c:pt>
                <c:pt idx="6019">
                  <c:v>79.190000000009405</c:v>
                </c:pt>
                <c:pt idx="6020">
                  <c:v>79.200000000009396</c:v>
                </c:pt>
                <c:pt idx="6021">
                  <c:v>79.210000000009401</c:v>
                </c:pt>
                <c:pt idx="6022">
                  <c:v>79.220000000009406</c:v>
                </c:pt>
                <c:pt idx="6023">
                  <c:v>79.230000000009397</c:v>
                </c:pt>
                <c:pt idx="6024">
                  <c:v>79.240000000009402</c:v>
                </c:pt>
                <c:pt idx="6025">
                  <c:v>79.250000000009393</c:v>
                </c:pt>
                <c:pt idx="6026">
                  <c:v>79.260000000009398</c:v>
                </c:pt>
                <c:pt idx="6027">
                  <c:v>79.270000000009404</c:v>
                </c:pt>
                <c:pt idx="6028">
                  <c:v>79.280000000009395</c:v>
                </c:pt>
                <c:pt idx="6029">
                  <c:v>79.2900000000094</c:v>
                </c:pt>
                <c:pt idx="6030">
                  <c:v>79.300000000009405</c:v>
                </c:pt>
                <c:pt idx="6031">
                  <c:v>79.310000000009396</c:v>
                </c:pt>
                <c:pt idx="6032">
                  <c:v>79.320000000009401</c:v>
                </c:pt>
                <c:pt idx="6033">
                  <c:v>79.330000000009406</c:v>
                </c:pt>
                <c:pt idx="6034">
                  <c:v>79.340000000009397</c:v>
                </c:pt>
                <c:pt idx="6035">
                  <c:v>79.350000000009402</c:v>
                </c:pt>
                <c:pt idx="6036">
                  <c:v>79.360000000009407</c:v>
                </c:pt>
                <c:pt idx="6037">
                  <c:v>79.370000000009398</c:v>
                </c:pt>
                <c:pt idx="6038">
                  <c:v>79.380000000009403</c:v>
                </c:pt>
                <c:pt idx="6039">
                  <c:v>79.390000000009394</c:v>
                </c:pt>
                <c:pt idx="6040">
                  <c:v>79.400000000009399</c:v>
                </c:pt>
                <c:pt idx="6041">
                  <c:v>79.410000000009404</c:v>
                </c:pt>
                <c:pt idx="6042">
                  <c:v>79.420000000009395</c:v>
                </c:pt>
                <c:pt idx="6043">
                  <c:v>79.4300000000094</c:v>
                </c:pt>
                <c:pt idx="6044">
                  <c:v>79.440000000009405</c:v>
                </c:pt>
                <c:pt idx="6045">
                  <c:v>79.450000000009496</c:v>
                </c:pt>
                <c:pt idx="6046">
                  <c:v>79.460000000009501</c:v>
                </c:pt>
                <c:pt idx="6047">
                  <c:v>79.470000000009406</c:v>
                </c:pt>
                <c:pt idx="6048">
                  <c:v>79.480000000009497</c:v>
                </c:pt>
                <c:pt idx="6049">
                  <c:v>79.490000000009502</c:v>
                </c:pt>
                <c:pt idx="6050">
                  <c:v>79.500000000009507</c:v>
                </c:pt>
                <c:pt idx="6051">
                  <c:v>79.510000000009498</c:v>
                </c:pt>
                <c:pt idx="6052">
                  <c:v>79.520000000009503</c:v>
                </c:pt>
                <c:pt idx="6053">
                  <c:v>79.530000000009494</c:v>
                </c:pt>
                <c:pt idx="6054">
                  <c:v>79.540000000009499</c:v>
                </c:pt>
                <c:pt idx="6055">
                  <c:v>79.550000000009504</c:v>
                </c:pt>
                <c:pt idx="6056">
                  <c:v>79.560000000009495</c:v>
                </c:pt>
                <c:pt idx="6057">
                  <c:v>79.5700000000095</c:v>
                </c:pt>
                <c:pt idx="6058">
                  <c:v>79.580000000009505</c:v>
                </c:pt>
                <c:pt idx="6059">
                  <c:v>79.590000000009496</c:v>
                </c:pt>
                <c:pt idx="6060">
                  <c:v>79.600000000009501</c:v>
                </c:pt>
                <c:pt idx="6061">
                  <c:v>79.610000000009506</c:v>
                </c:pt>
                <c:pt idx="6062">
                  <c:v>79.620000000009497</c:v>
                </c:pt>
                <c:pt idx="6063">
                  <c:v>79.630000000009503</c:v>
                </c:pt>
                <c:pt idx="6064">
                  <c:v>79.640000000009493</c:v>
                </c:pt>
                <c:pt idx="6065">
                  <c:v>79.650000000009499</c:v>
                </c:pt>
                <c:pt idx="6066">
                  <c:v>79.660000000009504</c:v>
                </c:pt>
                <c:pt idx="6067">
                  <c:v>79.670000000009495</c:v>
                </c:pt>
                <c:pt idx="6068">
                  <c:v>79.6800000000095</c:v>
                </c:pt>
                <c:pt idx="6069">
                  <c:v>79.690000000009505</c:v>
                </c:pt>
                <c:pt idx="6070">
                  <c:v>79.700000000009496</c:v>
                </c:pt>
                <c:pt idx="6071">
                  <c:v>79.710000000009501</c:v>
                </c:pt>
                <c:pt idx="6072">
                  <c:v>79.720000000009506</c:v>
                </c:pt>
                <c:pt idx="6073">
                  <c:v>79.730000000009497</c:v>
                </c:pt>
                <c:pt idx="6074">
                  <c:v>79.740000000009502</c:v>
                </c:pt>
                <c:pt idx="6075">
                  <c:v>79.750000000009507</c:v>
                </c:pt>
                <c:pt idx="6076">
                  <c:v>79.760000000009498</c:v>
                </c:pt>
                <c:pt idx="6077">
                  <c:v>79.770000000009503</c:v>
                </c:pt>
                <c:pt idx="6078">
                  <c:v>79.780000000009494</c:v>
                </c:pt>
                <c:pt idx="6079">
                  <c:v>79.790000000009499</c:v>
                </c:pt>
                <c:pt idx="6080">
                  <c:v>79.800000000009504</c:v>
                </c:pt>
                <c:pt idx="6081">
                  <c:v>79.810000000009495</c:v>
                </c:pt>
                <c:pt idx="6082">
                  <c:v>79.8200000000095</c:v>
                </c:pt>
                <c:pt idx="6083">
                  <c:v>79.830000000009505</c:v>
                </c:pt>
                <c:pt idx="6084">
                  <c:v>79.840000000009496</c:v>
                </c:pt>
                <c:pt idx="6085">
                  <c:v>79.850000000009501</c:v>
                </c:pt>
                <c:pt idx="6086">
                  <c:v>79.860000000009506</c:v>
                </c:pt>
                <c:pt idx="6087">
                  <c:v>79.870000000009497</c:v>
                </c:pt>
                <c:pt idx="6088">
                  <c:v>79.880000000009503</c:v>
                </c:pt>
                <c:pt idx="6089">
                  <c:v>79.890000000009493</c:v>
                </c:pt>
                <c:pt idx="6090">
                  <c:v>79.900000000009499</c:v>
                </c:pt>
                <c:pt idx="6091">
                  <c:v>79.910000000009504</c:v>
                </c:pt>
                <c:pt idx="6092">
                  <c:v>79.920000000009495</c:v>
                </c:pt>
                <c:pt idx="6093">
                  <c:v>79.9300000000095</c:v>
                </c:pt>
                <c:pt idx="6094">
                  <c:v>79.940000000009505</c:v>
                </c:pt>
                <c:pt idx="6095">
                  <c:v>79.950000000009496</c:v>
                </c:pt>
                <c:pt idx="6096">
                  <c:v>79.960000000009501</c:v>
                </c:pt>
                <c:pt idx="6097">
                  <c:v>79.970000000009506</c:v>
                </c:pt>
                <c:pt idx="6098">
                  <c:v>79.980000000009497</c:v>
                </c:pt>
                <c:pt idx="6099">
                  <c:v>79.990000000009502</c:v>
                </c:pt>
                <c:pt idx="6100">
                  <c:v>80.000000000009507</c:v>
                </c:pt>
                <c:pt idx="6101">
                  <c:v>80.010000000009498</c:v>
                </c:pt>
                <c:pt idx="6102">
                  <c:v>80.020000000009503</c:v>
                </c:pt>
                <c:pt idx="6103">
                  <c:v>80.030000000009494</c:v>
                </c:pt>
                <c:pt idx="6104">
                  <c:v>80.040000000009499</c:v>
                </c:pt>
                <c:pt idx="6105">
                  <c:v>80.050000000009504</c:v>
                </c:pt>
                <c:pt idx="6106">
                  <c:v>80.060000000009495</c:v>
                </c:pt>
                <c:pt idx="6107">
                  <c:v>80.0700000000095</c:v>
                </c:pt>
                <c:pt idx="6108">
                  <c:v>80.080000000009505</c:v>
                </c:pt>
                <c:pt idx="6109">
                  <c:v>80.090000000009596</c:v>
                </c:pt>
                <c:pt idx="6110">
                  <c:v>80.100000000009601</c:v>
                </c:pt>
                <c:pt idx="6111">
                  <c:v>80.110000000009506</c:v>
                </c:pt>
                <c:pt idx="6112">
                  <c:v>80.120000000009597</c:v>
                </c:pt>
                <c:pt idx="6113">
                  <c:v>80.130000000009602</c:v>
                </c:pt>
                <c:pt idx="6114">
                  <c:v>80.140000000009593</c:v>
                </c:pt>
                <c:pt idx="6115">
                  <c:v>80.150000000009598</c:v>
                </c:pt>
                <c:pt idx="6116">
                  <c:v>80.160000000009603</c:v>
                </c:pt>
                <c:pt idx="6117">
                  <c:v>80.170000000009594</c:v>
                </c:pt>
                <c:pt idx="6118">
                  <c:v>80.180000000009599</c:v>
                </c:pt>
                <c:pt idx="6119">
                  <c:v>80.190000000009604</c:v>
                </c:pt>
                <c:pt idx="6120">
                  <c:v>80.200000000009595</c:v>
                </c:pt>
                <c:pt idx="6121">
                  <c:v>80.2100000000096</c:v>
                </c:pt>
                <c:pt idx="6122">
                  <c:v>80.220000000009605</c:v>
                </c:pt>
                <c:pt idx="6123">
                  <c:v>80.230000000009596</c:v>
                </c:pt>
                <c:pt idx="6124">
                  <c:v>80.240000000009601</c:v>
                </c:pt>
                <c:pt idx="6125">
                  <c:v>80.250000000009607</c:v>
                </c:pt>
                <c:pt idx="6126">
                  <c:v>80.260000000009597</c:v>
                </c:pt>
                <c:pt idx="6127">
                  <c:v>80.270000000009603</c:v>
                </c:pt>
                <c:pt idx="6128">
                  <c:v>80.280000000009593</c:v>
                </c:pt>
                <c:pt idx="6129">
                  <c:v>80.290000000009599</c:v>
                </c:pt>
                <c:pt idx="6130">
                  <c:v>80.300000000009604</c:v>
                </c:pt>
                <c:pt idx="6131">
                  <c:v>80.310000000009595</c:v>
                </c:pt>
                <c:pt idx="6132">
                  <c:v>80.3200000000096</c:v>
                </c:pt>
                <c:pt idx="6133">
                  <c:v>80.330000000009605</c:v>
                </c:pt>
                <c:pt idx="6134">
                  <c:v>80.340000000009596</c:v>
                </c:pt>
                <c:pt idx="6135">
                  <c:v>80.350000000009601</c:v>
                </c:pt>
                <c:pt idx="6136">
                  <c:v>80.360000000009606</c:v>
                </c:pt>
                <c:pt idx="6137">
                  <c:v>80.370000000009597</c:v>
                </c:pt>
                <c:pt idx="6138">
                  <c:v>80.380000000009602</c:v>
                </c:pt>
                <c:pt idx="6139">
                  <c:v>80.390000000009593</c:v>
                </c:pt>
                <c:pt idx="6140">
                  <c:v>80.400000000009598</c:v>
                </c:pt>
                <c:pt idx="6141">
                  <c:v>80.410000000009603</c:v>
                </c:pt>
                <c:pt idx="6142">
                  <c:v>80.420000000009594</c:v>
                </c:pt>
                <c:pt idx="6143">
                  <c:v>80.430000000009599</c:v>
                </c:pt>
                <c:pt idx="6144">
                  <c:v>80.440000000009604</c:v>
                </c:pt>
                <c:pt idx="6145">
                  <c:v>80.450000000009595</c:v>
                </c:pt>
                <c:pt idx="6146">
                  <c:v>80.4600000000096</c:v>
                </c:pt>
                <c:pt idx="6147">
                  <c:v>80.470000000009605</c:v>
                </c:pt>
                <c:pt idx="6148">
                  <c:v>80.480000000009596</c:v>
                </c:pt>
                <c:pt idx="6149">
                  <c:v>80.490000000009601</c:v>
                </c:pt>
                <c:pt idx="6150">
                  <c:v>80.500000000009607</c:v>
                </c:pt>
                <c:pt idx="6151">
                  <c:v>80.510000000009597</c:v>
                </c:pt>
                <c:pt idx="6152">
                  <c:v>80.520000000009603</c:v>
                </c:pt>
                <c:pt idx="6153">
                  <c:v>80.530000000009593</c:v>
                </c:pt>
                <c:pt idx="6154">
                  <c:v>80.540000000009599</c:v>
                </c:pt>
                <c:pt idx="6155">
                  <c:v>80.550000000009604</c:v>
                </c:pt>
                <c:pt idx="6156">
                  <c:v>80.560000000009595</c:v>
                </c:pt>
                <c:pt idx="6157">
                  <c:v>80.5700000000096</c:v>
                </c:pt>
                <c:pt idx="6158">
                  <c:v>80.580000000009605</c:v>
                </c:pt>
                <c:pt idx="6159">
                  <c:v>80.590000000009596</c:v>
                </c:pt>
                <c:pt idx="6160">
                  <c:v>80.600000000009601</c:v>
                </c:pt>
                <c:pt idx="6161">
                  <c:v>80.610000000009606</c:v>
                </c:pt>
                <c:pt idx="6162">
                  <c:v>80.620000000009597</c:v>
                </c:pt>
                <c:pt idx="6163">
                  <c:v>80.630000000009602</c:v>
                </c:pt>
                <c:pt idx="6164">
                  <c:v>80.640000000009593</c:v>
                </c:pt>
                <c:pt idx="6165">
                  <c:v>80.650000000009598</c:v>
                </c:pt>
                <c:pt idx="6166">
                  <c:v>80.660000000009603</c:v>
                </c:pt>
                <c:pt idx="6167">
                  <c:v>80.670000000009594</c:v>
                </c:pt>
                <c:pt idx="6168">
                  <c:v>80.680000000009599</c:v>
                </c:pt>
                <c:pt idx="6169">
                  <c:v>80.690000000009604</c:v>
                </c:pt>
                <c:pt idx="6170">
                  <c:v>80.700000000009595</c:v>
                </c:pt>
                <c:pt idx="6171">
                  <c:v>80.7100000000096</c:v>
                </c:pt>
                <c:pt idx="6172">
                  <c:v>80.720000000009605</c:v>
                </c:pt>
                <c:pt idx="6173">
                  <c:v>80.730000000009696</c:v>
                </c:pt>
                <c:pt idx="6174">
                  <c:v>80.740000000009701</c:v>
                </c:pt>
                <c:pt idx="6175">
                  <c:v>80.750000000009607</c:v>
                </c:pt>
                <c:pt idx="6176">
                  <c:v>80.760000000009697</c:v>
                </c:pt>
                <c:pt idx="6177">
                  <c:v>80.770000000009702</c:v>
                </c:pt>
                <c:pt idx="6178">
                  <c:v>80.780000000009693</c:v>
                </c:pt>
                <c:pt idx="6179">
                  <c:v>80.790000000009698</c:v>
                </c:pt>
                <c:pt idx="6180">
                  <c:v>80.800000000009703</c:v>
                </c:pt>
                <c:pt idx="6181">
                  <c:v>80.810000000009694</c:v>
                </c:pt>
                <c:pt idx="6182">
                  <c:v>80.820000000009699</c:v>
                </c:pt>
                <c:pt idx="6183">
                  <c:v>80.830000000009704</c:v>
                </c:pt>
                <c:pt idx="6184">
                  <c:v>80.840000000009695</c:v>
                </c:pt>
                <c:pt idx="6185">
                  <c:v>80.8500000000097</c:v>
                </c:pt>
                <c:pt idx="6186">
                  <c:v>80.860000000009705</c:v>
                </c:pt>
                <c:pt idx="6187">
                  <c:v>80.870000000009696</c:v>
                </c:pt>
                <c:pt idx="6188">
                  <c:v>80.880000000009701</c:v>
                </c:pt>
                <c:pt idx="6189">
                  <c:v>80.890000000009707</c:v>
                </c:pt>
                <c:pt idx="6190">
                  <c:v>80.900000000009697</c:v>
                </c:pt>
                <c:pt idx="6191">
                  <c:v>80.910000000009703</c:v>
                </c:pt>
                <c:pt idx="6192">
                  <c:v>80.920000000009694</c:v>
                </c:pt>
                <c:pt idx="6193">
                  <c:v>80.930000000009699</c:v>
                </c:pt>
                <c:pt idx="6194">
                  <c:v>80.940000000009704</c:v>
                </c:pt>
                <c:pt idx="6195">
                  <c:v>80.950000000009695</c:v>
                </c:pt>
                <c:pt idx="6196">
                  <c:v>80.9600000000097</c:v>
                </c:pt>
                <c:pt idx="6197">
                  <c:v>80.970000000009705</c:v>
                </c:pt>
                <c:pt idx="6198">
                  <c:v>80.980000000009696</c:v>
                </c:pt>
                <c:pt idx="6199">
                  <c:v>80.990000000009701</c:v>
                </c:pt>
                <c:pt idx="6200">
                  <c:v>81.000000000009706</c:v>
                </c:pt>
                <c:pt idx="6201">
                  <c:v>81.010000000009697</c:v>
                </c:pt>
                <c:pt idx="6202">
                  <c:v>81.020000000009702</c:v>
                </c:pt>
                <c:pt idx="6203">
                  <c:v>81.030000000009693</c:v>
                </c:pt>
                <c:pt idx="6204">
                  <c:v>81.040000000009698</c:v>
                </c:pt>
                <c:pt idx="6205">
                  <c:v>81.050000000009703</c:v>
                </c:pt>
                <c:pt idx="6206">
                  <c:v>81.060000000009694</c:v>
                </c:pt>
                <c:pt idx="6207">
                  <c:v>81.070000000009699</c:v>
                </c:pt>
                <c:pt idx="6208">
                  <c:v>81.080000000009704</c:v>
                </c:pt>
                <c:pt idx="6209">
                  <c:v>81.090000000009695</c:v>
                </c:pt>
                <c:pt idx="6210">
                  <c:v>81.1000000000097</c:v>
                </c:pt>
                <c:pt idx="6211">
                  <c:v>81.110000000009705</c:v>
                </c:pt>
                <c:pt idx="6212">
                  <c:v>81.120000000009696</c:v>
                </c:pt>
                <c:pt idx="6213">
                  <c:v>81.130000000009701</c:v>
                </c:pt>
                <c:pt idx="6214">
                  <c:v>81.140000000009707</c:v>
                </c:pt>
                <c:pt idx="6215">
                  <c:v>81.150000000009697</c:v>
                </c:pt>
                <c:pt idx="6216">
                  <c:v>81.160000000009703</c:v>
                </c:pt>
                <c:pt idx="6217">
                  <c:v>81.170000000009694</c:v>
                </c:pt>
                <c:pt idx="6218">
                  <c:v>81.180000000009699</c:v>
                </c:pt>
                <c:pt idx="6219">
                  <c:v>81.190000000009704</c:v>
                </c:pt>
                <c:pt idx="6220">
                  <c:v>81.200000000009695</c:v>
                </c:pt>
                <c:pt idx="6221">
                  <c:v>81.2100000000097</c:v>
                </c:pt>
                <c:pt idx="6222">
                  <c:v>81.220000000009705</c:v>
                </c:pt>
                <c:pt idx="6223">
                  <c:v>81.230000000009696</c:v>
                </c:pt>
                <c:pt idx="6224">
                  <c:v>81.240000000009701</c:v>
                </c:pt>
                <c:pt idx="6225">
                  <c:v>81.250000000009706</c:v>
                </c:pt>
                <c:pt idx="6226">
                  <c:v>81.260000000009697</c:v>
                </c:pt>
                <c:pt idx="6227">
                  <c:v>81.270000000009702</c:v>
                </c:pt>
                <c:pt idx="6228">
                  <c:v>81.280000000009693</c:v>
                </c:pt>
                <c:pt idx="6229">
                  <c:v>81.290000000009698</c:v>
                </c:pt>
                <c:pt idx="6230">
                  <c:v>81.300000000009703</c:v>
                </c:pt>
                <c:pt idx="6231">
                  <c:v>81.310000000009694</c:v>
                </c:pt>
                <c:pt idx="6232">
                  <c:v>81.320000000009699</c:v>
                </c:pt>
                <c:pt idx="6233">
                  <c:v>81.330000000009704</c:v>
                </c:pt>
                <c:pt idx="6234">
                  <c:v>81.340000000009695</c:v>
                </c:pt>
                <c:pt idx="6235">
                  <c:v>81.3500000000097</c:v>
                </c:pt>
                <c:pt idx="6236">
                  <c:v>81.360000000009705</c:v>
                </c:pt>
                <c:pt idx="6237">
                  <c:v>81.370000000009796</c:v>
                </c:pt>
                <c:pt idx="6238">
                  <c:v>81.380000000009801</c:v>
                </c:pt>
                <c:pt idx="6239">
                  <c:v>81.390000000009707</c:v>
                </c:pt>
                <c:pt idx="6240">
                  <c:v>81.400000000009797</c:v>
                </c:pt>
                <c:pt idx="6241">
                  <c:v>81.410000000009802</c:v>
                </c:pt>
                <c:pt idx="6242">
                  <c:v>81.420000000009793</c:v>
                </c:pt>
                <c:pt idx="6243">
                  <c:v>81.430000000009798</c:v>
                </c:pt>
                <c:pt idx="6244">
                  <c:v>81.440000000009803</c:v>
                </c:pt>
                <c:pt idx="6245">
                  <c:v>81.450000000009794</c:v>
                </c:pt>
                <c:pt idx="6246">
                  <c:v>81.460000000009799</c:v>
                </c:pt>
                <c:pt idx="6247">
                  <c:v>81.470000000009804</c:v>
                </c:pt>
                <c:pt idx="6248">
                  <c:v>81.480000000009795</c:v>
                </c:pt>
                <c:pt idx="6249">
                  <c:v>81.4900000000098</c:v>
                </c:pt>
                <c:pt idx="6250">
                  <c:v>81.500000000009805</c:v>
                </c:pt>
                <c:pt idx="6251">
                  <c:v>81.510000000009796</c:v>
                </c:pt>
                <c:pt idx="6252">
                  <c:v>81.520000000009802</c:v>
                </c:pt>
                <c:pt idx="6253">
                  <c:v>81.530000000009807</c:v>
                </c:pt>
                <c:pt idx="6254">
                  <c:v>81.540000000009798</c:v>
                </c:pt>
                <c:pt idx="6255">
                  <c:v>81.550000000009803</c:v>
                </c:pt>
                <c:pt idx="6256">
                  <c:v>81.560000000009794</c:v>
                </c:pt>
                <c:pt idx="6257">
                  <c:v>81.570000000009799</c:v>
                </c:pt>
                <c:pt idx="6258">
                  <c:v>81.580000000009804</c:v>
                </c:pt>
                <c:pt idx="6259">
                  <c:v>81.590000000009795</c:v>
                </c:pt>
                <c:pt idx="6260">
                  <c:v>81.6000000000098</c:v>
                </c:pt>
                <c:pt idx="6261">
                  <c:v>81.610000000009805</c:v>
                </c:pt>
                <c:pt idx="6262">
                  <c:v>81.620000000009796</c:v>
                </c:pt>
                <c:pt idx="6263">
                  <c:v>81.630000000009801</c:v>
                </c:pt>
                <c:pt idx="6264">
                  <c:v>81.640000000009806</c:v>
                </c:pt>
                <c:pt idx="6265">
                  <c:v>81.650000000009797</c:v>
                </c:pt>
                <c:pt idx="6266">
                  <c:v>81.660000000009802</c:v>
                </c:pt>
                <c:pt idx="6267">
                  <c:v>81.670000000009793</c:v>
                </c:pt>
                <c:pt idx="6268">
                  <c:v>81.680000000009798</c:v>
                </c:pt>
                <c:pt idx="6269">
                  <c:v>81.690000000009803</c:v>
                </c:pt>
                <c:pt idx="6270">
                  <c:v>81.700000000009794</c:v>
                </c:pt>
                <c:pt idx="6271">
                  <c:v>81.710000000009799</c:v>
                </c:pt>
                <c:pt idx="6272">
                  <c:v>81.720000000009804</c:v>
                </c:pt>
                <c:pt idx="6273">
                  <c:v>81.730000000009795</c:v>
                </c:pt>
                <c:pt idx="6274">
                  <c:v>81.7400000000098</c:v>
                </c:pt>
                <c:pt idx="6275">
                  <c:v>81.750000000009805</c:v>
                </c:pt>
                <c:pt idx="6276">
                  <c:v>81.760000000009796</c:v>
                </c:pt>
                <c:pt idx="6277">
                  <c:v>81.770000000009802</c:v>
                </c:pt>
                <c:pt idx="6278">
                  <c:v>81.780000000009807</c:v>
                </c:pt>
                <c:pt idx="6279">
                  <c:v>81.790000000009798</c:v>
                </c:pt>
                <c:pt idx="6280">
                  <c:v>81.800000000009803</c:v>
                </c:pt>
                <c:pt idx="6281">
                  <c:v>81.810000000009794</c:v>
                </c:pt>
                <c:pt idx="6282">
                  <c:v>81.820000000009799</c:v>
                </c:pt>
                <c:pt idx="6283">
                  <c:v>81.830000000009804</c:v>
                </c:pt>
                <c:pt idx="6284">
                  <c:v>81.840000000009795</c:v>
                </c:pt>
                <c:pt idx="6285">
                  <c:v>81.8500000000098</c:v>
                </c:pt>
                <c:pt idx="6286">
                  <c:v>81.860000000009805</c:v>
                </c:pt>
                <c:pt idx="6287">
                  <c:v>81.870000000009796</c:v>
                </c:pt>
                <c:pt idx="6288">
                  <c:v>81.880000000009801</c:v>
                </c:pt>
                <c:pt idx="6289">
                  <c:v>81.890000000009806</c:v>
                </c:pt>
                <c:pt idx="6290">
                  <c:v>81.900000000009797</c:v>
                </c:pt>
                <c:pt idx="6291">
                  <c:v>81.910000000009802</c:v>
                </c:pt>
                <c:pt idx="6292">
                  <c:v>81.920000000009793</c:v>
                </c:pt>
                <c:pt idx="6293">
                  <c:v>81.930000000009798</c:v>
                </c:pt>
                <c:pt idx="6294">
                  <c:v>81.940000000009803</c:v>
                </c:pt>
                <c:pt idx="6295">
                  <c:v>81.950000000009794</c:v>
                </c:pt>
                <c:pt idx="6296">
                  <c:v>81.960000000009799</c:v>
                </c:pt>
                <c:pt idx="6297">
                  <c:v>81.970000000009804</c:v>
                </c:pt>
                <c:pt idx="6298">
                  <c:v>81.980000000009795</c:v>
                </c:pt>
                <c:pt idx="6299">
                  <c:v>81.9900000000098</c:v>
                </c:pt>
                <c:pt idx="6300">
                  <c:v>82.000000000009805</c:v>
                </c:pt>
                <c:pt idx="6301">
                  <c:v>82.010000000009896</c:v>
                </c:pt>
                <c:pt idx="6302">
                  <c:v>82.020000000009901</c:v>
                </c:pt>
                <c:pt idx="6303">
                  <c:v>82.030000000009807</c:v>
                </c:pt>
                <c:pt idx="6304">
                  <c:v>82.040000000009897</c:v>
                </c:pt>
                <c:pt idx="6305">
                  <c:v>82.050000000009902</c:v>
                </c:pt>
                <c:pt idx="6306">
                  <c:v>82.060000000009893</c:v>
                </c:pt>
                <c:pt idx="6307">
                  <c:v>82.070000000009898</c:v>
                </c:pt>
                <c:pt idx="6308">
                  <c:v>82.080000000009903</c:v>
                </c:pt>
                <c:pt idx="6309">
                  <c:v>82.090000000009894</c:v>
                </c:pt>
                <c:pt idx="6310">
                  <c:v>82.100000000009899</c:v>
                </c:pt>
                <c:pt idx="6311">
                  <c:v>82.110000000009904</c:v>
                </c:pt>
                <c:pt idx="6312">
                  <c:v>82.120000000009895</c:v>
                </c:pt>
                <c:pt idx="6313">
                  <c:v>82.1300000000099</c:v>
                </c:pt>
                <c:pt idx="6314">
                  <c:v>82.140000000009906</c:v>
                </c:pt>
                <c:pt idx="6315">
                  <c:v>82.150000000009896</c:v>
                </c:pt>
                <c:pt idx="6316">
                  <c:v>82.160000000009902</c:v>
                </c:pt>
                <c:pt idx="6317">
                  <c:v>82.170000000009907</c:v>
                </c:pt>
                <c:pt idx="6318">
                  <c:v>82.180000000009898</c:v>
                </c:pt>
                <c:pt idx="6319">
                  <c:v>82.190000000009903</c:v>
                </c:pt>
                <c:pt idx="6320">
                  <c:v>82.200000000009894</c:v>
                </c:pt>
                <c:pt idx="6321">
                  <c:v>82.210000000009899</c:v>
                </c:pt>
                <c:pt idx="6322">
                  <c:v>82.220000000009904</c:v>
                </c:pt>
                <c:pt idx="6323">
                  <c:v>82.230000000009895</c:v>
                </c:pt>
                <c:pt idx="6324">
                  <c:v>82.2400000000099</c:v>
                </c:pt>
                <c:pt idx="6325">
                  <c:v>82.250000000009905</c:v>
                </c:pt>
                <c:pt idx="6326">
                  <c:v>82.260000000009896</c:v>
                </c:pt>
                <c:pt idx="6327">
                  <c:v>82.270000000009901</c:v>
                </c:pt>
                <c:pt idx="6328">
                  <c:v>82.280000000009906</c:v>
                </c:pt>
                <c:pt idx="6329">
                  <c:v>82.290000000009897</c:v>
                </c:pt>
                <c:pt idx="6330">
                  <c:v>82.300000000009902</c:v>
                </c:pt>
                <c:pt idx="6331">
                  <c:v>82.310000000009893</c:v>
                </c:pt>
                <c:pt idx="6332">
                  <c:v>82.320000000009898</c:v>
                </c:pt>
                <c:pt idx="6333">
                  <c:v>82.330000000009903</c:v>
                </c:pt>
                <c:pt idx="6334">
                  <c:v>82.340000000009894</c:v>
                </c:pt>
                <c:pt idx="6335">
                  <c:v>82.350000000009899</c:v>
                </c:pt>
                <c:pt idx="6336">
                  <c:v>82.360000000009904</c:v>
                </c:pt>
                <c:pt idx="6337">
                  <c:v>82.370000000009895</c:v>
                </c:pt>
                <c:pt idx="6338">
                  <c:v>82.3800000000099</c:v>
                </c:pt>
                <c:pt idx="6339">
                  <c:v>82.390000000009906</c:v>
                </c:pt>
                <c:pt idx="6340">
                  <c:v>82.400000000009896</c:v>
                </c:pt>
                <c:pt idx="6341">
                  <c:v>82.410000000009902</c:v>
                </c:pt>
                <c:pt idx="6342">
                  <c:v>82.420000000009907</c:v>
                </c:pt>
                <c:pt idx="6343">
                  <c:v>82.430000000009898</c:v>
                </c:pt>
                <c:pt idx="6344">
                  <c:v>82.440000000009903</c:v>
                </c:pt>
                <c:pt idx="6345">
                  <c:v>82.450000000009894</c:v>
                </c:pt>
                <c:pt idx="6346">
                  <c:v>82.460000000009899</c:v>
                </c:pt>
                <c:pt idx="6347">
                  <c:v>82.470000000009904</c:v>
                </c:pt>
                <c:pt idx="6348">
                  <c:v>82.480000000009895</c:v>
                </c:pt>
                <c:pt idx="6349">
                  <c:v>82.4900000000099</c:v>
                </c:pt>
                <c:pt idx="6350">
                  <c:v>82.500000000009905</c:v>
                </c:pt>
                <c:pt idx="6351">
                  <c:v>82.510000000009896</c:v>
                </c:pt>
                <c:pt idx="6352">
                  <c:v>82.520000000009901</c:v>
                </c:pt>
                <c:pt idx="6353">
                  <c:v>82.530000000009906</c:v>
                </c:pt>
                <c:pt idx="6354">
                  <c:v>82.540000000009897</c:v>
                </c:pt>
                <c:pt idx="6355">
                  <c:v>82.550000000009902</c:v>
                </c:pt>
                <c:pt idx="6356">
                  <c:v>82.560000000009893</c:v>
                </c:pt>
                <c:pt idx="6357">
                  <c:v>82.570000000009898</c:v>
                </c:pt>
                <c:pt idx="6358">
                  <c:v>82.580000000009903</c:v>
                </c:pt>
                <c:pt idx="6359">
                  <c:v>82.590000000009894</c:v>
                </c:pt>
                <c:pt idx="6360">
                  <c:v>82.600000000009899</c:v>
                </c:pt>
                <c:pt idx="6361">
                  <c:v>82.610000000009904</c:v>
                </c:pt>
                <c:pt idx="6362">
                  <c:v>82.620000000009895</c:v>
                </c:pt>
                <c:pt idx="6363">
                  <c:v>82.6300000000099</c:v>
                </c:pt>
                <c:pt idx="6364">
                  <c:v>82.640000000009906</c:v>
                </c:pt>
                <c:pt idx="6365">
                  <c:v>82.650000000009996</c:v>
                </c:pt>
                <c:pt idx="6366">
                  <c:v>82.660000000010001</c:v>
                </c:pt>
                <c:pt idx="6367">
                  <c:v>82.670000000009907</c:v>
                </c:pt>
                <c:pt idx="6368">
                  <c:v>82.680000000009997</c:v>
                </c:pt>
                <c:pt idx="6369">
                  <c:v>82.690000000010002</c:v>
                </c:pt>
                <c:pt idx="6370">
                  <c:v>82.700000000009993</c:v>
                </c:pt>
                <c:pt idx="6371">
                  <c:v>82.710000000009998</c:v>
                </c:pt>
                <c:pt idx="6372">
                  <c:v>82.720000000010003</c:v>
                </c:pt>
                <c:pt idx="6373">
                  <c:v>82.730000000009994</c:v>
                </c:pt>
                <c:pt idx="6374">
                  <c:v>82.740000000009999</c:v>
                </c:pt>
                <c:pt idx="6375">
                  <c:v>82.750000000010004</c:v>
                </c:pt>
                <c:pt idx="6376">
                  <c:v>82.760000000009995</c:v>
                </c:pt>
                <c:pt idx="6377">
                  <c:v>82.77000000001</c:v>
                </c:pt>
                <c:pt idx="6378">
                  <c:v>82.780000000010006</c:v>
                </c:pt>
                <c:pt idx="6379">
                  <c:v>82.790000000009996</c:v>
                </c:pt>
                <c:pt idx="6380">
                  <c:v>82.800000000010002</c:v>
                </c:pt>
                <c:pt idx="6381">
                  <c:v>82.810000000010007</c:v>
                </c:pt>
                <c:pt idx="6382">
                  <c:v>82.820000000009998</c:v>
                </c:pt>
                <c:pt idx="6383">
                  <c:v>82.830000000010003</c:v>
                </c:pt>
                <c:pt idx="6384">
                  <c:v>82.840000000009994</c:v>
                </c:pt>
                <c:pt idx="6385">
                  <c:v>82.850000000009999</c:v>
                </c:pt>
                <c:pt idx="6386">
                  <c:v>82.860000000010004</c:v>
                </c:pt>
                <c:pt idx="6387">
                  <c:v>82.870000000009995</c:v>
                </c:pt>
                <c:pt idx="6388">
                  <c:v>82.88000000001</c:v>
                </c:pt>
                <c:pt idx="6389">
                  <c:v>82.890000000010005</c:v>
                </c:pt>
                <c:pt idx="6390">
                  <c:v>82.900000000009996</c:v>
                </c:pt>
                <c:pt idx="6391">
                  <c:v>82.910000000010001</c:v>
                </c:pt>
                <c:pt idx="6392">
                  <c:v>82.920000000010006</c:v>
                </c:pt>
                <c:pt idx="6393">
                  <c:v>82.930000000009997</c:v>
                </c:pt>
                <c:pt idx="6394">
                  <c:v>82.940000000010002</c:v>
                </c:pt>
                <c:pt idx="6395">
                  <c:v>82.950000000009993</c:v>
                </c:pt>
                <c:pt idx="6396">
                  <c:v>82.960000000009998</c:v>
                </c:pt>
                <c:pt idx="6397">
                  <c:v>82.970000000010003</c:v>
                </c:pt>
                <c:pt idx="6398">
                  <c:v>82.980000000009994</c:v>
                </c:pt>
                <c:pt idx="6399">
                  <c:v>82.990000000009999</c:v>
                </c:pt>
                <c:pt idx="6400">
                  <c:v>83.000000000010004</c:v>
                </c:pt>
                <c:pt idx="6401">
                  <c:v>83.010000000009995</c:v>
                </c:pt>
                <c:pt idx="6402">
                  <c:v>83.02000000001</c:v>
                </c:pt>
                <c:pt idx="6403">
                  <c:v>83.030000000010006</c:v>
                </c:pt>
                <c:pt idx="6404">
                  <c:v>83.040000000009996</c:v>
                </c:pt>
                <c:pt idx="6405">
                  <c:v>83.050000000010002</c:v>
                </c:pt>
                <c:pt idx="6406">
                  <c:v>83.060000000010007</c:v>
                </c:pt>
                <c:pt idx="6407">
                  <c:v>83.070000000009998</c:v>
                </c:pt>
                <c:pt idx="6408">
                  <c:v>83.080000000010003</c:v>
                </c:pt>
                <c:pt idx="6409">
                  <c:v>83.090000000009994</c:v>
                </c:pt>
                <c:pt idx="6410">
                  <c:v>83.100000000009999</c:v>
                </c:pt>
                <c:pt idx="6411">
                  <c:v>83.110000000010004</c:v>
                </c:pt>
                <c:pt idx="6412">
                  <c:v>83.120000000009995</c:v>
                </c:pt>
                <c:pt idx="6413">
                  <c:v>83.13000000001</c:v>
                </c:pt>
                <c:pt idx="6414">
                  <c:v>83.140000000010005</c:v>
                </c:pt>
                <c:pt idx="6415">
                  <c:v>83.150000000009996</c:v>
                </c:pt>
                <c:pt idx="6416">
                  <c:v>83.160000000010001</c:v>
                </c:pt>
                <c:pt idx="6417">
                  <c:v>83.170000000010006</c:v>
                </c:pt>
                <c:pt idx="6418">
                  <c:v>83.180000000009997</c:v>
                </c:pt>
                <c:pt idx="6419">
                  <c:v>83.190000000010002</c:v>
                </c:pt>
                <c:pt idx="6420">
                  <c:v>83.200000000009993</c:v>
                </c:pt>
                <c:pt idx="6421">
                  <c:v>83.210000000009998</c:v>
                </c:pt>
                <c:pt idx="6422">
                  <c:v>83.220000000010003</c:v>
                </c:pt>
                <c:pt idx="6423">
                  <c:v>83.230000000009994</c:v>
                </c:pt>
                <c:pt idx="6424">
                  <c:v>83.240000000009999</c:v>
                </c:pt>
                <c:pt idx="6425">
                  <c:v>83.250000000010004</c:v>
                </c:pt>
                <c:pt idx="6426">
                  <c:v>83.260000000010095</c:v>
                </c:pt>
                <c:pt idx="6427">
                  <c:v>83.27000000001</c:v>
                </c:pt>
                <c:pt idx="6428">
                  <c:v>83.280000000010006</c:v>
                </c:pt>
                <c:pt idx="6429">
                  <c:v>83.290000000010096</c:v>
                </c:pt>
                <c:pt idx="6430">
                  <c:v>83.300000000010002</c:v>
                </c:pt>
                <c:pt idx="6431">
                  <c:v>83.310000000010007</c:v>
                </c:pt>
                <c:pt idx="6432">
                  <c:v>83.320000000010097</c:v>
                </c:pt>
                <c:pt idx="6433">
                  <c:v>83.330000000010102</c:v>
                </c:pt>
                <c:pt idx="6434">
                  <c:v>83.340000000010093</c:v>
                </c:pt>
                <c:pt idx="6435">
                  <c:v>83.350000000010098</c:v>
                </c:pt>
                <c:pt idx="6436">
                  <c:v>83.360000000010103</c:v>
                </c:pt>
                <c:pt idx="6437">
                  <c:v>83.370000000010094</c:v>
                </c:pt>
                <c:pt idx="6438">
                  <c:v>83.380000000010099</c:v>
                </c:pt>
                <c:pt idx="6439">
                  <c:v>83.390000000010104</c:v>
                </c:pt>
                <c:pt idx="6440">
                  <c:v>83.400000000010095</c:v>
                </c:pt>
                <c:pt idx="6441">
                  <c:v>83.410000000010101</c:v>
                </c:pt>
                <c:pt idx="6442">
                  <c:v>83.420000000010106</c:v>
                </c:pt>
                <c:pt idx="6443">
                  <c:v>83.430000000010097</c:v>
                </c:pt>
                <c:pt idx="6444">
                  <c:v>83.440000000010102</c:v>
                </c:pt>
                <c:pt idx="6445">
                  <c:v>83.450000000010107</c:v>
                </c:pt>
                <c:pt idx="6446">
                  <c:v>83.460000000010098</c:v>
                </c:pt>
                <c:pt idx="6447">
                  <c:v>83.470000000010103</c:v>
                </c:pt>
                <c:pt idx="6448">
                  <c:v>83.480000000010094</c:v>
                </c:pt>
                <c:pt idx="6449">
                  <c:v>83.490000000010099</c:v>
                </c:pt>
                <c:pt idx="6450">
                  <c:v>83.500000000010104</c:v>
                </c:pt>
                <c:pt idx="6451">
                  <c:v>83.510000000010095</c:v>
                </c:pt>
                <c:pt idx="6452">
                  <c:v>83.5200000000101</c:v>
                </c:pt>
                <c:pt idx="6453">
                  <c:v>83.530000000010105</c:v>
                </c:pt>
                <c:pt idx="6454">
                  <c:v>83.540000000010096</c:v>
                </c:pt>
                <c:pt idx="6455">
                  <c:v>83.550000000010101</c:v>
                </c:pt>
                <c:pt idx="6456">
                  <c:v>83.560000000010106</c:v>
                </c:pt>
                <c:pt idx="6457">
                  <c:v>83.570000000010097</c:v>
                </c:pt>
                <c:pt idx="6458">
                  <c:v>83.580000000010102</c:v>
                </c:pt>
                <c:pt idx="6459">
                  <c:v>83.590000000010093</c:v>
                </c:pt>
                <c:pt idx="6460">
                  <c:v>83.600000000010098</c:v>
                </c:pt>
                <c:pt idx="6461">
                  <c:v>83.610000000010103</c:v>
                </c:pt>
                <c:pt idx="6462">
                  <c:v>83.620000000010094</c:v>
                </c:pt>
                <c:pt idx="6463">
                  <c:v>83.630000000010099</c:v>
                </c:pt>
                <c:pt idx="6464">
                  <c:v>83.640000000010104</c:v>
                </c:pt>
                <c:pt idx="6465">
                  <c:v>83.650000000010095</c:v>
                </c:pt>
                <c:pt idx="6466">
                  <c:v>83.660000000010101</c:v>
                </c:pt>
                <c:pt idx="6467">
                  <c:v>83.670000000010106</c:v>
                </c:pt>
                <c:pt idx="6468">
                  <c:v>83.680000000010097</c:v>
                </c:pt>
                <c:pt idx="6469">
                  <c:v>83.690000000010102</c:v>
                </c:pt>
                <c:pt idx="6470">
                  <c:v>83.700000000010107</c:v>
                </c:pt>
                <c:pt idx="6471">
                  <c:v>83.710000000010098</c:v>
                </c:pt>
                <c:pt idx="6472">
                  <c:v>83.720000000010103</c:v>
                </c:pt>
                <c:pt idx="6473">
                  <c:v>83.730000000010094</c:v>
                </c:pt>
                <c:pt idx="6474">
                  <c:v>83.740000000010099</c:v>
                </c:pt>
                <c:pt idx="6475">
                  <c:v>83.750000000010104</c:v>
                </c:pt>
                <c:pt idx="6476">
                  <c:v>83.760000000010095</c:v>
                </c:pt>
                <c:pt idx="6477">
                  <c:v>83.7700000000101</c:v>
                </c:pt>
                <c:pt idx="6478">
                  <c:v>83.780000000010105</c:v>
                </c:pt>
                <c:pt idx="6479">
                  <c:v>83.790000000010096</c:v>
                </c:pt>
                <c:pt idx="6480">
                  <c:v>83.800000000010101</c:v>
                </c:pt>
                <c:pt idx="6481">
                  <c:v>83.810000000010106</c:v>
                </c:pt>
                <c:pt idx="6482">
                  <c:v>83.820000000010097</c:v>
                </c:pt>
                <c:pt idx="6483">
                  <c:v>83.830000000010102</c:v>
                </c:pt>
                <c:pt idx="6484">
                  <c:v>83.840000000010093</c:v>
                </c:pt>
                <c:pt idx="6485">
                  <c:v>83.850000000010098</c:v>
                </c:pt>
                <c:pt idx="6486">
                  <c:v>83.860000000010103</c:v>
                </c:pt>
                <c:pt idx="6487">
                  <c:v>83.870000000010094</c:v>
                </c:pt>
                <c:pt idx="6488">
                  <c:v>83.880000000010099</c:v>
                </c:pt>
                <c:pt idx="6489">
                  <c:v>83.890000000010104</c:v>
                </c:pt>
                <c:pt idx="6490">
                  <c:v>83.900000000010195</c:v>
                </c:pt>
                <c:pt idx="6491">
                  <c:v>83.910000000010101</c:v>
                </c:pt>
                <c:pt idx="6492">
                  <c:v>83.920000000010106</c:v>
                </c:pt>
                <c:pt idx="6493">
                  <c:v>83.930000000010196</c:v>
                </c:pt>
                <c:pt idx="6494">
                  <c:v>83.940000000010102</c:v>
                </c:pt>
                <c:pt idx="6495">
                  <c:v>83.950000000010107</c:v>
                </c:pt>
                <c:pt idx="6496">
                  <c:v>83.960000000010197</c:v>
                </c:pt>
                <c:pt idx="6497">
                  <c:v>83.970000000010202</c:v>
                </c:pt>
                <c:pt idx="6498">
                  <c:v>83.980000000010193</c:v>
                </c:pt>
                <c:pt idx="6499">
                  <c:v>83.990000000010198</c:v>
                </c:pt>
                <c:pt idx="6500">
                  <c:v>84.000000000010203</c:v>
                </c:pt>
                <c:pt idx="6501">
                  <c:v>84.010000000010194</c:v>
                </c:pt>
                <c:pt idx="6502">
                  <c:v>84.020000000010199</c:v>
                </c:pt>
                <c:pt idx="6503">
                  <c:v>84.030000000010205</c:v>
                </c:pt>
                <c:pt idx="6504">
                  <c:v>84.040000000010195</c:v>
                </c:pt>
                <c:pt idx="6505">
                  <c:v>84.050000000010201</c:v>
                </c:pt>
                <c:pt idx="6506">
                  <c:v>84.060000000010206</c:v>
                </c:pt>
                <c:pt idx="6507">
                  <c:v>84.070000000010197</c:v>
                </c:pt>
                <c:pt idx="6508">
                  <c:v>84.080000000010202</c:v>
                </c:pt>
                <c:pt idx="6509">
                  <c:v>84.090000000010207</c:v>
                </c:pt>
                <c:pt idx="6510">
                  <c:v>84.100000000010198</c:v>
                </c:pt>
                <c:pt idx="6511">
                  <c:v>84.110000000010203</c:v>
                </c:pt>
                <c:pt idx="6512">
                  <c:v>84.120000000010194</c:v>
                </c:pt>
                <c:pt idx="6513">
                  <c:v>84.130000000010199</c:v>
                </c:pt>
                <c:pt idx="6514">
                  <c:v>84.140000000010204</c:v>
                </c:pt>
                <c:pt idx="6515">
                  <c:v>84.150000000010195</c:v>
                </c:pt>
                <c:pt idx="6516">
                  <c:v>84.1600000000102</c:v>
                </c:pt>
                <c:pt idx="6517">
                  <c:v>84.170000000010205</c:v>
                </c:pt>
                <c:pt idx="6518">
                  <c:v>84.180000000010196</c:v>
                </c:pt>
                <c:pt idx="6519">
                  <c:v>84.190000000010201</c:v>
                </c:pt>
                <c:pt idx="6520">
                  <c:v>84.200000000010206</c:v>
                </c:pt>
                <c:pt idx="6521">
                  <c:v>84.210000000010197</c:v>
                </c:pt>
                <c:pt idx="6522">
                  <c:v>84.220000000010202</c:v>
                </c:pt>
                <c:pt idx="6523">
                  <c:v>84.230000000010193</c:v>
                </c:pt>
                <c:pt idx="6524">
                  <c:v>84.240000000010198</c:v>
                </c:pt>
                <c:pt idx="6525">
                  <c:v>84.250000000010203</c:v>
                </c:pt>
                <c:pt idx="6526">
                  <c:v>84.260000000010194</c:v>
                </c:pt>
                <c:pt idx="6527">
                  <c:v>84.270000000010199</c:v>
                </c:pt>
                <c:pt idx="6528">
                  <c:v>84.280000000010205</c:v>
                </c:pt>
                <c:pt idx="6529">
                  <c:v>84.290000000010195</c:v>
                </c:pt>
                <c:pt idx="6530">
                  <c:v>84.300000000010201</c:v>
                </c:pt>
                <c:pt idx="6531">
                  <c:v>84.310000000010206</c:v>
                </c:pt>
                <c:pt idx="6532">
                  <c:v>84.320000000010197</c:v>
                </c:pt>
                <c:pt idx="6533">
                  <c:v>84.330000000010202</c:v>
                </c:pt>
                <c:pt idx="6534">
                  <c:v>84.340000000010207</c:v>
                </c:pt>
                <c:pt idx="6535">
                  <c:v>84.350000000010198</c:v>
                </c:pt>
                <c:pt idx="6536">
                  <c:v>84.360000000010203</c:v>
                </c:pt>
                <c:pt idx="6537">
                  <c:v>84.370000000010194</c:v>
                </c:pt>
                <c:pt idx="6538">
                  <c:v>84.380000000010199</c:v>
                </c:pt>
                <c:pt idx="6539">
                  <c:v>84.390000000010204</c:v>
                </c:pt>
                <c:pt idx="6540">
                  <c:v>84.400000000010195</c:v>
                </c:pt>
                <c:pt idx="6541">
                  <c:v>84.4100000000102</c:v>
                </c:pt>
                <c:pt idx="6542">
                  <c:v>84.420000000010205</c:v>
                </c:pt>
                <c:pt idx="6543">
                  <c:v>84.430000000010196</c:v>
                </c:pt>
                <c:pt idx="6544">
                  <c:v>84.440000000010201</c:v>
                </c:pt>
                <c:pt idx="6545">
                  <c:v>84.450000000010206</c:v>
                </c:pt>
                <c:pt idx="6546">
                  <c:v>84.460000000010197</c:v>
                </c:pt>
                <c:pt idx="6547">
                  <c:v>84.470000000010202</c:v>
                </c:pt>
                <c:pt idx="6548">
                  <c:v>84.480000000010193</c:v>
                </c:pt>
                <c:pt idx="6549">
                  <c:v>84.490000000010198</c:v>
                </c:pt>
                <c:pt idx="6550">
                  <c:v>84.500000000010203</c:v>
                </c:pt>
                <c:pt idx="6551">
                  <c:v>84.510000000010194</c:v>
                </c:pt>
                <c:pt idx="6552">
                  <c:v>84.520000000010199</c:v>
                </c:pt>
                <c:pt idx="6553">
                  <c:v>84.530000000010205</c:v>
                </c:pt>
                <c:pt idx="6554">
                  <c:v>84.540000000010295</c:v>
                </c:pt>
                <c:pt idx="6555">
                  <c:v>84.550000000010201</c:v>
                </c:pt>
                <c:pt idx="6556">
                  <c:v>84.560000000010206</c:v>
                </c:pt>
                <c:pt idx="6557">
                  <c:v>84.570000000010296</c:v>
                </c:pt>
                <c:pt idx="6558">
                  <c:v>84.580000000010202</c:v>
                </c:pt>
                <c:pt idx="6559">
                  <c:v>84.590000000010207</c:v>
                </c:pt>
                <c:pt idx="6560">
                  <c:v>84.600000000010297</c:v>
                </c:pt>
                <c:pt idx="6561">
                  <c:v>84.610000000010302</c:v>
                </c:pt>
                <c:pt idx="6562">
                  <c:v>84.620000000010293</c:v>
                </c:pt>
                <c:pt idx="6563">
                  <c:v>84.630000000010298</c:v>
                </c:pt>
                <c:pt idx="6564">
                  <c:v>84.640000000010303</c:v>
                </c:pt>
                <c:pt idx="6565">
                  <c:v>84.650000000010294</c:v>
                </c:pt>
                <c:pt idx="6566">
                  <c:v>84.660000000010299</c:v>
                </c:pt>
                <c:pt idx="6567">
                  <c:v>84.670000000010305</c:v>
                </c:pt>
                <c:pt idx="6568">
                  <c:v>84.680000000010295</c:v>
                </c:pt>
                <c:pt idx="6569">
                  <c:v>84.690000000010301</c:v>
                </c:pt>
                <c:pt idx="6570">
                  <c:v>84.700000000010306</c:v>
                </c:pt>
                <c:pt idx="6571">
                  <c:v>84.710000000010297</c:v>
                </c:pt>
                <c:pt idx="6572">
                  <c:v>84.720000000010302</c:v>
                </c:pt>
                <c:pt idx="6573">
                  <c:v>84.730000000010307</c:v>
                </c:pt>
                <c:pt idx="6574">
                  <c:v>84.740000000010298</c:v>
                </c:pt>
                <c:pt idx="6575">
                  <c:v>84.750000000010303</c:v>
                </c:pt>
                <c:pt idx="6576">
                  <c:v>84.760000000010294</c:v>
                </c:pt>
                <c:pt idx="6577">
                  <c:v>84.770000000010299</c:v>
                </c:pt>
                <c:pt idx="6578">
                  <c:v>84.780000000010304</c:v>
                </c:pt>
                <c:pt idx="6579">
                  <c:v>84.790000000010295</c:v>
                </c:pt>
                <c:pt idx="6580">
                  <c:v>84.8000000000103</c:v>
                </c:pt>
                <c:pt idx="6581">
                  <c:v>84.810000000010305</c:v>
                </c:pt>
                <c:pt idx="6582">
                  <c:v>84.820000000010296</c:v>
                </c:pt>
                <c:pt idx="6583">
                  <c:v>84.830000000010301</c:v>
                </c:pt>
                <c:pt idx="6584">
                  <c:v>84.840000000010306</c:v>
                </c:pt>
                <c:pt idx="6585">
                  <c:v>84.850000000010297</c:v>
                </c:pt>
                <c:pt idx="6586">
                  <c:v>84.860000000010302</c:v>
                </c:pt>
                <c:pt idx="6587">
                  <c:v>84.870000000010293</c:v>
                </c:pt>
                <c:pt idx="6588">
                  <c:v>84.880000000010298</c:v>
                </c:pt>
                <c:pt idx="6589">
                  <c:v>84.890000000010303</c:v>
                </c:pt>
                <c:pt idx="6590">
                  <c:v>84.900000000010294</c:v>
                </c:pt>
                <c:pt idx="6591">
                  <c:v>84.910000000010299</c:v>
                </c:pt>
                <c:pt idx="6592">
                  <c:v>84.920000000010305</c:v>
                </c:pt>
                <c:pt idx="6593">
                  <c:v>84.930000000010295</c:v>
                </c:pt>
                <c:pt idx="6594">
                  <c:v>84.940000000010301</c:v>
                </c:pt>
                <c:pt idx="6595">
                  <c:v>84.950000000010306</c:v>
                </c:pt>
                <c:pt idx="6596">
                  <c:v>84.960000000010297</c:v>
                </c:pt>
                <c:pt idx="6597">
                  <c:v>84.970000000010302</c:v>
                </c:pt>
                <c:pt idx="6598">
                  <c:v>84.980000000010307</c:v>
                </c:pt>
                <c:pt idx="6599">
                  <c:v>84.990000000010298</c:v>
                </c:pt>
                <c:pt idx="6600">
                  <c:v>85.000000000010303</c:v>
                </c:pt>
                <c:pt idx="6601">
                  <c:v>85.010000000010294</c:v>
                </c:pt>
                <c:pt idx="6602">
                  <c:v>85.020000000010299</c:v>
                </c:pt>
                <c:pt idx="6603">
                  <c:v>85.030000000010304</c:v>
                </c:pt>
                <c:pt idx="6604">
                  <c:v>85.040000000010295</c:v>
                </c:pt>
                <c:pt idx="6605">
                  <c:v>85.0500000000103</c:v>
                </c:pt>
                <c:pt idx="6606">
                  <c:v>85.060000000010305</c:v>
                </c:pt>
                <c:pt idx="6607">
                  <c:v>85.070000000010296</c:v>
                </c:pt>
                <c:pt idx="6608">
                  <c:v>85.080000000010301</c:v>
                </c:pt>
                <c:pt idx="6609">
                  <c:v>85.090000000010306</c:v>
                </c:pt>
                <c:pt idx="6610">
                  <c:v>85.100000000010297</c:v>
                </c:pt>
                <c:pt idx="6611">
                  <c:v>85.110000000010302</c:v>
                </c:pt>
                <c:pt idx="6612">
                  <c:v>85.120000000010293</c:v>
                </c:pt>
                <c:pt idx="6613">
                  <c:v>85.130000000010298</c:v>
                </c:pt>
                <c:pt idx="6614">
                  <c:v>85.140000000010303</c:v>
                </c:pt>
                <c:pt idx="6615">
                  <c:v>85.150000000010294</c:v>
                </c:pt>
                <c:pt idx="6616">
                  <c:v>85.160000000010299</c:v>
                </c:pt>
                <c:pt idx="6617">
                  <c:v>85.170000000010305</c:v>
                </c:pt>
                <c:pt idx="6618">
                  <c:v>85.180000000010395</c:v>
                </c:pt>
                <c:pt idx="6619">
                  <c:v>85.190000000010301</c:v>
                </c:pt>
                <c:pt idx="6620">
                  <c:v>85.200000000010306</c:v>
                </c:pt>
                <c:pt idx="6621">
                  <c:v>85.210000000010396</c:v>
                </c:pt>
                <c:pt idx="6622">
                  <c:v>85.220000000010302</c:v>
                </c:pt>
                <c:pt idx="6623">
                  <c:v>85.230000000010307</c:v>
                </c:pt>
                <c:pt idx="6624">
                  <c:v>85.240000000010397</c:v>
                </c:pt>
                <c:pt idx="6625">
                  <c:v>85.250000000010402</c:v>
                </c:pt>
                <c:pt idx="6626">
                  <c:v>85.260000000010393</c:v>
                </c:pt>
                <c:pt idx="6627">
                  <c:v>85.270000000010398</c:v>
                </c:pt>
                <c:pt idx="6628">
                  <c:v>85.280000000010403</c:v>
                </c:pt>
                <c:pt idx="6629">
                  <c:v>85.290000000010394</c:v>
                </c:pt>
                <c:pt idx="6630">
                  <c:v>85.3000000000104</c:v>
                </c:pt>
                <c:pt idx="6631">
                  <c:v>85.310000000010405</c:v>
                </c:pt>
                <c:pt idx="6632">
                  <c:v>85.320000000010396</c:v>
                </c:pt>
                <c:pt idx="6633">
                  <c:v>85.330000000010401</c:v>
                </c:pt>
                <c:pt idx="6634">
                  <c:v>85.340000000010406</c:v>
                </c:pt>
                <c:pt idx="6635">
                  <c:v>85.350000000010397</c:v>
                </c:pt>
                <c:pt idx="6636">
                  <c:v>85.360000000010402</c:v>
                </c:pt>
                <c:pt idx="6637">
                  <c:v>85.370000000010407</c:v>
                </c:pt>
                <c:pt idx="6638">
                  <c:v>85.380000000010398</c:v>
                </c:pt>
                <c:pt idx="6639">
                  <c:v>85.390000000010403</c:v>
                </c:pt>
                <c:pt idx="6640">
                  <c:v>85.400000000010394</c:v>
                </c:pt>
                <c:pt idx="6641">
                  <c:v>85.410000000010399</c:v>
                </c:pt>
                <c:pt idx="6642">
                  <c:v>85.420000000010404</c:v>
                </c:pt>
                <c:pt idx="6643">
                  <c:v>85.430000000010395</c:v>
                </c:pt>
                <c:pt idx="6644">
                  <c:v>85.4400000000104</c:v>
                </c:pt>
                <c:pt idx="6645">
                  <c:v>85.450000000010405</c:v>
                </c:pt>
                <c:pt idx="6646">
                  <c:v>85.460000000010396</c:v>
                </c:pt>
                <c:pt idx="6647">
                  <c:v>85.470000000010401</c:v>
                </c:pt>
                <c:pt idx="6648">
                  <c:v>85.480000000010406</c:v>
                </c:pt>
                <c:pt idx="6649">
                  <c:v>85.490000000010397</c:v>
                </c:pt>
                <c:pt idx="6650">
                  <c:v>85.500000000010402</c:v>
                </c:pt>
                <c:pt idx="6651">
                  <c:v>85.510000000010393</c:v>
                </c:pt>
                <c:pt idx="6652">
                  <c:v>85.520000000010398</c:v>
                </c:pt>
                <c:pt idx="6653">
                  <c:v>85.530000000010403</c:v>
                </c:pt>
                <c:pt idx="6654">
                  <c:v>85.540000000010394</c:v>
                </c:pt>
                <c:pt idx="6655">
                  <c:v>85.5500000000104</c:v>
                </c:pt>
                <c:pt idx="6656">
                  <c:v>85.560000000010405</c:v>
                </c:pt>
                <c:pt idx="6657">
                  <c:v>85.570000000010396</c:v>
                </c:pt>
                <c:pt idx="6658">
                  <c:v>85.580000000010401</c:v>
                </c:pt>
                <c:pt idx="6659">
                  <c:v>85.590000000010406</c:v>
                </c:pt>
                <c:pt idx="6660">
                  <c:v>85.600000000010397</c:v>
                </c:pt>
                <c:pt idx="6661">
                  <c:v>85.610000000010402</c:v>
                </c:pt>
                <c:pt idx="6662">
                  <c:v>85.620000000010407</c:v>
                </c:pt>
                <c:pt idx="6663">
                  <c:v>85.630000000010398</c:v>
                </c:pt>
                <c:pt idx="6664">
                  <c:v>85.640000000010403</c:v>
                </c:pt>
                <c:pt idx="6665">
                  <c:v>85.650000000010394</c:v>
                </c:pt>
                <c:pt idx="6666">
                  <c:v>85.660000000010399</c:v>
                </c:pt>
                <c:pt idx="6667">
                  <c:v>85.670000000010404</c:v>
                </c:pt>
                <c:pt idx="6668">
                  <c:v>85.680000000010395</c:v>
                </c:pt>
                <c:pt idx="6669">
                  <c:v>85.6900000000104</c:v>
                </c:pt>
                <c:pt idx="6670">
                  <c:v>85.700000000010405</c:v>
                </c:pt>
                <c:pt idx="6671">
                  <c:v>85.710000000010396</c:v>
                </c:pt>
                <c:pt idx="6672">
                  <c:v>85.720000000010401</c:v>
                </c:pt>
                <c:pt idx="6673">
                  <c:v>85.730000000010406</c:v>
                </c:pt>
                <c:pt idx="6674">
                  <c:v>85.740000000010397</c:v>
                </c:pt>
                <c:pt idx="6675">
                  <c:v>85.750000000010402</c:v>
                </c:pt>
                <c:pt idx="6676">
                  <c:v>85.760000000010393</c:v>
                </c:pt>
                <c:pt idx="6677">
                  <c:v>85.770000000010398</c:v>
                </c:pt>
                <c:pt idx="6678">
                  <c:v>85.780000000010403</c:v>
                </c:pt>
                <c:pt idx="6679">
                  <c:v>85.790000000010394</c:v>
                </c:pt>
                <c:pt idx="6680">
                  <c:v>85.8000000000104</c:v>
                </c:pt>
                <c:pt idx="6681">
                  <c:v>85.810000000010405</c:v>
                </c:pt>
                <c:pt idx="6682">
                  <c:v>85.820000000010495</c:v>
                </c:pt>
                <c:pt idx="6683">
                  <c:v>85.830000000010401</c:v>
                </c:pt>
                <c:pt idx="6684">
                  <c:v>85.840000000010406</c:v>
                </c:pt>
                <c:pt idx="6685">
                  <c:v>85.850000000010496</c:v>
                </c:pt>
                <c:pt idx="6686">
                  <c:v>85.860000000010402</c:v>
                </c:pt>
                <c:pt idx="6687">
                  <c:v>85.870000000010407</c:v>
                </c:pt>
                <c:pt idx="6688">
                  <c:v>85.880000000010497</c:v>
                </c:pt>
                <c:pt idx="6689">
                  <c:v>85.890000000010502</c:v>
                </c:pt>
                <c:pt idx="6690">
                  <c:v>85.900000000010493</c:v>
                </c:pt>
                <c:pt idx="6691">
                  <c:v>85.910000000010498</c:v>
                </c:pt>
                <c:pt idx="6692">
                  <c:v>85.920000000010504</c:v>
                </c:pt>
                <c:pt idx="6693">
                  <c:v>85.930000000010494</c:v>
                </c:pt>
                <c:pt idx="6694">
                  <c:v>85.9400000000105</c:v>
                </c:pt>
                <c:pt idx="6695">
                  <c:v>85.950000000010505</c:v>
                </c:pt>
                <c:pt idx="6696">
                  <c:v>85.960000000010496</c:v>
                </c:pt>
                <c:pt idx="6697">
                  <c:v>85.970000000010501</c:v>
                </c:pt>
                <c:pt idx="6698">
                  <c:v>85.980000000010506</c:v>
                </c:pt>
                <c:pt idx="6699">
                  <c:v>85.990000000010497</c:v>
                </c:pt>
                <c:pt idx="6700">
                  <c:v>86.000000000010502</c:v>
                </c:pt>
                <c:pt idx="6701">
                  <c:v>86.010000000010507</c:v>
                </c:pt>
                <c:pt idx="6702">
                  <c:v>86.020000000010498</c:v>
                </c:pt>
                <c:pt idx="6703">
                  <c:v>86.030000000010503</c:v>
                </c:pt>
                <c:pt idx="6704">
                  <c:v>86.040000000010494</c:v>
                </c:pt>
                <c:pt idx="6705">
                  <c:v>86.050000000010499</c:v>
                </c:pt>
                <c:pt idx="6706">
                  <c:v>86.060000000010504</c:v>
                </c:pt>
                <c:pt idx="6707">
                  <c:v>86.070000000010495</c:v>
                </c:pt>
                <c:pt idx="6708">
                  <c:v>86.0800000000105</c:v>
                </c:pt>
                <c:pt idx="6709">
                  <c:v>86.090000000010505</c:v>
                </c:pt>
                <c:pt idx="6710">
                  <c:v>86.100000000010496</c:v>
                </c:pt>
                <c:pt idx="6711">
                  <c:v>86.110000000010501</c:v>
                </c:pt>
                <c:pt idx="6712">
                  <c:v>86.120000000010506</c:v>
                </c:pt>
                <c:pt idx="6713">
                  <c:v>86.130000000010497</c:v>
                </c:pt>
                <c:pt idx="6714">
                  <c:v>86.140000000010502</c:v>
                </c:pt>
                <c:pt idx="6715">
                  <c:v>86.150000000010493</c:v>
                </c:pt>
                <c:pt idx="6716">
                  <c:v>86.160000000010498</c:v>
                </c:pt>
                <c:pt idx="6717">
                  <c:v>86.170000000010504</c:v>
                </c:pt>
                <c:pt idx="6718">
                  <c:v>86.180000000010494</c:v>
                </c:pt>
                <c:pt idx="6719">
                  <c:v>86.1900000000105</c:v>
                </c:pt>
                <c:pt idx="6720">
                  <c:v>86.200000000010505</c:v>
                </c:pt>
                <c:pt idx="6721">
                  <c:v>86.210000000010496</c:v>
                </c:pt>
                <c:pt idx="6722">
                  <c:v>86.220000000010501</c:v>
                </c:pt>
                <c:pt idx="6723">
                  <c:v>86.230000000010506</c:v>
                </c:pt>
                <c:pt idx="6724">
                  <c:v>86.240000000010497</c:v>
                </c:pt>
                <c:pt idx="6725">
                  <c:v>86.250000000010502</c:v>
                </c:pt>
                <c:pt idx="6726">
                  <c:v>86.260000000010507</c:v>
                </c:pt>
                <c:pt idx="6727">
                  <c:v>86.270000000010498</c:v>
                </c:pt>
                <c:pt idx="6728">
                  <c:v>86.280000000010503</c:v>
                </c:pt>
                <c:pt idx="6729">
                  <c:v>86.290000000010494</c:v>
                </c:pt>
                <c:pt idx="6730">
                  <c:v>86.300000000010499</c:v>
                </c:pt>
                <c:pt idx="6731">
                  <c:v>86.310000000010504</c:v>
                </c:pt>
                <c:pt idx="6732">
                  <c:v>86.320000000010495</c:v>
                </c:pt>
                <c:pt idx="6733">
                  <c:v>86.3300000000105</c:v>
                </c:pt>
                <c:pt idx="6734">
                  <c:v>86.340000000010505</c:v>
                </c:pt>
                <c:pt idx="6735">
                  <c:v>86.350000000010496</c:v>
                </c:pt>
                <c:pt idx="6736">
                  <c:v>86.360000000010501</c:v>
                </c:pt>
                <c:pt idx="6737">
                  <c:v>86.370000000010506</c:v>
                </c:pt>
                <c:pt idx="6738">
                  <c:v>86.380000000010497</c:v>
                </c:pt>
                <c:pt idx="6739">
                  <c:v>86.390000000010502</c:v>
                </c:pt>
                <c:pt idx="6740">
                  <c:v>86.400000000010493</c:v>
                </c:pt>
                <c:pt idx="6741">
                  <c:v>86.410000000010498</c:v>
                </c:pt>
                <c:pt idx="6742">
                  <c:v>86.420000000010504</c:v>
                </c:pt>
                <c:pt idx="6743">
                  <c:v>86.430000000010494</c:v>
                </c:pt>
                <c:pt idx="6744">
                  <c:v>86.4400000000105</c:v>
                </c:pt>
                <c:pt idx="6745">
                  <c:v>86.450000000010505</c:v>
                </c:pt>
                <c:pt idx="6746">
                  <c:v>86.460000000010595</c:v>
                </c:pt>
                <c:pt idx="6747">
                  <c:v>86.470000000010501</c:v>
                </c:pt>
                <c:pt idx="6748">
                  <c:v>86.480000000010506</c:v>
                </c:pt>
                <c:pt idx="6749">
                  <c:v>86.490000000010596</c:v>
                </c:pt>
                <c:pt idx="6750">
                  <c:v>86.500000000010502</c:v>
                </c:pt>
                <c:pt idx="6751">
                  <c:v>86.510000000010507</c:v>
                </c:pt>
                <c:pt idx="6752">
                  <c:v>86.520000000010597</c:v>
                </c:pt>
                <c:pt idx="6753">
                  <c:v>86.530000000010602</c:v>
                </c:pt>
                <c:pt idx="6754">
                  <c:v>86.540000000010593</c:v>
                </c:pt>
                <c:pt idx="6755">
                  <c:v>86.550000000010598</c:v>
                </c:pt>
                <c:pt idx="6756">
                  <c:v>86.560000000010604</c:v>
                </c:pt>
                <c:pt idx="6757">
                  <c:v>86.570000000010594</c:v>
                </c:pt>
                <c:pt idx="6758">
                  <c:v>86.5800000000106</c:v>
                </c:pt>
                <c:pt idx="6759">
                  <c:v>86.590000000010605</c:v>
                </c:pt>
                <c:pt idx="6760">
                  <c:v>86.600000000010596</c:v>
                </c:pt>
                <c:pt idx="6761">
                  <c:v>86.610000000010601</c:v>
                </c:pt>
                <c:pt idx="6762">
                  <c:v>86.620000000010606</c:v>
                </c:pt>
                <c:pt idx="6763">
                  <c:v>86.630000000010597</c:v>
                </c:pt>
                <c:pt idx="6764">
                  <c:v>86.640000000010602</c:v>
                </c:pt>
                <c:pt idx="6765">
                  <c:v>86.650000000010607</c:v>
                </c:pt>
                <c:pt idx="6766">
                  <c:v>86.660000000010598</c:v>
                </c:pt>
                <c:pt idx="6767">
                  <c:v>86.670000000010603</c:v>
                </c:pt>
                <c:pt idx="6768">
                  <c:v>86.680000000010594</c:v>
                </c:pt>
                <c:pt idx="6769">
                  <c:v>86.690000000010599</c:v>
                </c:pt>
                <c:pt idx="6770">
                  <c:v>86.700000000010604</c:v>
                </c:pt>
                <c:pt idx="6771">
                  <c:v>86.710000000010595</c:v>
                </c:pt>
                <c:pt idx="6772">
                  <c:v>86.7200000000106</c:v>
                </c:pt>
                <c:pt idx="6773">
                  <c:v>86.730000000010605</c:v>
                </c:pt>
                <c:pt idx="6774">
                  <c:v>86.740000000010596</c:v>
                </c:pt>
                <c:pt idx="6775">
                  <c:v>86.750000000010601</c:v>
                </c:pt>
                <c:pt idx="6776">
                  <c:v>86.760000000010606</c:v>
                </c:pt>
                <c:pt idx="6777">
                  <c:v>86.770000000010597</c:v>
                </c:pt>
                <c:pt idx="6778">
                  <c:v>86.780000000010602</c:v>
                </c:pt>
                <c:pt idx="6779">
                  <c:v>86.790000000010593</c:v>
                </c:pt>
                <c:pt idx="6780">
                  <c:v>86.800000000010598</c:v>
                </c:pt>
                <c:pt idx="6781">
                  <c:v>86.810000000010604</c:v>
                </c:pt>
                <c:pt idx="6782">
                  <c:v>86.820000000010594</c:v>
                </c:pt>
                <c:pt idx="6783">
                  <c:v>86.8300000000106</c:v>
                </c:pt>
                <c:pt idx="6784">
                  <c:v>86.840000000010605</c:v>
                </c:pt>
                <c:pt idx="6785">
                  <c:v>86.850000000010596</c:v>
                </c:pt>
                <c:pt idx="6786">
                  <c:v>86.860000000010601</c:v>
                </c:pt>
                <c:pt idx="6787">
                  <c:v>86.870000000010606</c:v>
                </c:pt>
                <c:pt idx="6788">
                  <c:v>86.880000000010597</c:v>
                </c:pt>
                <c:pt idx="6789">
                  <c:v>86.890000000010602</c:v>
                </c:pt>
                <c:pt idx="6790">
                  <c:v>86.900000000010607</c:v>
                </c:pt>
                <c:pt idx="6791">
                  <c:v>86.910000000010598</c:v>
                </c:pt>
                <c:pt idx="6792">
                  <c:v>86.920000000010603</c:v>
                </c:pt>
                <c:pt idx="6793">
                  <c:v>86.930000000010594</c:v>
                </c:pt>
                <c:pt idx="6794">
                  <c:v>86.940000000010599</c:v>
                </c:pt>
                <c:pt idx="6795">
                  <c:v>86.950000000010604</c:v>
                </c:pt>
                <c:pt idx="6796">
                  <c:v>86.960000000010595</c:v>
                </c:pt>
                <c:pt idx="6797">
                  <c:v>86.9700000000106</c:v>
                </c:pt>
                <c:pt idx="6798">
                  <c:v>86.980000000010605</c:v>
                </c:pt>
                <c:pt idx="6799">
                  <c:v>86.990000000010596</c:v>
                </c:pt>
                <c:pt idx="6800">
                  <c:v>87.000000000010601</c:v>
                </c:pt>
                <c:pt idx="6801">
                  <c:v>87.010000000010606</c:v>
                </c:pt>
                <c:pt idx="6802">
                  <c:v>87.020000000010597</c:v>
                </c:pt>
                <c:pt idx="6803">
                  <c:v>87.030000000010602</c:v>
                </c:pt>
                <c:pt idx="6804">
                  <c:v>87.040000000010593</c:v>
                </c:pt>
                <c:pt idx="6805">
                  <c:v>87.050000000010598</c:v>
                </c:pt>
                <c:pt idx="6806">
                  <c:v>87.060000000010604</c:v>
                </c:pt>
                <c:pt idx="6807">
                  <c:v>87.070000000010594</c:v>
                </c:pt>
                <c:pt idx="6808">
                  <c:v>87.0800000000106</c:v>
                </c:pt>
                <c:pt idx="6809">
                  <c:v>87.090000000010605</c:v>
                </c:pt>
                <c:pt idx="6810">
                  <c:v>87.100000000010695</c:v>
                </c:pt>
                <c:pt idx="6811">
                  <c:v>87.110000000010601</c:v>
                </c:pt>
                <c:pt idx="6812">
                  <c:v>87.120000000010606</c:v>
                </c:pt>
                <c:pt idx="6813">
                  <c:v>87.130000000010696</c:v>
                </c:pt>
                <c:pt idx="6814">
                  <c:v>87.140000000010602</c:v>
                </c:pt>
                <c:pt idx="6815">
                  <c:v>87.150000000010607</c:v>
                </c:pt>
                <c:pt idx="6816">
                  <c:v>87.160000000010697</c:v>
                </c:pt>
                <c:pt idx="6817">
                  <c:v>87.170000000010702</c:v>
                </c:pt>
                <c:pt idx="6818">
                  <c:v>87.180000000010693</c:v>
                </c:pt>
                <c:pt idx="6819">
                  <c:v>87.190000000010698</c:v>
                </c:pt>
                <c:pt idx="6820">
                  <c:v>87.200000000010704</c:v>
                </c:pt>
                <c:pt idx="6821">
                  <c:v>87.210000000010695</c:v>
                </c:pt>
                <c:pt idx="6822">
                  <c:v>87.2200000000107</c:v>
                </c:pt>
                <c:pt idx="6823">
                  <c:v>87.230000000010705</c:v>
                </c:pt>
                <c:pt idx="6824">
                  <c:v>87.240000000010696</c:v>
                </c:pt>
                <c:pt idx="6825">
                  <c:v>87.250000000010701</c:v>
                </c:pt>
                <c:pt idx="6826">
                  <c:v>87.260000000010706</c:v>
                </c:pt>
                <c:pt idx="6827">
                  <c:v>87.270000000010697</c:v>
                </c:pt>
                <c:pt idx="6828">
                  <c:v>87.280000000010702</c:v>
                </c:pt>
                <c:pt idx="6829">
                  <c:v>87.290000000010707</c:v>
                </c:pt>
                <c:pt idx="6830">
                  <c:v>87.300000000010698</c:v>
                </c:pt>
                <c:pt idx="6831">
                  <c:v>87.310000000010703</c:v>
                </c:pt>
                <c:pt idx="6832">
                  <c:v>87.320000000010694</c:v>
                </c:pt>
                <c:pt idx="6833">
                  <c:v>87.330000000010699</c:v>
                </c:pt>
                <c:pt idx="6834">
                  <c:v>87.340000000010704</c:v>
                </c:pt>
                <c:pt idx="6835">
                  <c:v>87.350000000010695</c:v>
                </c:pt>
                <c:pt idx="6836">
                  <c:v>87.3600000000107</c:v>
                </c:pt>
                <c:pt idx="6837">
                  <c:v>87.370000000010705</c:v>
                </c:pt>
                <c:pt idx="6838">
                  <c:v>87.380000000010696</c:v>
                </c:pt>
                <c:pt idx="6839">
                  <c:v>87.390000000010701</c:v>
                </c:pt>
                <c:pt idx="6840">
                  <c:v>87.400000000010706</c:v>
                </c:pt>
                <c:pt idx="6841">
                  <c:v>87.410000000010697</c:v>
                </c:pt>
                <c:pt idx="6842">
                  <c:v>87.420000000010702</c:v>
                </c:pt>
                <c:pt idx="6843">
                  <c:v>87.430000000010693</c:v>
                </c:pt>
                <c:pt idx="6844">
                  <c:v>87.440000000010698</c:v>
                </c:pt>
                <c:pt idx="6845">
                  <c:v>87.450000000010704</c:v>
                </c:pt>
                <c:pt idx="6846">
                  <c:v>87.460000000010695</c:v>
                </c:pt>
                <c:pt idx="6847">
                  <c:v>87.4700000000107</c:v>
                </c:pt>
                <c:pt idx="6848">
                  <c:v>87.480000000010705</c:v>
                </c:pt>
                <c:pt idx="6849">
                  <c:v>87.490000000010696</c:v>
                </c:pt>
                <c:pt idx="6850">
                  <c:v>87.500000000010701</c:v>
                </c:pt>
                <c:pt idx="6851">
                  <c:v>87.510000000010706</c:v>
                </c:pt>
                <c:pt idx="6852">
                  <c:v>87.520000000010697</c:v>
                </c:pt>
                <c:pt idx="6853">
                  <c:v>87.530000000010702</c:v>
                </c:pt>
                <c:pt idx="6854">
                  <c:v>87.540000000010707</c:v>
                </c:pt>
                <c:pt idx="6855">
                  <c:v>87.550000000010698</c:v>
                </c:pt>
                <c:pt idx="6856">
                  <c:v>87.560000000010703</c:v>
                </c:pt>
                <c:pt idx="6857">
                  <c:v>87.570000000010694</c:v>
                </c:pt>
                <c:pt idx="6858">
                  <c:v>87.580000000010699</c:v>
                </c:pt>
                <c:pt idx="6859">
                  <c:v>87.590000000010704</c:v>
                </c:pt>
                <c:pt idx="6860">
                  <c:v>87.600000000010695</c:v>
                </c:pt>
                <c:pt idx="6861">
                  <c:v>87.6100000000107</c:v>
                </c:pt>
                <c:pt idx="6862">
                  <c:v>87.620000000010705</c:v>
                </c:pt>
                <c:pt idx="6863">
                  <c:v>87.630000000010696</c:v>
                </c:pt>
                <c:pt idx="6864">
                  <c:v>87.640000000010701</c:v>
                </c:pt>
                <c:pt idx="6865">
                  <c:v>87.650000000010706</c:v>
                </c:pt>
                <c:pt idx="6866">
                  <c:v>87.660000000010697</c:v>
                </c:pt>
                <c:pt idx="6867">
                  <c:v>87.670000000010702</c:v>
                </c:pt>
                <c:pt idx="6868">
                  <c:v>87.680000000010693</c:v>
                </c:pt>
                <c:pt idx="6869">
                  <c:v>87.690000000010698</c:v>
                </c:pt>
                <c:pt idx="6870">
                  <c:v>87.700000000010704</c:v>
                </c:pt>
                <c:pt idx="6871">
                  <c:v>87.710000000010695</c:v>
                </c:pt>
                <c:pt idx="6872">
                  <c:v>87.7200000000107</c:v>
                </c:pt>
                <c:pt idx="6873">
                  <c:v>87.730000000010705</c:v>
                </c:pt>
                <c:pt idx="6874">
                  <c:v>87.740000000010795</c:v>
                </c:pt>
                <c:pt idx="6875">
                  <c:v>87.750000000010701</c:v>
                </c:pt>
                <c:pt idx="6876">
                  <c:v>87.760000000010706</c:v>
                </c:pt>
                <c:pt idx="6877">
                  <c:v>87.770000000010796</c:v>
                </c:pt>
                <c:pt idx="6878">
                  <c:v>87.780000000010702</c:v>
                </c:pt>
                <c:pt idx="6879">
                  <c:v>87.790000000010707</c:v>
                </c:pt>
                <c:pt idx="6880">
                  <c:v>87.800000000010797</c:v>
                </c:pt>
                <c:pt idx="6881">
                  <c:v>87.810000000010803</c:v>
                </c:pt>
                <c:pt idx="6882">
                  <c:v>87.820000000010793</c:v>
                </c:pt>
                <c:pt idx="6883">
                  <c:v>87.830000000010799</c:v>
                </c:pt>
                <c:pt idx="6884">
                  <c:v>87.840000000010804</c:v>
                </c:pt>
                <c:pt idx="6885">
                  <c:v>87.850000000010795</c:v>
                </c:pt>
                <c:pt idx="6886">
                  <c:v>87.8600000000108</c:v>
                </c:pt>
                <c:pt idx="6887">
                  <c:v>87.870000000010805</c:v>
                </c:pt>
                <c:pt idx="6888">
                  <c:v>87.880000000010796</c:v>
                </c:pt>
                <c:pt idx="6889">
                  <c:v>87.890000000010801</c:v>
                </c:pt>
                <c:pt idx="6890">
                  <c:v>87.900000000010806</c:v>
                </c:pt>
                <c:pt idx="6891">
                  <c:v>87.910000000010797</c:v>
                </c:pt>
                <c:pt idx="6892">
                  <c:v>87.920000000010802</c:v>
                </c:pt>
                <c:pt idx="6893">
                  <c:v>87.930000000010807</c:v>
                </c:pt>
                <c:pt idx="6894">
                  <c:v>87.940000000010798</c:v>
                </c:pt>
                <c:pt idx="6895">
                  <c:v>87.950000000010803</c:v>
                </c:pt>
                <c:pt idx="6896">
                  <c:v>87.960000000010794</c:v>
                </c:pt>
                <c:pt idx="6897">
                  <c:v>87.970000000010799</c:v>
                </c:pt>
                <c:pt idx="6898">
                  <c:v>87.980000000010804</c:v>
                </c:pt>
                <c:pt idx="6899">
                  <c:v>87.990000000010795</c:v>
                </c:pt>
                <c:pt idx="6900">
                  <c:v>88.0000000000108</c:v>
                </c:pt>
                <c:pt idx="6901">
                  <c:v>88.010000000010805</c:v>
                </c:pt>
                <c:pt idx="6902">
                  <c:v>88.020000000010796</c:v>
                </c:pt>
                <c:pt idx="6903">
                  <c:v>88.030000000010801</c:v>
                </c:pt>
                <c:pt idx="6904">
                  <c:v>88.040000000010807</c:v>
                </c:pt>
                <c:pt idx="6905">
                  <c:v>88.050000000010797</c:v>
                </c:pt>
                <c:pt idx="6906">
                  <c:v>88.060000000010803</c:v>
                </c:pt>
                <c:pt idx="6907">
                  <c:v>88.070000000010793</c:v>
                </c:pt>
                <c:pt idx="6908">
                  <c:v>88.080000000010799</c:v>
                </c:pt>
                <c:pt idx="6909">
                  <c:v>88.090000000010804</c:v>
                </c:pt>
                <c:pt idx="6910">
                  <c:v>88.100000000010795</c:v>
                </c:pt>
                <c:pt idx="6911">
                  <c:v>88.1100000000108</c:v>
                </c:pt>
                <c:pt idx="6912">
                  <c:v>88.120000000010805</c:v>
                </c:pt>
                <c:pt idx="6913">
                  <c:v>88.130000000010796</c:v>
                </c:pt>
                <c:pt idx="6914">
                  <c:v>88.140000000010801</c:v>
                </c:pt>
                <c:pt idx="6915">
                  <c:v>88.150000000010806</c:v>
                </c:pt>
                <c:pt idx="6916">
                  <c:v>88.160000000010797</c:v>
                </c:pt>
                <c:pt idx="6917">
                  <c:v>88.170000000010802</c:v>
                </c:pt>
                <c:pt idx="6918">
                  <c:v>88.180000000010807</c:v>
                </c:pt>
                <c:pt idx="6919">
                  <c:v>88.190000000010798</c:v>
                </c:pt>
                <c:pt idx="6920">
                  <c:v>88.200000000010803</c:v>
                </c:pt>
                <c:pt idx="6921">
                  <c:v>88.210000000010794</c:v>
                </c:pt>
                <c:pt idx="6922">
                  <c:v>88.220000000010799</c:v>
                </c:pt>
                <c:pt idx="6923">
                  <c:v>88.230000000010804</c:v>
                </c:pt>
                <c:pt idx="6924">
                  <c:v>88.240000000010795</c:v>
                </c:pt>
                <c:pt idx="6925">
                  <c:v>88.2500000000108</c:v>
                </c:pt>
                <c:pt idx="6926">
                  <c:v>88.260000000010805</c:v>
                </c:pt>
                <c:pt idx="6927">
                  <c:v>88.270000000010796</c:v>
                </c:pt>
                <c:pt idx="6928">
                  <c:v>88.280000000010801</c:v>
                </c:pt>
                <c:pt idx="6929">
                  <c:v>88.290000000010807</c:v>
                </c:pt>
                <c:pt idx="6930">
                  <c:v>88.300000000010797</c:v>
                </c:pt>
                <c:pt idx="6931">
                  <c:v>88.310000000010803</c:v>
                </c:pt>
                <c:pt idx="6932">
                  <c:v>88.320000000010793</c:v>
                </c:pt>
                <c:pt idx="6933">
                  <c:v>88.330000000010799</c:v>
                </c:pt>
                <c:pt idx="6934">
                  <c:v>88.340000000010804</c:v>
                </c:pt>
                <c:pt idx="6935">
                  <c:v>88.350000000010795</c:v>
                </c:pt>
                <c:pt idx="6936">
                  <c:v>88.3600000000108</c:v>
                </c:pt>
                <c:pt idx="6937">
                  <c:v>88.370000000010805</c:v>
                </c:pt>
                <c:pt idx="6938">
                  <c:v>88.380000000010895</c:v>
                </c:pt>
                <c:pt idx="6939">
                  <c:v>88.390000000010801</c:v>
                </c:pt>
                <c:pt idx="6940">
                  <c:v>88.400000000010806</c:v>
                </c:pt>
                <c:pt idx="6941">
                  <c:v>88.410000000010896</c:v>
                </c:pt>
                <c:pt idx="6942">
                  <c:v>88.420000000010802</c:v>
                </c:pt>
                <c:pt idx="6943">
                  <c:v>88.430000000010807</c:v>
                </c:pt>
                <c:pt idx="6944">
                  <c:v>88.440000000010897</c:v>
                </c:pt>
                <c:pt idx="6945">
                  <c:v>88.450000000010903</c:v>
                </c:pt>
                <c:pt idx="6946">
                  <c:v>88.460000000010893</c:v>
                </c:pt>
                <c:pt idx="6947">
                  <c:v>88.470000000010899</c:v>
                </c:pt>
                <c:pt idx="6948">
                  <c:v>88.480000000010904</c:v>
                </c:pt>
                <c:pt idx="6949">
                  <c:v>88.490000000010895</c:v>
                </c:pt>
                <c:pt idx="6950">
                  <c:v>88.5000000000109</c:v>
                </c:pt>
                <c:pt idx="6951">
                  <c:v>88.510000000010905</c:v>
                </c:pt>
                <c:pt idx="6952">
                  <c:v>88.520000000010896</c:v>
                </c:pt>
                <c:pt idx="6953">
                  <c:v>88.530000000010901</c:v>
                </c:pt>
                <c:pt idx="6954">
                  <c:v>88.540000000010906</c:v>
                </c:pt>
                <c:pt idx="6955">
                  <c:v>88.550000000010897</c:v>
                </c:pt>
                <c:pt idx="6956">
                  <c:v>88.560000000010902</c:v>
                </c:pt>
                <c:pt idx="6957">
                  <c:v>88.570000000010893</c:v>
                </c:pt>
                <c:pt idx="6958">
                  <c:v>88.580000000010898</c:v>
                </c:pt>
                <c:pt idx="6959">
                  <c:v>88.590000000010903</c:v>
                </c:pt>
                <c:pt idx="6960">
                  <c:v>88.600000000010894</c:v>
                </c:pt>
                <c:pt idx="6961">
                  <c:v>88.610000000010899</c:v>
                </c:pt>
                <c:pt idx="6962">
                  <c:v>88.620000000010904</c:v>
                </c:pt>
                <c:pt idx="6963">
                  <c:v>88.630000000010895</c:v>
                </c:pt>
                <c:pt idx="6964">
                  <c:v>88.6400000000109</c:v>
                </c:pt>
                <c:pt idx="6965">
                  <c:v>88.650000000010905</c:v>
                </c:pt>
                <c:pt idx="6966">
                  <c:v>88.660000000010896</c:v>
                </c:pt>
                <c:pt idx="6967">
                  <c:v>88.670000000010901</c:v>
                </c:pt>
                <c:pt idx="6968">
                  <c:v>88.680000000010907</c:v>
                </c:pt>
                <c:pt idx="6969">
                  <c:v>88.690000000010897</c:v>
                </c:pt>
                <c:pt idx="6970">
                  <c:v>88.700000000010903</c:v>
                </c:pt>
                <c:pt idx="6971">
                  <c:v>88.710000000010893</c:v>
                </c:pt>
                <c:pt idx="6972">
                  <c:v>88.720000000010899</c:v>
                </c:pt>
                <c:pt idx="6973">
                  <c:v>88.730000000010904</c:v>
                </c:pt>
                <c:pt idx="6974">
                  <c:v>88.740000000010895</c:v>
                </c:pt>
                <c:pt idx="6975">
                  <c:v>88.7500000000109</c:v>
                </c:pt>
                <c:pt idx="6976">
                  <c:v>88.760000000010905</c:v>
                </c:pt>
                <c:pt idx="6977">
                  <c:v>88.770000000010896</c:v>
                </c:pt>
                <c:pt idx="6978">
                  <c:v>88.780000000010901</c:v>
                </c:pt>
                <c:pt idx="6979">
                  <c:v>88.790000000010906</c:v>
                </c:pt>
                <c:pt idx="6980">
                  <c:v>88.800000000010897</c:v>
                </c:pt>
                <c:pt idx="6981">
                  <c:v>88.810000000010902</c:v>
                </c:pt>
                <c:pt idx="6982">
                  <c:v>88.820000000010893</c:v>
                </c:pt>
                <c:pt idx="6983">
                  <c:v>88.830000000010898</c:v>
                </c:pt>
                <c:pt idx="6984">
                  <c:v>88.840000000010903</c:v>
                </c:pt>
                <c:pt idx="6985">
                  <c:v>88.850000000010894</c:v>
                </c:pt>
                <c:pt idx="6986">
                  <c:v>88.860000000010899</c:v>
                </c:pt>
                <c:pt idx="6987">
                  <c:v>88.870000000010904</c:v>
                </c:pt>
                <c:pt idx="6988">
                  <c:v>88.880000000010895</c:v>
                </c:pt>
                <c:pt idx="6989">
                  <c:v>88.8900000000109</c:v>
                </c:pt>
                <c:pt idx="6990">
                  <c:v>88.900000000010905</c:v>
                </c:pt>
                <c:pt idx="6991">
                  <c:v>88.910000000010896</c:v>
                </c:pt>
                <c:pt idx="6992">
                  <c:v>88.920000000010901</c:v>
                </c:pt>
                <c:pt idx="6993">
                  <c:v>88.930000000010907</c:v>
                </c:pt>
                <c:pt idx="6994">
                  <c:v>88.940000000010897</c:v>
                </c:pt>
                <c:pt idx="6995">
                  <c:v>88.950000000010903</c:v>
                </c:pt>
                <c:pt idx="6996">
                  <c:v>88.960000000010893</c:v>
                </c:pt>
                <c:pt idx="6997">
                  <c:v>88.970000000010899</c:v>
                </c:pt>
                <c:pt idx="6998">
                  <c:v>88.980000000010904</c:v>
                </c:pt>
                <c:pt idx="6999">
                  <c:v>88.990000000010895</c:v>
                </c:pt>
                <c:pt idx="7000">
                  <c:v>89.0000000000109</c:v>
                </c:pt>
                <c:pt idx="7001">
                  <c:v>89.010000000010905</c:v>
                </c:pt>
                <c:pt idx="7002">
                  <c:v>89.020000000010995</c:v>
                </c:pt>
                <c:pt idx="7003">
                  <c:v>89.030000000010901</c:v>
                </c:pt>
                <c:pt idx="7004">
                  <c:v>89.040000000010906</c:v>
                </c:pt>
                <c:pt idx="7005">
                  <c:v>89.050000000010996</c:v>
                </c:pt>
                <c:pt idx="7006">
                  <c:v>89.060000000010902</c:v>
                </c:pt>
                <c:pt idx="7007">
                  <c:v>89.070000000010893</c:v>
                </c:pt>
                <c:pt idx="7008">
                  <c:v>89.080000000010997</c:v>
                </c:pt>
                <c:pt idx="7009">
                  <c:v>89.090000000011003</c:v>
                </c:pt>
                <c:pt idx="7010">
                  <c:v>89.100000000010994</c:v>
                </c:pt>
                <c:pt idx="7011">
                  <c:v>89.110000000010999</c:v>
                </c:pt>
                <c:pt idx="7012">
                  <c:v>89.120000000011004</c:v>
                </c:pt>
                <c:pt idx="7013">
                  <c:v>89.130000000010995</c:v>
                </c:pt>
                <c:pt idx="7014">
                  <c:v>89.140000000011</c:v>
                </c:pt>
                <c:pt idx="7015">
                  <c:v>89.150000000011005</c:v>
                </c:pt>
                <c:pt idx="7016">
                  <c:v>89.160000000010996</c:v>
                </c:pt>
                <c:pt idx="7017">
                  <c:v>89.170000000011001</c:v>
                </c:pt>
                <c:pt idx="7018">
                  <c:v>89.180000000011006</c:v>
                </c:pt>
                <c:pt idx="7019">
                  <c:v>89.190000000010997</c:v>
                </c:pt>
                <c:pt idx="7020">
                  <c:v>89.200000000011002</c:v>
                </c:pt>
                <c:pt idx="7021">
                  <c:v>89.210000000010993</c:v>
                </c:pt>
                <c:pt idx="7022">
                  <c:v>89.220000000010998</c:v>
                </c:pt>
                <c:pt idx="7023">
                  <c:v>89.230000000011003</c:v>
                </c:pt>
                <c:pt idx="7024">
                  <c:v>89.240000000010994</c:v>
                </c:pt>
                <c:pt idx="7025">
                  <c:v>89.250000000010999</c:v>
                </c:pt>
                <c:pt idx="7026">
                  <c:v>89.260000000011004</c:v>
                </c:pt>
                <c:pt idx="7027">
                  <c:v>89.270000000010995</c:v>
                </c:pt>
                <c:pt idx="7028">
                  <c:v>89.280000000011</c:v>
                </c:pt>
                <c:pt idx="7029">
                  <c:v>89.290000000011005</c:v>
                </c:pt>
                <c:pt idx="7030">
                  <c:v>89.300000000010996</c:v>
                </c:pt>
                <c:pt idx="7031">
                  <c:v>89.310000000011001</c:v>
                </c:pt>
                <c:pt idx="7032">
                  <c:v>89.320000000011007</c:v>
                </c:pt>
                <c:pt idx="7033">
                  <c:v>89.330000000010997</c:v>
                </c:pt>
                <c:pt idx="7034">
                  <c:v>89.340000000011003</c:v>
                </c:pt>
                <c:pt idx="7035">
                  <c:v>89.350000000010994</c:v>
                </c:pt>
                <c:pt idx="7036">
                  <c:v>89.360000000010999</c:v>
                </c:pt>
                <c:pt idx="7037">
                  <c:v>89.370000000011004</c:v>
                </c:pt>
                <c:pt idx="7038">
                  <c:v>89.380000000010995</c:v>
                </c:pt>
                <c:pt idx="7039">
                  <c:v>89.390000000011</c:v>
                </c:pt>
                <c:pt idx="7040">
                  <c:v>89.400000000011005</c:v>
                </c:pt>
                <c:pt idx="7041">
                  <c:v>89.410000000010996</c:v>
                </c:pt>
                <c:pt idx="7042">
                  <c:v>89.420000000011001</c:v>
                </c:pt>
                <c:pt idx="7043">
                  <c:v>89.430000000011006</c:v>
                </c:pt>
                <c:pt idx="7044">
                  <c:v>89.440000000010997</c:v>
                </c:pt>
                <c:pt idx="7045">
                  <c:v>89.450000000011002</c:v>
                </c:pt>
                <c:pt idx="7046">
                  <c:v>89.460000000010993</c:v>
                </c:pt>
                <c:pt idx="7047">
                  <c:v>89.470000000010998</c:v>
                </c:pt>
                <c:pt idx="7048">
                  <c:v>89.480000000011003</c:v>
                </c:pt>
                <c:pt idx="7049">
                  <c:v>89.490000000010994</c:v>
                </c:pt>
                <c:pt idx="7050">
                  <c:v>89.500000000010999</c:v>
                </c:pt>
                <c:pt idx="7051">
                  <c:v>89.510000000011004</c:v>
                </c:pt>
                <c:pt idx="7052">
                  <c:v>89.520000000010995</c:v>
                </c:pt>
                <c:pt idx="7053">
                  <c:v>89.530000000011</c:v>
                </c:pt>
                <c:pt idx="7054">
                  <c:v>89.540000000011005</c:v>
                </c:pt>
                <c:pt idx="7055">
                  <c:v>89.550000000010996</c:v>
                </c:pt>
                <c:pt idx="7056">
                  <c:v>89.560000000011001</c:v>
                </c:pt>
                <c:pt idx="7057">
                  <c:v>89.570000000011007</c:v>
                </c:pt>
                <c:pt idx="7058">
                  <c:v>89.580000000010997</c:v>
                </c:pt>
                <c:pt idx="7059">
                  <c:v>89.590000000011003</c:v>
                </c:pt>
                <c:pt idx="7060">
                  <c:v>89.600000000010994</c:v>
                </c:pt>
                <c:pt idx="7061">
                  <c:v>89.610000000010999</c:v>
                </c:pt>
                <c:pt idx="7062">
                  <c:v>89.620000000011004</c:v>
                </c:pt>
                <c:pt idx="7063">
                  <c:v>89.630000000010995</c:v>
                </c:pt>
                <c:pt idx="7064">
                  <c:v>89.640000000011</c:v>
                </c:pt>
                <c:pt idx="7065">
                  <c:v>89.650000000011005</c:v>
                </c:pt>
                <c:pt idx="7066">
                  <c:v>89.660000000011095</c:v>
                </c:pt>
                <c:pt idx="7067">
                  <c:v>89.670000000011001</c:v>
                </c:pt>
                <c:pt idx="7068">
                  <c:v>89.680000000011006</c:v>
                </c:pt>
                <c:pt idx="7069">
                  <c:v>89.690000000011096</c:v>
                </c:pt>
                <c:pt idx="7070">
                  <c:v>89.700000000011002</c:v>
                </c:pt>
                <c:pt idx="7071">
                  <c:v>89.710000000010993</c:v>
                </c:pt>
                <c:pt idx="7072">
                  <c:v>89.720000000011098</c:v>
                </c:pt>
                <c:pt idx="7073">
                  <c:v>89.730000000011103</c:v>
                </c:pt>
                <c:pt idx="7074">
                  <c:v>89.740000000011094</c:v>
                </c:pt>
                <c:pt idx="7075">
                  <c:v>89.750000000011099</c:v>
                </c:pt>
                <c:pt idx="7076">
                  <c:v>89.760000000011104</c:v>
                </c:pt>
                <c:pt idx="7077">
                  <c:v>89.770000000011095</c:v>
                </c:pt>
                <c:pt idx="7078">
                  <c:v>89.7800000000111</c:v>
                </c:pt>
                <c:pt idx="7079">
                  <c:v>89.790000000011105</c:v>
                </c:pt>
                <c:pt idx="7080">
                  <c:v>89.800000000011096</c:v>
                </c:pt>
                <c:pt idx="7081">
                  <c:v>89.810000000011101</c:v>
                </c:pt>
                <c:pt idx="7082">
                  <c:v>89.820000000011106</c:v>
                </c:pt>
                <c:pt idx="7083">
                  <c:v>89.830000000011097</c:v>
                </c:pt>
                <c:pt idx="7084">
                  <c:v>89.840000000011102</c:v>
                </c:pt>
                <c:pt idx="7085">
                  <c:v>89.850000000011093</c:v>
                </c:pt>
                <c:pt idx="7086">
                  <c:v>89.860000000011098</c:v>
                </c:pt>
                <c:pt idx="7087">
                  <c:v>89.870000000011103</c:v>
                </c:pt>
                <c:pt idx="7088">
                  <c:v>89.880000000011094</c:v>
                </c:pt>
                <c:pt idx="7089">
                  <c:v>89.890000000011099</c:v>
                </c:pt>
                <c:pt idx="7090">
                  <c:v>89.900000000011104</c:v>
                </c:pt>
                <c:pt idx="7091">
                  <c:v>89.910000000011095</c:v>
                </c:pt>
                <c:pt idx="7092">
                  <c:v>89.9200000000111</c:v>
                </c:pt>
                <c:pt idx="7093">
                  <c:v>89.930000000011105</c:v>
                </c:pt>
                <c:pt idx="7094">
                  <c:v>89.940000000011096</c:v>
                </c:pt>
                <c:pt idx="7095">
                  <c:v>89.950000000011102</c:v>
                </c:pt>
                <c:pt idx="7096">
                  <c:v>89.960000000011107</c:v>
                </c:pt>
                <c:pt idx="7097">
                  <c:v>89.970000000011098</c:v>
                </c:pt>
                <c:pt idx="7098">
                  <c:v>89.980000000011103</c:v>
                </c:pt>
                <c:pt idx="7099">
                  <c:v>89.990000000011094</c:v>
                </c:pt>
                <c:pt idx="7100">
                  <c:v>90.000000000011099</c:v>
                </c:pt>
                <c:pt idx="7101">
                  <c:v>90.010000000011104</c:v>
                </c:pt>
                <c:pt idx="7102">
                  <c:v>90.020000000011095</c:v>
                </c:pt>
                <c:pt idx="7103">
                  <c:v>90.0300000000111</c:v>
                </c:pt>
                <c:pt idx="7104">
                  <c:v>90.040000000011105</c:v>
                </c:pt>
                <c:pt idx="7105">
                  <c:v>90.050000000011096</c:v>
                </c:pt>
                <c:pt idx="7106">
                  <c:v>90.060000000011101</c:v>
                </c:pt>
                <c:pt idx="7107">
                  <c:v>90.070000000011106</c:v>
                </c:pt>
                <c:pt idx="7108">
                  <c:v>90.080000000011097</c:v>
                </c:pt>
                <c:pt idx="7109">
                  <c:v>90.090000000011102</c:v>
                </c:pt>
                <c:pt idx="7110">
                  <c:v>90.100000000011093</c:v>
                </c:pt>
                <c:pt idx="7111">
                  <c:v>90.110000000011098</c:v>
                </c:pt>
                <c:pt idx="7112">
                  <c:v>90.120000000011103</c:v>
                </c:pt>
                <c:pt idx="7113">
                  <c:v>90.130000000011094</c:v>
                </c:pt>
                <c:pt idx="7114">
                  <c:v>90.140000000011099</c:v>
                </c:pt>
                <c:pt idx="7115">
                  <c:v>90.150000000011104</c:v>
                </c:pt>
                <c:pt idx="7116">
                  <c:v>90.160000000011095</c:v>
                </c:pt>
                <c:pt idx="7117">
                  <c:v>90.1700000000111</c:v>
                </c:pt>
                <c:pt idx="7118">
                  <c:v>90.180000000011105</c:v>
                </c:pt>
                <c:pt idx="7119">
                  <c:v>90.190000000011096</c:v>
                </c:pt>
                <c:pt idx="7120">
                  <c:v>90.200000000011102</c:v>
                </c:pt>
                <c:pt idx="7121">
                  <c:v>90.210000000011107</c:v>
                </c:pt>
                <c:pt idx="7122">
                  <c:v>90.220000000011098</c:v>
                </c:pt>
                <c:pt idx="7123">
                  <c:v>90.230000000011103</c:v>
                </c:pt>
                <c:pt idx="7124">
                  <c:v>90.240000000011094</c:v>
                </c:pt>
                <c:pt idx="7125">
                  <c:v>90.250000000011099</c:v>
                </c:pt>
                <c:pt idx="7126">
                  <c:v>90.260000000011104</c:v>
                </c:pt>
                <c:pt idx="7127">
                  <c:v>90.270000000011095</c:v>
                </c:pt>
                <c:pt idx="7128">
                  <c:v>90.2800000000111</c:v>
                </c:pt>
                <c:pt idx="7129">
                  <c:v>90.290000000011105</c:v>
                </c:pt>
                <c:pt idx="7130">
                  <c:v>90.300000000011195</c:v>
                </c:pt>
                <c:pt idx="7131">
                  <c:v>90.310000000011101</c:v>
                </c:pt>
                <c:pt idx="7132">
                  <c:v>90.320000000011106</c:v>
                </c:pt>
                <c:pt idx="7133">
                  <c:v>90.330000000011196</c:v>
                </c:pt>
                <c:pt idx="7134">
                  <c:v>90.340000000011102</c:v>
                </c:pt>
                <c:pt idx="7135">
                  <c:v>90.350000000011093</c:v>
                </c:pt>
                <c:pt idx="7136">
                  <c:v>90.360000000011198</c:v>
                </c:pt>
                <c:pt idx="7137">
                  <c:v>90.370000000011203</c:v>
                </c:pt>
                <c:pt idx="7138">
                  <c:v>90.380000000011194</c:v>
                </c:pt>
                <c:pt idx="7139">
                  <c:v>90.390000000011199</c:v>
                </c:pt>
                <c:pt idx="7140">
                  <c:v>90.400000000011204</c:v>
                </c:pt>
                <c:pt idx="7141">
                  <c:v>90.410000000011195</c:v>
                </c:pt>
                <c:pt idx="7142">
                  <c:v>90.4200000000112</c:v>
                </c:pt>
                <c:pt idx="7143">
                  <c:v>90.430000000011205</c:v>
                </c:pt>
                <c:pt idx="7144">
                  <c:v>90.440000000011196</c:v>
                </c:pt>
                <c:pt idx="7145">
                  <c:v>90.450000000011201</c:v>
                </c:pt>
                <c:pt idx="7146">
                  <c:v>90.460000000011206</c:v>
                </c:pt>
                <c:pt idx="7147">
                  <c:v>90.470000000011197</c:v>
                </c:pt>
                <c:pt idx="7148">
                  <c:v>90.480000000011202</c:v>
                </c:pt>
                <c:pt idx="7149">
                  <c:v>90.490000000011193</c:v>
                </c:pt>
                <c:pt idx="7150">
                  <c:v>90.500000000011198</c:v>
                </c:pt>
                <c:pt idx="7151">
                  <c:v>90.510000000011203</c:v>
                </c:pt>
                <c:pt idx="7152">
                  <c:v>90.520000000011194</c:v>
                </c:pt>
                <c:pt idx="7153">
                  <c:v>90.530000000011199</c:v>
                </c:pt>
                <c:pt idx="7154">
                  <c:v>90.540000000011204</c:v>
                </c:pt>
                <c:pt idx="7155">
                  <c:v>90.550000000011195</c:v>
                </c:pt>
                <c:pt idx="7156">
                  <c:v>90.5600000000112</c:v>
                </c:pt>
                <c:pt idx="7157">
                  <c:v>90.570000000011206</c:v>
                </c:pt>
                <c:pt idx="7158">
                  <c:v>90.580000000011196</c:v>
                </c:pt>
                <c:pt idx="7159">
                  <c:v>90.590000000011202</c:v>
                </c:pt>
                <c:pt idx="7160">
                  <c:v>90.600000000011207</c:v>
                </c:pt>
                <c:pt idx="7161">
                  <c:v>90.610000000011198</c:v>
                </c:pt>
                <c:pt idx="7162">
                  <c:v>90.620000000011203</c:v>
                </c:pt>
                <c:pt idx="7163">
                  <c:v>90.630000000011194</c:v>
                </c:pt>
                <c:pt idx="7164">
                  <c:v>90.640000000011199</c:v>
                </c:pt>
                <c:pt idx="7165">
                  <c:v>90.650000000011204</c:v>
                </c:pt>
                <c:pt idx="7166">
                  <c:v>90.660000000011195</c:v>
                </c:pt>
                <c:pt idx="7167">
                  <c:v>90.6700000000112</c:v>
                </c:pt>
                <c:pt idx="7168">
                  <c:v>90.680000000011205</c:v>
                </c:pt>
                <c:pt idx="7169">
                  <c:v>90.690000000011196</c:v>
                </c:pt>
                <c:pt idx="7170">
                  <c:v>90.700000000011201</c:v>
                </c:pt>
                <c:pt idx="7171">
                  <c:v>90.710000000011206</c:v>
                </c:pt>
                <c:pt idx="7172">
                  <c:v>90.720000000011197</c:v>
                </c:pt>
                <c:pt idx="7173">
                  <c:v>90.730000000011202</c:v>
                </c:pt>
                <c:pt idx="7174">
                  <c:v>90.740000000011193</c:v>
                </c:pt>
                <c:pt idx="7175">
                  <c:v>90.750000000011198</c:v>
                </c:pt>
                <c:pt idx="7176">
                  <c:v>90.760000000011203</c:v>
                </c:pt>
                <c:pt idx="7177">
                  <c:v>90.770000000011194</c:v>
                </c:pt>
                <c:pt idx="7178">
                  <c:v>90.780000000011199</c:v>
                </c:pt>
                <c:pt idx="7179">
                  <c:v>90.790000000011204</c:v>
                </c:pt>
                <c:pt idx="7180">
                  <c:v>90.800000000011195</c:v>
                </c:pt>
                <c:pt idx="7181">
                  <c:v>90.8100000000112</c:v>
                </c:pt>
                <c:pt idx="7182">
                  <c:v>90.820000000011206</c:v>
                </c:pt>
                <c:pt idx="7183">
                  <c:v>90.830000000011196</c:v>
                </c:pt>
                <c:pt idx="7184">
                  <c:v>90.840000000011202</c:v>
                </c:pt>
                <c:pt idx="7185">
                  <c:v>90.850000000011207</c:v>
                </c:pt>
                <c:pt idx="7186">
                  <c:v>90.860000000011198</c:v>
                </c:pt>
                <c:pt idx="7187">
                  <c:v>90.870000000011203</c:v>
                </c:pt>
                <c:pt idx="7188">
                  <c:v>90.880000000011194</c:v>
                </c:pt>
                <c:pt idx="7189">
                  <c:v>90.890000000011199</c:v>
                </c:pt>
                <c:pt idx="7190">
                  <c:v>90.900000000011204</c:v>
                </c:pt>
                <c:pt idx="7191">
                  <c:v>90.910000000011195</c:v>
                </c:pt>
                <c:pt idx="7192">
                  <c:v>90.9200000000112</c:v>
                </c:pt>
                <c:pt idx="7193">
                  <c:v>90.930000000011205</c:v>
                </c:pt>
                <c:pt idx="7194">
                  <c:v>90.940000000011295</c:v>
                </c:pt>
                <c:pt idx="7195">
                  <c:v>90.950000000011201</c:v>
                </c:pt>
                <c:pt idx="7196">
                  <c:v>90.960000000011206</c:v>
                </c:pt>
                <c:pt idx="7197">
                  <c:v>90.970000000011296</c:v>
                </c:pt>
                <c:pt idx="7198">
                  <c:v>90.980000000011202</c:v>
                </c:pt>
                <c:pt idx="7199">
                  <c:v>90.990000000011193</c:v>
                </c:pt>
                <c:pt idx="7200">
                  <c:v>91.000000000011298</c:v>
                </c:pt>
                <c:pt idx="7201">
                  <c:v>91.010000000011303</c:v>
                </c:pt>
                <c:pt idx="7202">
                  <c:v>91.020000000011294</c:v>
                </c:pt>
                <c:pt idx="7203">
                  <c:v>91.030000000011299</c:v>
                </c:pt>
                <c:pt idx="7204">
                  <c:v>91.040000000011304</c:v>
                </c:pt>
                <c:pt idx="7205">
                  <c:v>91.050000000011295</c:v>
                </c:pt>
                <c:pt idx="7206">
                  <c:v>91.0600000000113</c:v>
                </c:pt>
                <c:pt idx="7207">
                  <c:v>91.070000000011305</c:v>
                </c:pt>
                <c:pt idx="7208">
                  <c:v>91.080000000011296</c:v>
                </c:pt>
                <c:pt idx="7209">
                  <c:v>91.090000000011301</c:v>
                </c:pt>
                <c:pt idx="7210">
                  <c:v>91.100000000011306</c:v>
                </c:pt>
                <c:pt idx="7211">
                  <c:v>91.110000000011297</c:v>
                </c:pt>
                <c:pt idx="7212">
                  <c:v>91.120000000011302</c:v>
                </c:pt>
                <c:pt idx="7213">
                  <c:v>91.130000000011293</c:v>
                </c:pt>
                <c:pt idx="7214">
                  <c:v>91.140000000011298</c:v>
                </c:pt>
                <c:pt idx="7215">
                  <c:v>91.150000000011303</c:v>
                </c:pt>
                <c:pt idx="7216">
                  <c:v>91.160000000011294</c:v>
                </c:pt>
                <c:pt idx="7217">
                  <c:v>91.170000000011299</c:v>
                </c:pt>
                <c:pt idx="7218">
                  <c:v>91.180000000011304</c:v>
                </c:pt>
                <c:pt idx="7219">
                  <c:v>91.190000000011295</c:v>
                </c:pt>
                <c:pt idx="7220">
                  <c:v>91.2000000000113</c:v>
                </c:pt>
                <c:pt idx="7221">
                  <c:v>91.210000000011306</c:v>
                </c:pt>
                <c:pt idx="7222">
                  <c:v>91.220000000011296</c:v>
                </c:pt>
                <c:pt idx="7223">
                  <c:v>91.230000000011302</c:v>
                </c:pt>
                <c:pt idx="7224">
                  <c:v>91.240000000011307</c:v>
                </c:pt>
                <c:pt idx="7225">
                  <c:v>91.250000000011298</c:v>
                </c:pt>
                <c:pt idx="7226">
                  <c:v>91.260000000011303</c:v>
                </c:pt>
                <c:pt idx="7227">
                  <c:v>91.270000000011294</c:v>
                </c:pt>
                <c:pt idx="7228">
                  <c:v>91.280000000011299</c:v>
                </c:pt>
                <c:pt idx="7229">
                  <c:v>91.290000000011304</c:v>
                </c:pt>
                <c:pt idx="7230">
                  <c:v>91.300000000011295</c:v>
                </c:pt>
                <c:pt idx="7231">
                  <c:v>91.3100000000113</c:v>
                </c:pt>
                <c:pt idx="7232">
                  <c:v>91.320000000011305</c:v>
                </c:pt>
                <c:pt idx="7233">
                  <c:v>91.330000000011296</c:v>
                </c:pt>
                <c:pt idx="7234">
                  <c:v>91.340000000011301</c:v>
                </c:pt>
                <c:pt idx="7235">
                  <c:v>91.350000000011306</c:v>
                </c:pt>
                <c:pt idx="7236">
                  <c:v>91.360000000011297</c:v>
                </c:pt>
                <c:pt idx="7237">
                  <c:v>91.370000000011302</c:v>
                </c:pt>
                <c:pt idx="7238">
                  <c:v>91.380000000011293</c:v>
                </c:pt>
                <c:pt idx="7239">
                  <c:v>91.390000000011298</c:v>
                </c:pt>
                <c:pt idx="7240">
                  <c:v>91.400000000011303</c:v>
                </c:pt>
                <c:pt idx="7241">
                  <c:v>91.410000000011294</c:v>
                </c:pt>
                <c:pt idx="7242">
                  <c:v>91.420000000011299</c:v>
                </c:pt>
                <c:pt idx="7243">
                  <c:v>91.430000000011304</c:v>
                </c:pt>
                <c:pt idx="7244">
                  <c:v>91.440000000011295</c:v>
                </c:pt>
                <c:pt idx="7245">
                  <c:v>91.4500000000113</c:v>
                </c:pt>
                <c:pt idx="7246">
                  <c:v>91.460000000011306</c:v>
                </c:pt>
                <c:pt idx="7247">
                  <c:v>91.470000000011296</c:v>
                </c:pt>
                <c:pt idx="7248">
                  <c:v>91.480000000011302</c:v>
                </c:pt>
                <c:pt idx="7249">
                  <c:v>91.490000000011307</c:v>
                </c:pt>
                <c:pt idx="7250">
                  <c:v>91.500000000011298</c:v>
                </c:pt>
                <c:pt idx="7251">
                  <c:v>91.510000000011303</c:v>
                </c:pt>
                <c:pt idx="7252">
                  <c:v>91.520000000011294</c:v>
                </c:pt>
                <c:pt idx="7253">
                  <c:v>91.530000000011299</c:v>
                </c:pt>
                <c:pt idx="7254">
                  <c:v>91.540000000011304</c:v>
                </c:pt>
                <c:pt idx="7255">
                  <c:v>91.550000000011295</c:v>
                </c:pt>
                <c:pt idx="7256">
                  <c:v>91.5600000000113</c:v>
                </c:pt>
                <c:pt idx="7257">
                  <c:v>91.570000000011305</c:v>
                </c:pt>
                <c:pt idx="7258">
                  <c:v>91.580000000011395</c:v>
                </c:pt>
                <c:pt idx="7259">
                  <c:v>91.590000000011301</c:v>
                </c:pt>
                <c:pt idx="7260">
                  <c:v>91.600000000011306</c:v>
                </c:pt>
                <c:pt idx="7261">
                  <c:v>91.610000000011397</c:v>
                </c:pt>
                <c:pt idx="7262">
                  <c:v>91.620000000011302</c:v>
                </c:pt>
                <c:pt idx="7263">
                  <c:v>91.630000000011293</c:v>
                </c:pt>
                <c:pt idx="7264">
                  <c:v>91.640000000011398</c:v>
                </c:pt>
                <c:pt idx="7265">
                  <c:v>91.650000000011403</c:v>
                </c:pt>
                <c:pt idx="7266">
                  <c:v>91.660000000011394</c:v>
                </c:pt>
                <c:pt idx="7267">
                  <c:v>91.670000000011399</c:v>
                </c:pt>
                <c:pt idx="7268">
                  <c:v>91.680000000011404</c:v>
                </c:pt>
                <c:pt idx="7269">
                  <c:v>91.690000000011395</c:v>
                </c:pt>
                <c:pt idx="7270">
                  <c:v>91.7000000000114</c:v>
                </c:pt>
                <c:pt idx="7271">
                  <c:v>91.710000000011405</c:v>
                </c:pt>
                <c:pt idx="7272">
                  <c:v>91.720000000011396</c:v>
                </c:pt>
                <c:pt idx="7273">
                  <c:v>91.730000000011401</c:v>
                </c:pt>
                <c:pt idx="7274">
                  <c:v>91.740000000011406</c:v>
                </c:pt>
                <c:pt idx="7275">
                  <c:v>91.750000000011397</c:v>
                </c:pt>
                <c:pt idx="7276">
                  <c:v>91.760000000011402</c:v>
                </c:pt>
                <c:pt idx="7277">
                  <c:v>91.770000000011393</c:v>
                </c:pt>
                <c:pt idx="7278">
                  <c:v>91.780000000011398</c:v>
                </c:pt>
                <c:pt idx="7279">
                  <c:v>91.790000000011403</c:v>
                </c:pt>
                <c:pt idx="7280">
                  <c:v>91.800000000011394</c:v>
                </c:pt>
                <c:pt idx="7281">
                  <c:v>91.810000000011399</c:v>
                </c:pt>
                <c:pt idx="7282">
                  <c:v>91.820000000011404</c:v>
                </c:pt>
                <c:pt idx="7283">
                  <c:v>91.830000000011395</c:v>
                </c:pt>
                <c:pt idx="7284">
                  <c:v>91.840000000011401</c:v>
                </c:pt>
                <c:pt idx="7285">
                  <c:v>91.850000000011406</c:v>
                </c:pt>
                <c:pt idx="7286">
                  <c:v>91.860000000011397</c:v>
                </c:pt>
                <c:pt idx="7287">
                  <c:v>91.870000000011402</c:v>
                </c:pt>
                <c:pt idx="7288">
                  <c:v>91.880000000011407</c:v>
                </c:pt>
                <c:pt idx="7289">
                  <c:v>91.890000000011398</c:v>
                </c:pt>
                <c:pt idx="7290">
                  <c:v>91.900000000011403</c:v>
                </c:pt>
                <c:pt idx="7291">
                  <c:v>91.910000000011394</c:v>
                </c:pt>
                <c:pt idx="7292">
                  <c:v>91.920000000011399</c:v>
                </c:pt>
                <c:pt idx="7293">
                  <c:v>91.930000000011404</c:v>
                </c:pt>
                <c:pt idx="7294">
                  <c:v>91.940000000011395</c:v>
                </c:pt>
                <c:pt idx="7295">
                  <c:v>91.9500000000114</c:v>
                </c:pt>
                <c:pt idx="7296">
                  <c:v>91.960000000011405</c:v>
                </c:pt>
                <c:pt idx="7297">
                  <c:v>91.970000000011396</c:v>
                </c:pt>
                <c:pt idx="7298">
                  <c:v>91.980000000011401</c:v>
                </c:pt>
                <c:pt idx="7299">
                  <c:v>91.990000000011406</c:v>
                </c:pt>
                <c:pt idx="7300">
                  <c:v>92.000000000011397</c:v>
                </c:pt>
                <c:pt idx="7301">
                  <c:v>92.010000000011402</c:v>
                </c:pt>
                <c:pt idx="7302">
                  <c:v>92.020000000011393</c:v>
                </c:pt>
                <c:pt idx="7303">
                  <c:v>92.030000000011398</c:v>
                </c:pt>
                <c:pt idx="7304">
                  <c:v>92.040000000011403</c:v>
                </c:pt>
                <c:pt idx="7305">
                  <c:v>92.050000000011394</c:v>
                </c:pt>
                <c:pt idx="7306">
                  <c:v>92.060000000011399</c:v>
                </c:pt>
                <c:pt idx="7307">
                  <c:v>92.070000000011404</c:v>
                </c:pt>
                <c:pt idx="7308">
                  <c:v>92.080000000011395</c:v>
                </c:pt>
                <c:pt idx="7309">
                  <c:v>92.090000000011401</c:v>
                </c:pt>
                <c:pt idx="7310">
                  <c:v>92.100000000011406</c:v>
                </c:pt>
                <c:pt idx="7311">
                  <c:v>92.110000000011397</c:v>
                </c:pt>
                <c:pt idx="7312">
                  <c:v>92.120000000011402</c:v>
                </c:pt>
                <c:pt idx="7313">
                  <c:v>92.130000000011407</c:v>
                </c:pt>
                <c:pt idx="7314">
                  <c:v>92.140000000011398</c:v>
                </c:pt>
                <c:pt idx="7315">
                  <c:v>92.150000000011403</c:v>
                </c:pt>
                <c:pt idx="7316">
                  <c:v>92.160000000011394</c:v>
                </c:pt>
                <c:pt idx="7317">
                  <c:v>92.170000000011399</c:v>
                </c:pt>
                <c:pt idx="7318">
                  <c:v>92.180000000011404</c:v>
                </c:pt>
                <c:pt idx="7319">
                  <c:v>92.190000000011395</c:v>
                </c:pt>
                <c:pt idx="7320">
                  <c:v>92.2000000000114</c:v>
                </c:pt>
                <c:pt idx="7321">
                  <c:v>92.210000000011405</c:v>
                </c:pt>
                <c:pt idx="7322">
                  <c:v>92.220000000011495</c:v>
                </c:pt>
                <c:pt idx="7323">
                  <c:v>92.230000000011401</c:v>
                </c:pt>
                <c:pt idx="7324">
                  <c:v>92.240000000011406</c:v>
                </c:pt>
                <c:pt idx="7325">
                  <c:v>92.250000000011497</c:v>
                </c:pt>
                <c:pt idx="7326">
                  <c:v>92.260000000011402</c:v>
                </c:pt>
                <c:pt idx="7327">
                  <c:v>92.270000000011393</c:v>
                </c:pt>
                <c:pt idx="7328">
                  <c:v>92.280000000011498</c:v>
                </c:pt>
                <c:pt idx="7329">
                  <c:v>92.290000000011503</c:v>
                </c:pt>
                <c:pt idx="7330">
                  <c:v>92.300000000011494</c:v>
                </c:pt>
                <c:pt idx="7331">
                  <c:v>92.310000000011499</c:v>
                </c:pt>
                <c:pt idx="7332">
                  <c:v>92.320000000011504</c:v>
                </c:pt>
                <c:pt idx="7333">
                  <c:v>92.330000000011495</c:v>
                </c:pt>
                <c:pt idx="7334">
                  <c:v>92.3400000000115</c:v>
                </c:pt>
                <c:pt idx="7335">
                  <c:v>92.350000000011505</c:v>
                </c:pt>
                <c:pt idx="7336">
                  <c:v>92.360000000011496</c:v>
                </c:pt>
                <c:pt idx="7337">
                  <c:v>92.370000000011501</c:v>
                </c:pt>
                <c:pt idx="7338">
                  <c:v>92.380000000011506</c:v>
                </c:pt>
                <c:pt idx="7339">
                  <c:v>92.390000000011497</c:v>
                </c:pt>
                <c:pt idx="7340">
                  <c:v>92.400000000011502</c:v>
                </c:pt>
                <c:pt idx="7341">
                  <c:v>92.410000000011493</c:v>
                </c:pt>
                <c:pt idx="7342">
                  <c:v>92.420000000011498</c:v>
                </c:pt>
                <c:pt idx="7343">
                  <c:v>92.430000000011503</c:v>
                </c:pt>
                <c:pt idx="7344">
                  <c:v>92.440000000011494</c:v>
                </c:pt>
                <c:pt idx="7345">
                  <c:v>92.450000000011499</c:v>
                </c:pt>
                <c:pt idx="7346">
                  <c:v>92.460000000011505</c:v>
                </c:pt>
                <c:pt idx="7347">
                  <c:v>92.470000000011495</c:v>
                </c:pt>
                <c:pt idx="7348">
                  <c:v>92.480000000011501</c:v>
                </c:pt>
                <c:pt idx="7349">
                  <c:v>92.490000000011506</c:v>
                </c:pt>
                <c:pt idx="7350">
                  <c:v>92.500000000011497</c:v>
                </c:pt>
                <c:pt idx="7351">
                  <c:v>92.510000000011502</c:v>
                </c:pt>
                <c:pt idx="7352">
                  <c:v>92.520000000011507</c:v>
                </c:pt>
                <c:pt idx="7353">
                  <c:v>92.530000000011498</c:v>
                </c:pt>
                <c:pt idx="7354">
                  <c:v>92.540000000011503</c:v>
                </c:pt>
                <c:pt idx="7355">
                  <c:v>92.550000000011494</c:v>
                </c:pt>
                <c:pt idx="7356">
                  <c:v>92.560000000011499</c:v>
                </c:pt>
                <c:pt idx="7357">
                  <c:v>92.570000000011504</c:v>
                </c:pt>
                <c:pt idx="7358">
                  <c:v>92.580000000011495</c:v>
                </c:pt>
                <c:pt idx="7359">
                  <c:v>92.5900000000115</c:v>
                </c:pt>
                <c:pt idx="7360">
                  <c:v>92.600000000011505</c:v>
                </c:pt>
                <c:pt idx="7361">
                  <c:v>92.610000000011496</c:v>
                </c:pt>
                <c:pt idx="7362">
                  <c:v>92.620000000011501</c:v>
                </c:pt>
                <c:pt idx="7363">
                  <c:v>92.630000000011506</c:v>
                </c:pt>
                <c:pt idx="7364">
                  <c:v>92.640000000011497</c:v>
                </c:pt>
                <c:pt idx="7365">
                  <c:v>92.650000000011502</c:v>
                </c:pt>
                <c:pt idx="7366">
                  <c:v>92.660000000011493</c:v>
                </c:pt>
                <c:pt idx="7367">
                  <c:v>92.670000000011498</c:v>
                </c:pt>
                <c:pt idx="7368">
                  <c:v>92.680000000011503</c:v>
                </c:pt>
                <c:pt idx="7369">
                  <c:v>92.690000000011494</c:v>
                </c:pt>
                <c:pt idx="7370">
                  <c:v>92.700000000011499</c:v>
                </c:pt>
                <c:pt idx="7371">
                  <c:v>92.710000000011505</c:v>
                </c:pt>
                <c:pt idx="7372">
                  <c:v>92.720000000011495</c:v>
                </c:pt>
                <c:pt idx="7373">
                  <c:v>92.730000000011501</c:v>
                </c:pt>
                <c:pt idx="7374">
                  <c:v>92.740000000011506</c:v>
                </c:pt>
                <c:pt idx="7375">
                  <c:v>92.750000000011497</c:v>
                </c:pt>
                <c:pt idx="7376">
                  <c:v>92.760000000011502</c:v>
                </c:pt>
                <c:pt idx="7377">
                  <c:v>92.770000000011507</c:v>
                </c:pt>
                <c:pt idx="7378">
                  <c:v>92.780000000011498</c:v>
                </c:pt>
                <c:pt idx="7379">
                  <c:v>92.790000000011503</c:v>
                </c:pt>
                <c:pt idx="7380">
                  <c:v>92.800000000011494</c:v>
                </c:pt>
                <c:pt idx="7381">
                  <c:v>92.810000000011499</c:v>
                </c:pt>
                <c:pt idx="7382">
                  <c:v>92.820000000011504</c:v>
                </c:pt>
                <c:pt idx="7383">
                  <c:v>92.830000000011495</c:v>
                </c:pt>
                <c:pt idx="7384">
                  <c:v>92.8400000000115</c:v>
                </c:pt>
                <c:pt idx="7385">
                  <c:v>92.850000000011505</c:v>
                </c:pt>
                <c:pt idx="7386">
                  <c:v>92.860000000011595</c:v>
                </c:pt>
                <c:pt idx="7387">
                  <c:v>92.870000000011501</c:v>
                </c:pt>
                <c:pt idx="7388">
                  <c:v>92.880000000011506</c:v>
                </c:pt>
                <c:pt idx="7389">
                  <c:v>92.890000000011597</c:v>
                </c:pt>
                <c:pt idx="7390">
                  <c:v>92.900000000011502</c:v>
                </c:pt>
                <c:pt idx="7391">
                  <c:v>92.910000000011607</c:v>
                </c:pt>
                <c:pt idx="7392">
                  <c:v>92.920000000011598</c:v>
                </c:pt>
                <c:pt idx="7393">
                  <c:v>92.930000000011603</c:v>
                </c:pt>
                <c:pt idx="7394">
                  <c:v>92.940000000011594</c:v>
                </c:pt>
                <c:pt idx="7395">
                  <c:v>92.950000000011599</c:v>
                </c:pt>
                <c:pt idx="7396">
                  <c:v>92.960000000011604</c:v>
                </c:pt>
                <c:pt idx="7397">
                  <c:v>92.970000000011595</c:v>
                </c:pt>
                <c:pt idx="7398">
                  <c:v>92.9800000000116</c:v>
                </c:pt>
                <c:pt idx="7399">
                  <c:v>92.990000000011605</c:v>
                </c:pt>
                <c:pt idx="7400">
                  <c:v>93.000000000011596</c:v>
                </c:pt>
              </c:numCache>
            </c:numRef>
          </c:xVal>
          <c:yVal>
            <c:numRef>
              <c:f>'003 - XRD'!$C$5:$C$7405</c:f>
              <c:numCache>
                <c:formatCode>General</c:formatCode>
                <c:ptCount val="7401"/>
                <c:pt idx="0">
                  <c:v>0.52794823763195164</c:v>
                </c:pt>
                <c:pt idx="1">
                  <c:v>0.52769745960117531</c:v>
                </c:pt>
                <c:pt idx="2">
                  <c:v>0.5274261963759963</c:v>
                </c:pt>
                <c:pt idx="3">
                  <c:v>0.52721089850882974</c:v>
                </c:pt>
                <c:pt idx="4">
                  <c:v>0.52714295790351939</c:v>
                </c:pt>
                <c:pt idx="5">
                  <c:v>0.52730199461608707</c:v>
                </c:pt>
                <c:pt idx="6">
                  <c:v>0.52773179583168672</c:v>
                </c:pt>
                <c:pt idx="7">
                  <c:v>0.52840381760053745</c:v>
                </c:pt>
                <c:pt idx="8">
                  <c:v>0.52926176976116546</c:v>
                </c:pt>
                <c:pt idx="9">
                  <c:v>0.53012499303477523</c:v>
                </c:pt>
                <c:pt idx="10">
                  <c:v>0.5309036310761176</c:v>
                </c:pt>
                <c:pt idx="11">
                  <c:v>0.53149357241763873</c:v>
                </c:pt>
                <c:pt idx="12">
                  <c:v>0.53187376097695216</c:v>
                </c:pt>
                <c:pt idx="13">
                  <c:v>0.53207024746079634</c:v>
                </c:pt>
                <c:pt idx="14">
                  <c:v>0.53213417480561787</c:v>
                </c:pt>
                <c:pt idx="15">
                  <c:v>0.53212549638168039</c:v>
                </c:pt>
                <c:pt idx="16">
                  <c:v>0.53215551545770445</c:v>
                </c:pt>
                <c:pt idx="17">
                  <c:v>0.53226067283963197</c:v>
                </c:pt>
                <c:pt idx="18">
                  <c:v>0.53247093664126754</c:v>
                </c:pt>
                <c:pt idx="19">
                  <c:v>0.53271693293364142</c:v>
                </c:pt>
                <c:pt idx="20">
                  <c:v>0.53299462459708891</c:v>
                </c:pt>
                <c:pt idx="21">
                  <c:v>0.53325558155701869</c:v>
                </c:pt>
                <c:pt idx="22">
                  <c:v>0.53347671330322577</c:v>
                </c:pt>
                <c:pt idx="23">
                  <c:v>0.53360501621854051</c:v>
                </c:pt>
                <c:pt idx="24">
                  <c:v>0.53360740818264907</c:v>
                </c:pt>
                <c:pt idx="25">
                  <c:v>0.53354186967342621</c:v>
                </c:pt>
                <c:pt idx="26">
                  <c:v>0.53338969404279557</c:v>
                </c:pt>
                <c:pt idx="27">
                  <c:v>0.53317843529717679</c:v>
                </c:pt>
                <c:pt idx="28">
                  <c:v>0.53292335397801649</c:v>
                </c:pt>
                <c:pt idx="29">
                  <c:v>0.53257823429750917</c:v>
                </c:pt>
                <c:pt idx="30">
                  <c:v>0.53213503945562124</c:v>
                </c:pt>
                <c:pt idx="31">
                  <c:v>0.53155357050751562</c:v>
                </c:pt>
                <c:pt idx="32">
                  <c:v>0.53090004936439017</c:v>
                </c:pt>
                <c:pt idx="33">
                  <c:v>0.53021564496915241</c:v>
                </c:pt>
                <c:pt idx="34">
                  <c:v>0.5295297715432008</c:v>
                </c:pt>
                <c:pt idx="35">
                  <c:v>0.52888279011852124</c:v>
                </c:pt>
                <c:pt idx="36">
                  <c:v>0.52833028250052938</c:v>
                </c:pt>
                <c:pt idx="37">
                  <c:v>0.52789743133050293</c:v>
                </c:pt>
                <c:pt idx="38">
                  <c:v>0.52758502721329004</c:v>
                </c:pt>
                <c:pt idx="39">
                  <c:v>0.52732367111876033</c:v>
                </c:pt>
                <c:pt idx="40">
                  <c:v>0.52706653898902522</c:v>
                </c:pt>
                <c:pt idx="41">
                  <c:v>0.52675781196304727</c:v>
                </c:pt>
                <c:pt idx="42">
                  <c:v>0.5263954529411069</c:v>
                </c:pt>
                <c:pt idx="43">
                  <c:v>0.52596233588834462</c:v>
                </c:pt>
                <c:pt idx="44">
                  <c:v>0.52548106506986025</c:v>
                </c:pt>
                <c:pt idx="45">
                  <c:v>0.52498813164099378</c:v>
                </c:pt>
                <c:pt idx="46">
                  <c:v>0.52450303770004336</c:v>
                </c:pt>
                <c:pt idx="47">
                  <c:v>0.52403213205936283</c:v>
                </c:pt>
                <c:pt idx="48">
                  <c:v>0.5235581342286113</c:v>
                </c:pt>
                <c:pt idx="49">
                  <c:v>0.52310569054871725</c:v>
                </c:pt>
                <c:pt idx="50">
                  <c:v>0.52266971679268337</c:v>
                </c:pt>
                <c:pt idx="51">
                  <c:v>0.52225680596989599</c:v>
                </c:pt>
                <c:pt idx="52">
                  <c:v>0.52182512069648335</c:v>
                </c:pt>
                <c:pt idx="53">
                  <c:v>0.52141240390109134</c:v>
                </c:pt>
                <c:pt idx="54">
                  <c:v>0.52099759484389152</c:v>
                </c:pt>
                <c:pt idx="55">
                  <c:v>0.52059970204873396</c:v>
                </c:pt>
                <c:pt idx="56">
                  <c:v>0.52023431784668939</c:v>
                </c:pt>
                <c:pt idx="57">
                  <c:v>0.51990437960465496</c:v>
                </c:pt>
                <c:pt idx="58">
                  <c:v>0.51958989397043442</c:v>
                </c:pt>
                <c:pt idx="59">
                  <c:v>0.51928004366752156</c:v>
                </c:pt>
                <c:pt idx="60">
                  <c:v>0.51900515945285497</c:v>
                </c:pt>
                <c:pt idx="61">
                  <c:v>0.51874237641617849</c:v>
                </c:pt>
                <c:pt idx="62">
                  <c:v>0.51849559831089942</c:v>
                </c:pt>
                <c:pt idx="63">
                  <c:v>0.51825138337565901</c:v>
                </c:pt>
                <c:pt idx="64">
                  <c:v>0.51800579689731763</c:v>
                </c:pt>
                <c:pt idx="65">
                  <c:v>0.51776307296447754</c:v>
                </c:pt>
                <c:pt idx="66">
                  <c:v>0.51750361206476658</c:v>
                </c:pt>
                <c:pt idx="67">
                  <c:v>0.5171809937117221</c:v>
                </c:pt>
                <c:pt idx="68">
                  <c:v>0.51679128811111674</c:v>
                </c:pt>
                <c:pt idx="69">
                  <c:v>0.51630446503357874</c:v>
                </c:pt>
                <c:pt idx="70">
                  <c:v>0.51573031192984253</c:v>
                </c:pt>
                <c:pt idx="71">
                  <c:v>0.51505314786304779</c:v>
                </c:pt>
                <c:pt idx="72">
                  <c:v>0.51427469589876573</c:v>
                </c:pt>
                <c:pt idx="73">
                  <c:v>0.51338549907670505</c:v>
                </c:pt>
                <c:pt idx="74">
                  <c:v>0.5123928812487667</c:v>
                </c:pt>
                <c:pt idx="75">
                  <c:v>0.51131600158661883</c:v>
                </c:pt>
                <c:pt idx="76">
                  <c:v>0.51018120736165562</c:v>
                </c:pt>
                <c:pt idx="77">
                  <c:v>0.50902074045081724</c:v>
                </c:pt>
                <c:pt idx="78">
                  <c:v>0.50785229222805439</c:v>
                </c:pt>
                <c:pt idx="79">
                  <c:v>0.50674167751636146</c:v>
                </c:pt>
                <c:pt idx="80">
                  <c:v>0.50575877809217284</c:v>
                </c:pt>
                <c:pt idx="81">
                  <c:v>0.50496036653234322</c:v>
                </c:pt>
                <c:pt idx="82">
                  <c:v>0.50445106207345003</c:v>
                </c:pt>
                <c:pt idx="83">
                  <c:v>0.5043802741974136</c:v>
                </c:pt>
                <c:pt idx="84">
                  <c:v>0.50475367196947885</c:v>
                </c:pt>
                <c:pt idx="85">
                  <c:v>0.50552424352980918</c:v>
                </c:pt>
                <c:pt idx="86">
                  <c:v>0.5065727179318078</c:v>
                </c:pt>
                <c:pt idx="87">
                  <c:v>0.50774392615627506</c:v>
                </c:pt>
                <c:pt idx="88">
                  <c:v>0.50885928076538312</c:v>
                </c:pt>
                <c:pt idx="89">
                  <c:v>0.5098205885479411</c:v>
                </c:pt>
                <c:pt idx="90">
                  <c:v>0.51051413673544266</c:v>
                </c:pt>
                <c:pt idx="91">
                  <c:v>0.51094394317227987</c:v>
                </c:pt>
                <c:pt idx="92">
                  <c:v>0.51115178641965031</c:v>
                </c:pt>
                <c:pt idx="93">
                  <c:v>0.51123263813209718</c:v>
                </c:pt>
                <c:pt idx="94">
                  <c:v>0.51125144850222159</c:v>
                </c:pt>
                <c:pt idx="95">
                  <c:v>0.51129439918629749</c:v>
                </c:pt>
                <c:pt idx="96">
                  <c:v>0.51136526054696207</c:v>
                </c:pt>
                <c:pt idx="97">
                  <c:v>0.51143794977381152</c:v>
                </c:pt>
                <c:pt idx="98">
                  <c:v>0.51149419768329929</c:v>
                </c:pt>
                <c:pt idx="99">
                  <c:v>0.51148541320859264</c:v>
                </c:pt>
                <c:pt idx="100">
                  <c:v>0.51133157131684015</c:v>
                </c:pt>
                <c:pt idx="101">
                  <c:v>0.51105157566591031</c:v>
                </c:pt>
                <c:pt idx="102">
                  <c:v>0.51067438555135036</c:v>
                </c:pt>
                <c:pt idx="103">
                  <c:v>0.5102222548270392</c:v>
                </c:pt>
                <c:pt idx="104">
                  <c:v>0.50974903108764436</c:v>
                </c:pt>
                <c:pt idx="105">
                  <c:v>0.50926354651805372</c:v>
                </c:pt>
                <c:pt idx="106">
                  <c:v>0.50879817958081952</c:v>
                </c:pt>
                <c:pt idx="107">
                  <c:v>0.50840421510094724</c:v>
                </c:pt>
                <c:pt idx="108">
                  <c:v>0.5081024644743507</c:v>
                </c:pt>
                <c:pt idx="109">
                  <c:v>0.50782178659479471</c:v>
                </c:pt>
                <c:pt idx="110">
                  <c:v>0.5075874556484371</c:v>
                </c:pt>
                <c:pt idx="111">
                  <c:v>0.50736201009374704</c:v>
                </c:pt>
                <c:pt idx="112">
                  <c:v>0.5071496510609802</c:v>
                </c:pt>
                <c:pt idx="113">
                  <c:v>0.50688100024562288</c:v>
                </c:pt>
                <c:pt idx="114">
                  <c:v>0.50658941250288403</c:v>
                </c:pt>
                <c:pt idx="115">
                  <c:v>0.50621749801820737</c:v>
                </c:pt>
                <c:pt idx="116">
                  <c:v>0.50574587375712021</c:v>
                </c:pt>
                <c:pt idx="117">
                  <c:v>0.50515165359839542</c:v>
                </c:pt>
                <c:pt idx="118">
                  <c:v>0.50441433785154632</c:v>
                </c:pt>
                <c:pt idx="119">
                  <c:v>0.5035962709880929</c:v>
                </c:pt>
                <c:pt idx="120">
                  <c:v>0.50275220227936923</c:v>
                </c:pt>
                <c:pt idx="121">
                  <c:v>0.50194078056332159</c:v>
                </c:pt>
                <c:pt idx="122">
                  <c:v>0.50116306810112776</c:v>
                </c:pt>
                <c:pt idx="123">
                  <c:v>0.50048649914477317</c:v>
                </c:pt>
                <c:pt idx="124">
                  <c:v>0.49991299569551456</c:v>
                </c:pt>
                <c:pt idx="125">
                  <c:v>0.49944570893245754</c:v>
                </c:pt>
                <c:pt idx="126">
                  <c:v>0.49900012814665407</c:v>
                </c:pt>
                <c:pt idx="127">
                  <c:v>0.49853785491356789</c:v>
                </c:pt>
                <c:pt idx="128">
                  <c:v>0.49800957623002456</c:v>
                </c:pt>
                <c:pt idx="129">
                  <c:v>0.49741291867833942</c:v>
                </c:pt>
                <c:pt idx="130">
                  <c:v>0.49675599224493433</c:v>
                </c:pt>
                <c:pt idx="131">
                  <c:v>0.49614296319666124</c:v>
                </c:pt>
                <c:pt idx="132">
                  <c:v>0.49560322721176286</c:v>
                </c:pt>
                <c:pt idx="133">
                  <c:v>0.49519857261662181</c:v>
                </c:pt>
                <c:pt idx="134">
                  <c:v>0.49495358319046528</c:v>
                </c:pt>
                <c:pt idx="135">
                  <c:v>0.49490548218212055</c:v>
                </c:pt>
                <c:pt idx="136">
                  <c:v>0.49501047608048354</c:v>
                </c:pt>
                <c:pt idx="137">
                  <c:v>0.49524292570139411</c:v>
                </c:pt>
                <c:pt idx="138">
                  <c:v>0.49554495849052865</c:v>
                </c:pt>
                <c:pt idx="139">
                  <c:v>0.49584024989561715</c:v>
                </c:pt>
                <c:pt idx="140">
                  <c:v>0.49606754396938713</c:v>
                </c:pt>
                <c:pt idx="141">
                  <c:v>0.49621115845536984</c:v>
                </c:pt>
                <c:pt idx="142">
                  <c:v>0.49622782777902541</c:v>
                </c:pt>
                <c:pt idx="143">
                  <c:v>0.49610908694981959</c:v>
                </c:pt>
                <c:pt idx="144">
                  <c:v>0.49586374359157953</c:v>
                </c:pt>
                <c:pt idx="145">
                  <c:v>0.49552338032769833</c:v>
                </c:pt>
                <c:pt idx="146">
                  <c:v>0.49517009566373404</c:v>
                </c:pt>
                <c:pt idx="147">
                  <c:v>0.4948535077149851</c:v>
                </c:pt>
                <c:pt idx="148">
                  <c:v>0.49465192326877544</c:v>
                </c:pt>
                <c:pt idx="149">
                  <c:v>0.49463177197782182</c:v>
                </c:pt>
                <c:pt idx="150">
                  <c:v>0.49479291911050099</c:v>
                </c:pt>
                <c:pt idx="151">
                  <c:v>0.49512328492531216</c:v>
                </c:pt>
                <c:pt idx="152">
                  <c:v>0.49558846921401695</c:v>
                </c:pt>
                <c:pt idx="153">
                  <c:v>0.49608990597151831</c:v>
                </c:pt>
                <c:pt idx="154">
                  <c:v>0.49656583375549573</c:v>
                </c:pt>
                <c:pt idx="155">
                  <c:v>0.49696617267182314</c:v>
                </c:pt>
                <c:pt idx="156">
                  <c:v>0.49729602870592254</c:v>
                </c:pt>
                <c:pt idx="157">
                  <c:v>0.49755940802344623</c:v>
                </c:pt>
                <c:pt idx="158">
                  <c:v>0.49777126047034304</c:v>
                </c:pt>
                <c:pt idx="159">
                  <c:v>0.49796121916206093</c:v>
                </c:pt>
                <c:pt idx="160">
                  <c:v>0.49813915842696765</c:v>
                </c:pt>
                <c:pt idx="161">
                  <c:v>0.49829641035959049</c:v>
                </c:pt>
                <c:pt idx="162">
                  <c:v>0.49845814258626825</c:v>
                </c:pt>
                <c:pt idx="163">
                  <c:v>0.49863091130298598</c:v>
                </c:pt>
                <c:pt idx="164">
                  <c:v>0.4988260297613234</c:v>
                </c:pt>
                <c:pt idx="165">
                  <c:v>0.49901612621118463</c:v>
                </c:pt>
                <c:pt idx="166">
                  <c:v>0.49918137395181561</c:v>
                </c:pt>
                <c:pt idx="167">
                  <c:v>0.49930333928656545</c:v>
                </c:pt>
                <c:pt idx="168">
                  <c:v>0.49938329935504766</c:v>
                </c:pt>
                <c:pt idx="169">
                  <c:v>0.4994003614168378</c:v>
                </c:pt>
                <c:pt idx="170">
                  <c:v>0.49934717359097747</c:v>
                </c:pt>
                <c:pt idx="171">
                  <c:v>0.49921902878470276</c:v>
                </c:pt>
                <c:pt idx="172">
                  <c:v>0.4989910732698587</c:v>
                </c:pt>
                <c:pt idx="173">
                  <c:v>0.49865076655957857</c:v>
                </c:pt>
                <c:pt idx="174">
                  <c:v>0.49822106773171088</c:v>
                </c:pt>
                <c:pt idx="175">
                  <c:v>0.49772456505998769</c:v>
                </c:pt>
                <c:pt idx="176">
                  <c:v>0.49716234590102765</c:v>
                </c:pt>
                <c:pt idx="177">
                  <c:v>0.49657962066108063</c:v>
                </c:pt>
                <c:pt idx="178">
                  <c:v>0.49600347651400556</c:v>
                </c:pt>
                <c:pt idx="179">
                  <c:v>0.4954637847903301</c:v>
                </c:pt>
                <c:pt idx="180">
                  <c:v>0.49498433646644763</c:v>
                </c:pt>
                <c:pt idx="181">
                  <c:v>0.49459362719610078</c:v>
                </c:pt>
                <c:pt idx="182">
                  <c:v>0.49430317738162854</c:v>
                </c:pt>
                <c:pt idx="183">
                  <c:v>0.49413410184556489</c:v>
                </c:pt>
                <c:pt idx="184">
                  <c:v>0.49406667624465506</c:v>
                </c:pt>
                <c:pt idx="185">
                  <c:v>0.49411513453517314</c:v>
                </c:pt>
                <c:pt idx="186">
                  <c:v>0.49425933945323652</c:v>
                </c:pt>
                <c:pt idx="187">
                  <c:v>0.49448350081637399</c:v>
                </c:pt>
                <c:pt idx="188">
                  <c:v>0.49478243595969384</c:v>
                </c:pt>
                <c:pt idx="189">
                  <c:v>0.49512515978345167</c:v>
                </c:pt>
                <c:pt idx="190">
                  <c:v>0.4955084688974743</c:v>
                </c:pt>
                <c:pt idx="191">
                  <c:v>0.49590088011148475</c:v>
                </c:pt>
                <c:pt idx="192">
                  <c:v>0.49629916120329326</c:v>
                </c:pt>
                <c:pt idx="193">
                  <c:v>0.49668208778772199</c:v>
                </c:pt>
                <c:pt idx="194">
                  <c:v>0.4970238907796537</c:v>
                </c:pt>
                <c:pt idx="195">
                  <c:v>0.49736800921392355</c:v>
                </c:pt>
                <c:pt idx="196">
                  <c:v>0.49768557090467286</c:v>
                </c:pt>
                <c:pt idx="197">
                  <c:v>0.49797638033984448</c:v>
                </c:pt>
                <c:pt idx="198">
                  <c:v>0.4982355754752984</c:v>
                </c:pt>
                <c:pt idx="199">
                  <c:v>0.49847162324870636</c:v>
                </c:pt>
                <c:pt idx="200">
                  <c:v>0.49868063036956323</c:v>
                </c:pt>
                <c:pt idx="201">
                  <c:v>0.49886242462282654</c:v>
                </c:pt>
                <c:pt idx="202">
                  <c:v>0.49903489941165435</c:v>
                </c:pt>
                <c:pt idx="203">
                  <c:v>0.49917727998684674</c:v>
                </c:pt>
                <c:pt idx="204">
                  <c:v>0.49927839218593356</c:v>
                </c:pt>
                <c:pt idx="205">
                  <c:v>0.4993432914433612</c:v>
                </c:pt>
                <c:pt idx="206">
                  <c:v>0.49939169686268053</c:v>
                </c:pt>
                <c:pt idx="207">
                  <c:v>0.49942124094908386</c:v>
                </c:pt>
                <c:pt idx="208">
                  <c:v>0.49944214565088135</c:v>
                </c:pt>
                <c:pt idx="209">
                  <c:v>0.49944451443146981</c:v>
                </c:pt>
                <c:pt idx="210">
                  <c:v>0.49943045697320554</c:v>
                </c:pt>
                <c:pt idx="211">
                  <c:v>0.49939235212782324</c:v>
                </c:pt>
                <c:pt idx="212">
                  <c:v>0.49924333885448557</c:v>
                </c:pt>
                <c:pt idx="213">
                  <c:v>0.49887984003190528</c:v>
                </c:pt>
                <c:pt idx="214">
                  <c:v>0.49823213219745188</c:v>
                </c:pt>
                <c:pt idx="215">
                  <c:v>0.49727172459791047</c:v>
                </c:pt>
                <c:pt idx="216">
                  <c:v>0.49617073672711076</c:v>
                </c:pt>
                <c:pt idx="217">
                  <c:v>0.49524393411927503</c:v>
                </c:pt>
                <c:pt idx="218">
                  <c:v>0.4947869331243106</c:v>
                </c:pt>
                <c:pt idx="219">
                  <c:v>0.49496190885158231</c:v>
                </c:pt>
                <c:pt idx="220">
                  <c:v>0.49573049942211156</c:v>
                </c:pt>
                <c:pt idx="221">
                  <c:v>0.49685870904151114</c:v>
                </c:pt>
                <c:pt idx="222">
                  <c:v>0.49803021587255464</c:v>
                </c:pt>
                <c:pt idx="223">
                  <c:v>0.49896358570715893</c:v>
                </c:pt>
                <c:pt idx="224">
                  <c:v>0.49952966963232548</c:v>
                </c:pt>
                <c:pt idx="225">
                  <c:v>0.49974042019146669</c:v>
                </c:pt>
                <c:pt idx="226">
                  <c:v>0.4996540490215125</c:v>
                </c:pt>
                <c:pt idx="227">
                  <c:v>0.49932449568371368</c:v>
                </c:pt>
                <c:pt idx="228">
                  <c:v>0.49883437035321865</c:v>
                </c:pt>
                <c:pt idx="229">
                  <c:v>0.49829301929003356</c:v>
                </c:pt>
                <c:pt idx="230">
                  <c:v>0.49776764221403857</c:v>
                </c:pt>
                <c:pt idx="231">
                  <c:v>0.49737306875811299</c:v>
                </c:pt>
                <c:pt idx="232">
                  <c:v>0.49715626461377088</c:v>
                </c:pt>
                <c:pt idx="233">
                  <c:v>0.49708326477885267</c:v>
                </c:pt>
                <c:pt idx="234">
                  <c:v>0.49716130950826282</c:v>
                </c:pt>
                <c:pt idx="235">
                  <c:v>0.49738620491774471</c:v>
                </c:pt>
                <c:pt idx="236">
                  <c:v>0.49765431244495562</c:v>
                </c:pt>
                <c:pt idx="237">
                  <c:v>0.4979573236506914</c:v>
                </c:pt>
                <c:pt idx="238">
                  <c:v>0.49825020704065576</c:v>
                </c:pt>
                <c:pt idx="239">
                  <c:v>0.49855339435489199</c:v>
                </c:pt>
                <c:pt idx="240">
                  <c:v>0.49885959272574415</c:v>
                </c:pt>
                <c:pt idx="241">
                  <c:v>0.49914276914475303</c:v>
                </c:pt>
                <c:pt idx="242">
                  <c:v>0.49942259729871064</c:v>
                </c:pt>
                <c:pt idx="243">
                  <c:v>0.4996897688002126</c:v>
                </c:pt>
                <c:pt idx="244">
                  <c:v>0.49994107040312147</c:v>
                </c:pt>
                <c:pt idx="245">
                  <c:v>0.50017179961214053</c:v>
                </c:pt>
                <c:pt idx="246">
                  <c:v>0.50036172845888893</c:v>
                </c:pt>
                <c:pt idx="247">
                  <c:v>0.50053924514011972</c:v>
                </c:pt>
                <c:pt idx="248">
                  <c:v>0.50067274981060861</c:v>
                </c:pt>
                <c:pt idx="249">
                  <c:v>0.50077378881954848</c:v>
                </c:pt>
                <c:pt idx="250">
                  <c:v>0.50084931534807398</c:v>
                </c:pt>
                <c:pt idx="251">
                  <c:v>0.50090109056330812</c:v>
                </c:pt>
                <c:pt idx="252">
                  <c:v>0.50092657974433819</c:v>
                </c:pt>
                <c:pt idx="253">
                  <c:v>0.50093378766025398</c:v>
                </c:pt>
                <c:pt idx="254">
                  <c:v>0.50093387774008291</c:v>
                </c:pt>
                <c:pt idx="255">
                  <c:v>0.50091525656995606</c:v>
                </c:pt>
                <c:pt idx="256">
                  <c:v>0.50091738795427576</c:v>
                </c:pt>
                <c:pt idx="257">
                  <c:v>0.50089650035689282</c:v>
                </c:pt>
                <c:pt idx="258">
                  <c:v>0.50088905773286951</c:v>
                </c:pt>
                <c:pt idx="259">
                  <c:v>0.50089963049612718</c:v>
                </c:pt>
                <c:pt idx="260">
                  <c:v>0.50092806981198179</c:v>
                </c:pt>
                <c:pt idx="261">
                  <c:v>0.50098881177131993</c:v>
                </c:pt>
                <c:pt idx="262">
                  <c:v>0.50108447384995292</c:v>
                </c:pt>
                <c:pt idx="263">
                  <c:v>0.50120933897993414</c:v>
                </c:pt>
                <c:pt idx="264">
                  <c:v>0.50138358783005366</c:v>
                </c:pt>
                <c:pt idx="265">
                  <c:v>0.5016060078197877</c:v>
                </c:pt>
                <c:pt idx="266">
                  <c:v>0.50186134067757993</c:v>
                </c:pt>
                <c:pt idx="267">
                  <c:v>0.50213531605782724</c:v>
                </c:pt>
                <c:pt idx="268">
                  <c:v>0.50244445008457939</c:v>
                </c:pt>
                <c:pt idx="269">
                  <c:v>0.50278359640464931</c:v>
                </c:pt>
                <c:pt idx="270">
                  <c:v>0.50313134455089659</c:v>
                </c:pt>
                <c:pt idx="271">
                  <c:v>0.50348599008424899</c:v>
                </c:pt>
                <c:pt idx="272">
                  <c:v>0.50380484212254517</c:v>
                </c:pt>
                <c:pt idx="273">
                  <c:v>0.50408190205629289</c:v>
                </c:pt>
                <c:pt idx="274">
                  <c:v>0.50432023012714589</c:v>
                </c:pt>
                <c:pt idx="275">
                  <c:v>0.5044758012339271</c:v>
                </c:pt>
                <c:pt idx="276">
                  <c:v>0.50450411984441257</c:v>
                </c:pt>
                <c:pt idx="277">
                  <c:v>0.50440627424916018</c:v>
                </c:pt>
                <c:pt idx="278">
                  <c:v>0.50415689059602387</c:v>
                </c:pt>
                <c:pt idx="279">
                  <c:v>0.50377136936787148</c:v>
                </c:pt>
                <c:pt idx="280">
                  <c:v>0.5032321369292494</c:v>
                </c:pt>
                <c:pt idx="281">
                  <c:v>0.50261970103970321</c:v>
                </c:pt>
                <c:pt idx="282">
                  <c:v>0.50201486120747552</c:v>
                </c:pt>
                <c:pt idx="283">
                  <c:v>0.50150208460031587</c:v>
                </c:pt>
                <c:pt idx="284">
                  <c:v>0.50118293450126283</c:v>
                </c:pt>
                <c:pt idx="285">
                  <c:v>0.50109413895213983</c:v>
                </c:pt>
                <c:pt idx="286">
                  <c:v>0.50122519173554581</c:v>
                </c:pt>
                <c:pt idx="287">
                  <c:v>0.50156637460624753</c:v>
                </c:pt>
                <c:pt idx="288">
                  <c:v>0.50202216091830276</c:v>
                </c:pt>
                <c:pt idx="289">
                  <c:v>0.50255085215232997</c:v>
                </c:pt>
                <c:pt idx="290">
                  <c:v>0.50307237903059665</c:v>
                </c:pt>
                <c:pt idx="291">
                  <c:v>0.50351017808550291</c:v>
                </c:pt>
                <c:pt idx="292">
                  <c:v>0.50388063998350385</c:v>
                </c:pt>
                <c:pt idx="293">
                  <c:v>0.5042057546387948</c:v>
                </c:pt>
                <c:pt idx="294">
                  <c:v>0.50447470016400198</c:v>
                </c:pt>
                <c:pt idx="295">
                  <c:v>0.50470156970622315</c:v>
                </c:pt>
                <c:pt idx="296">
                  <c:v>0.50489765386797958</c:v>
                </c:pt>
                <c:pt idx="297">
                  <c:v>0.50504251210339435</c:v>
                </c:pt>
                <c:pt idx="298">
                  <c:v>0.50516365245402106</c:v>
                </c:pt>
                <c:pt idx="299">
                  <c:v>0.50520883558808882</c:v>
                </c:pt>
                <c:pt idx="300">
                  <c:v>0.50518851340905513</c:v>
                </c:pt>
                <c:pt idx="301">
                  <c:v>0.50510140484176791</c:v>
                </c:pt>
                <c:pt idx="302">
                  <c:v>0.50496446059454636</c:v>
                </c:pt>
                <c:pt idx="303">
                  <c:v>0.50479081503431555</c:v>
                </c:pt>
                <c:pt idx="304">
                  <c:v>0.50460541187313246</c:v>
                </c:pt>
                <c:pt idx="305">
                  <c:v>0.50444667158713152</c:v>
                </c:pt>
                <c:pt idx="306">
                  <c:v>0.50431180082650717</c:v>
                </c:pt>
                <c:pt idx="307">
                  <c:v>0.50420377902466218</c:v>
                </c:pt>
                <c:pt idx="308">
                  <c:v>0.50413651161008954</c:v>
                </c:pt>
                <c:pt idx="309">
                  <c:v>0.50407359057667789</c:v>
                </c:pt>
                <c:pt idx="310">
                  <c:v>0.50404397990438021</c:v>
                </c:pt>
                <c:pt idx="311">
                  <c:v>0.50404854782452746</c:v>
                </c:pt>
                <c:pt idx="312">
                  <c:v>0.50411846809267646</c:v>
                </c:pt>
                <c:pt idx="313">
                  <c:v>0.50430770006249026</c:v>
                </c:pt>
                <c:pt idx="314">
                  <c:v>0.50463516467993474</c:v>
                </c:pt>
                <c:pt idx="315">
                  <c:v>0.50508219043447311</c:v>
                </c:pt>
                <c:pt idx="316">
                  <c:v>0.50561550304464131</c:v>
                </c:pt>
                <c:pt idx="317">
                  <c:v>0.50619609230247464</c:v>
                </c:pt>
                <c:pt idx="318">
                  <c:v>0.50676813147749311</c:v>
                </c:pt>
                <c:pt idx="319">
                  <c:v>0.50730431084283645</c:v>
                </c:pt>
                <c:pt idx="320">
                  <c:v>0.50775899624103171</c:v>
                </c:pt>
                <c:pt idx="321">
                  <c:v>0.50812721719288634</c:v>
                </c:pt>
                <c:pt idx="322">
                  <c:v>0.50840351721187682</c:v>
                </c:pt>
                <c:pt idx="323">
                  <c:v>0.50859763487174481</c:v>
                </c:pt>
                <c:pt idx="324">
                  <c:v>0.5087029312006891</c:v>
                </c:pt>
                <c:pt idx="325">
                  <c:v>0.50870632035579233</c:v>
                </c:pt>
                <c:pt idx="326">
                  <c:v>0.5086200821238559</c:v>
                </c:pt>
                <c:pt idx="327">
                  <c:v>0.5084767207347054</c:v>
                </c:pt>
                <c:pt idx="328">
                  <c:v>0.50826231587891202</c:v>
                </c:pt>
                <c:pt idx="329">
                  <c:v>0.50799290818839116</c:v>
                </c:pt>
                <c:pt idx="330">
                  <c:v>0.50769698731041957</c:v>
                </c:pt>
                <c:pt idx="331">
                  <c:v>0.50737336373597008</c:v>
                </c:pt>
                <c:pt idx="332">
                  <c:v>0.50703400491643658</c:v>
                </c:pt>
                <c:pt idx="333">
                  <c:v>0.50669370835611138</c:v>
                </c:pt>
                <c:pt idx="334">
                  <c:v>0.5063613578876448</c:v>
                </c:pt>
                <c:pt idx="335">
                  <c:v>0.5060612323732625</c:v>
                </c:pt>
                <c:pt idx="336">
                  <c:v>0.50579866861140199</c:v>
                </c:pt>
                <c:pt idx="337">
                  <c:v>0.50556925733481428</c:v>
                </c:pt>
                <c:pt idx="338">
                  <c:v>0.50536641558193107</c:v>
                </c:pt>
                <c:pt idx="339">
                  <c:v>0.50521451618826507</c:v>
                </c:pt>
                <c:pt idx="340">
                  <c:v>0.50510945402814567</c:v>
                </c:pt>
                <c:pt idx="341">
                  <c:v>0.5050581631125135</c:v>
                </c:pt>
                <c:pt idx="342">
                  <c:v>0.50506454097913378</c:v>
                </c:pt>
                <c:pt idx="343">
                  <c:v>0.50511370401741829</c:v>
                </c:pt>
                <c:pt idx="344">
                  <c:v>0.50520751500557304</c:v>
                </c:pt>
                <c:pt idx="345">
                  <c:v>0.50533576087948096</c:v>
                </c:pt>
                <c:pt idx="346">
                  <c:v>0.50549364212810466</c:v>
                </c:pt>
                <c:pt idx="347">
                  <c:v>0.50567147362389131</c:v>
                </c:pt>
                <c:pt idx="348">
                  <c:v>0.50583653224214864</c:v>
                </c:pt>
                <c:pt idx="349">
                  <c:v>0.50599819009029634</c:v>
                </c:pt>
                <c:pt idx="350">
                  <c:v>0.5061715813051737</c:v>
                </c:pt>
                <c:pt idx="351">
                  <c:v>0.50632303504946874</c:v>
                </c:pt>
                <c:pt idx="352">
                  <c:v>0.50649492294995724</c:v>
                </c:pt>
                <c:pt idx="353">
                  <c:v>0.50666953235471568</c:v>
                </c:pt>
                <c:pt idx="354">
                  <c:v>0.50682508888860645</c:v>
                </c:pt>
                <c:pt idx="355">
                  <c:v>0.50699272718957666</c:v>
                </c:pt>
                <c:pt idx="356">
                  <c:v>0.50719995467655354</c:v>
                </c:pt>
                <c:pt idx="357">
                  <c:v>0.50748977798092942</c:v>
                </c:pt>
                <c:pt idx="358">
                  <c:v>0.50789341909301722</c:v>
                </c:pt>
                <c:pt idx="359">
                  <c:v>0.50842783760541077</c:v>
                </c:pt>
                <c:pt idx="360">
                  <c:v>0.50902634967773919</c:v>
                </c:pt>
                <c:pt idx="361">
                  <c:v>0.50963335774935969</c:v>
                </c:pt>
                <c:pt idx="362">
                  <c:v>0.51017238587254221</c:v>
                </c:pt>
                <c:pt idx="363">
                  <c:v>0.51049716326857464</c:v>
                </c:pt>
                <c:pt idx="364">
                  <c:v>0.51055937566157894</c:v>
                </c:pt>
                <c:pt idx="365">
                  <c:v>0.51029171027758402</c:v>
                </c:pt>
                <c:pt idx="366">
                  <c:v>0.50970882677449281</c:v>
                </c:pt>
                <c:pt idx="367">
                  <c:v>0.50887657247443907</c:v>
                </c:pt>
                <c:pt idx="368">
                  <c:v>0.5078654650115213</c:v>
                </c:pt>
                <c:pt idx="369">
                  <c:v>0.50678570121540323</c:v>
                </c:pt>
                <c:pt idx="370">
                  <c:v>0.50576739394378689</c:v>
                </c:pt>
                <c:pt idx="371">
                  <c:v>0.50489129150818957</c:v>
                </c:pt>
                <c:pt idx="372">
                  <c:v>0.50422825815116989</c:v>
                </c:pt>
                <c:pt idx="373">
                  <c:v>0.50379967262677461</c:v>
                </c:pt>
                <c:pt idx="374">
                  <c:v>0.50358609657338971</c:v>
                </c:pt>
                <c:pt idx="375">
                  <c:v>0.50351665070818707</c:v>
                </c:pt>
                <c:pt idx="376">
                  <c:v>0.50357454258762624</c:v>
                </c:pt>
                <c:pt idx="377">
                  <c:v>0.50373387992908059</c:v>
                </c:pt>
                <c:pt idx="378">
                  <c:v>0.50394367688998454</c:v>
                </c:pt>
                <c:pt idx="379">
                  <c:v>0.50420500695513371</c:v>
                </c:pt>
                <c:pt idx="380">
                  <c:v>0.50451680466687443</c:v>
                </c:pt>
                <c:pt idx="381">
                  <c:v>0.50486823590183449</c:v>
                </c:pt>
                <c:pt idx="382">
                  <c:v>0.50522117123232635</c:v>
                </c:pt>
                <c:pt idx="383">
                  <c:v>0.50558893211961864</c:v>
                </c:pt>
                <c:pt idx="384">
                  <c:v>0.50596612051746193</c:v>
                </c:pt>
                <c:pt idx="385">
                  <c:v>0.50631838421786757</c:v>
                </c:pt>
                <c:pt idx="386">
                  <c:v>0.50665922546929132</c:v>
                </c:pt>
                <c:pt idx="387">
                  <c:v>0.50696300150134277</c:v>
                </c:pt>
                <c:pt idx="388">
                  <c:v>0.50721867512209717</c:v>
                </c:pt>
                <c:pt idx="389">
                  <c:v>0.50740546611517157</c:v>
                </c:pt>
                <c:pt idx="390">
                  <c:v>0.50754392411925697</c:v>
                </c:pt>
                <c:pt idx="391">
                  <c:v>0.50763701633420844</c:v>
                </c:pt>
                <c:pt idx="392">
                  <c:v>0.50770858275231845</c:v>
                </c:pt>
                <c:pt idx="393">
                  <c:v>0.50773449802309767</c:v>
                </c:pt>
                <c:pt idx="394">
                  <c:v>0.50773946086326849</c:v>
                </c:pt>
                <c:pt idx="395">
                  <c:v>0.50773272018110716</c:v>
                </c:pt>
                <c:pt idx="396">
                  <c:v>0.50773575727854292</c:v>
                </c:pt>
                <c:pt idx="397">
                  <c:v>0.50773320128505028</c:v>
                </c:pt>
                <c:pt idx="398">
                  <c:v>0.50772822332780365</c:v>
                </c:pt>
                <c:pt idx="399">
                  <c:v>0.50771180546597294</c:v>
                </c:pt>
                <c:pt idx="400">
                  <c:v>0.50765194576503692</c:v>
                </c:pt>
                <c:pt idx="401">
                  <c:v>0.50756643020303027</c:v>
                </c:pt>
                <c:pt idx="402">
                  <c:v>0.50745436989899551</c:v>
                </c:pt>
                <c:pt idx="403">
                  <c:v>0.50730160126080059</c:v>
                </c:pt>
                <c:pt idx="404">
                  <c:v>0.50717929103349002</c:v>
                </c:pt>
                <c:pt idx="405">
                  <c:v>0.5071229832758738</c:v>
                </c:pt>
                <c:pt idx="406">
                  <c:v>0.50716822828201447</c:v>
                </c:pt>
                <c:pt idx="407">
                  <c:v>0.50729971728633139</c:v>
                </c:pt>
                <c:pt idx="408">
                  <c:v>0.50748228408255625</c:v>
                </c:pt>
                <c:pt idx="409">
                  <c:v>0.50770446383163192</c:v>
                </c:pt>
                <c:pt idx="410">
                  <c:v>0.50788479513745421</c:v>
                </c:pt>
                <c:pt idx="411">
                  <c:v>0.50799285753748491</c:v>
                </c:pt>
                <c:pt idx="412">
                  <c:v>0.50800849623461553</c:v>
                </c:pt>
                <c:pt idx="413">
                  <c:v>0.50793530680994525</c:v>
                </c:pt>
                <c:pt idx="414">
                  <c:v>0.5077913790685058</c:v>
                </c:pt>
                <c:pt idx="415">
                  <c:v>0.50756072536863128</c:v>
                </c:pt>
                <c:pt idx="416">
                  <c:v>0.5073034956777448</c:v>
                </c:pt>
                <c:pt idx="417">
                  <c:v>0.50704557721411758</c:v>
                </c:pt>
                <c:pt idx="418">
                  <c:v>0.50678765625753319</c:v>
                </c:pt>
                <c:pt idx="419">
                  <c:v>0.50655473215523505</c:v>
                </c:pt>
                <c:pt idx="420">
                  <c:v>0.5063377195642208</c:v>
                </c:pt>
                <c:pt idx="421">
                  <c:v>0.50613492596765275</c:v>
                </c:pt>
                <c:pt idx="422">
                  <c:v>0.50597863390602427</c:v>
                </c:pt>
                <c:pt idx="423">
                  <c:v>0.50586646630024779</c:v>
                </c:pt>
                <c:pt idx="424">
                  <c:v>0.5058030530977915</c:v>
                </c:pt>
                <c:pt idx="425">
                  <c:v>0.50584227424701944</c:v>
                </c:pt>
                <c:pt idx="426">
                  <c:v>0.50597118878904379</c:v>
                </c:pt>
                <c:pt idx="427">
                  <c:v>0.50621125457108007</c:v>
                </c:pt>
                <c:pt idx="428">
                  <c:v>0.5065630474531353</c:v>
                </c:pt>
                <c:pt idx="429">
                  <c:v>0.50700006586276525</c:v>
                </c:pt>
                <c:pt idx="430">
                  <c:v>0.50755143040724271</c:v>
                </c:pt>
                <c:pt idx="431">
                  <c:v>0.50822618895187044</c:v>
                </c:pt>
                <c:pt idx="432">
                  <c:v>0.5089844885327427</c:v>
                </c:pt>
                <c:pt idx="433">
                  <c:v>0.50978743387775605</c:v>
                </c:pt>
                <c:pt idx="434">
                  <c:v>0.51063223383100509</c:v>
                </c:pt>
                <c:pt idx="435">
                  <c:v>0.51146851462848775</c:v>
                </c:pt>
                <c:pt idx="436">
                  <c:v>0.51226895027416375</c:v>
                </c:pt>
                <c:pt idx="437">
                  <c:v>0.5129967094641863</c:v>
                </c:pt>
                <c:pt idx="438">
                  <c:v>0.51362199265146369</c:v>
                </c:pt>
                <c:pt idx="439">
                  <c:v>0.51408758105414576</c:v>
                </c:pt>
                <c:pt idx="440">
                  <c:v>0.51438981660297067</c:v>
                </c:pt>
                <c:pt idx="441">
                  <c:v>0.51453407294818065</c:v>
                </c:pt>
                <c:pt idx="442">
                  <c:v>0.51450690216751993</c:v>
                </c:pt>
                <c:pt idx="443">
                  <c:v>0.5143126569345986</c:v>
                </c:pt>
                <c:pt idx="444">
                  <c:v>0.51400645387443789</c:v>
                </c:pt>
                <c:pt idx="445">
                  <c:v>0.51359764522025386</c:v>
                </c:pt>
                <c:pt idx="446">
                  <c:v>0.51308116159983763</c:v>
                </c:pt>
                <c:pt idx="447">
                  <c:v>0.51249871664801261</c:v>
                </c:pt>
                <c:pt idx="448">
                  <c:v>0.51190942691529706</c:v>
                </c:pt>
                <c:pt idx="449">
                  <c:v>0.51132518550642159</c:v>
                </c:pt>
                <c:pt idx="450">
                  <c:v>0.51076239017123859</c:v>
                </c:pt>
                <c:pt idx="451">
                  <c:v>0.51029760376370981</c:v>
                </c:pt>
                <c:pt idx="452">
                  <c:v>0.50998109661994362</c:v>
                </c:pt>
                <c:pt idx="453">
                  <c:v>0.5097993973588848</c:v>
                </c:pt>
                <c:pt idx="454">
                  <c:v>0.5097578732329211</c:v>
                </c:pt>
                <c:pt idx="455">
                  <c:v>0.50981653243081593</c:v>
                </c:pt>
                <c:pt idx="456">
                  <c:v>0.50996483079009025</c:v>
                </c:pt>
                <c:pt idx="457">
                  <c:v>0.51010131972334027</c:v>
                </c:pt>
                <c:pt idx="458">
                  <c:v>0.51016280562894667</c:v>
                </c:pt>
                <c:pt idx="459">
                  <c:v>0.51013061052252828</c:v>
                </c:pt>
                <c:pt idx="460">
                  <c:v>0.51004951279909772</c:v>
                </c:pt>
                <c:pt idx="461">
                  <c:v>0.50992722992159334</c:v>
                </c:pt>
                <c:pt idx="462">
                  <c:v>0.50980859039746851</c:v>
                </c:pt>
                <c:pt idx="463">
                  <c:v>0.50974337573570572</c:v>
                </c:pt>
                <c:pt idx="464">
                  <c:v>0.50976430432674835</c:v>
                </c:pt>
                <c:pt idx="465">
                  <c:v>0.50987404794074087</c:v>
                </c:pt>
                <c:pt idx="466">
                  <c:v>0.51002737319145153</c:v>
                </c:pt>
                <c:pt idx="467">
                  <c:v>0.51022294850807004</c:v>
                </c:pt>
                <c:pt idx="468">
                  <c:v>0.51043508872767962</c:v>
                </c:pt>
                <c:pt idx="469">
                  <c:v>0.51062328072421781</c:v>
                </c:pt>
                <c:pt idx="470">
                  <c:v>0.51076850364387016</c:v>
                </c:pt>
                <c:pt idx="471">
                  <c:v>0.51088684830289699</c:v>
                </c:pt>
                <c:pt idx="472">
                  <c:v>0.51094179900859327</c:v>
                </c:pt>
                <c:pt idx="473">
                  <c:v>0.51097198733769011</c:v>
                </c:pt>
                <c:pt idx="474">
                  <c:v>0.51095304862644297</c:v>
                </c:pt>
                <c:pt idx="475">
                  <c:v>0.51091125644427049</c:v>
                </c:pt>
                <c:pt idx="476">
                  <c:v>0.5108718544285975</c:v>
                </c:pt>
                <c:pt idx="477">
                  <c:v>0.51082526484431012</c:v>
                </c:pt>
                <c:pt idx="478">
                  <c:v>0.51079974488167457</c:v>
                </c:pt>
                <c:pt idx="479">
                  <c:v>0.51076662091792224</c:v>
                </c:pt>
                <c:pt idx="480">
                  <c:v>0.51070386344079655</c:v>
                </c:pt>
                <c:pt idx="481">
                  <c:v>0.51062772310669569</c:v>
                </c:pt>
                <c:pt idx="482">
                  <c:v>0.51050170882564694</c:v>
                </c:pt>
                <c:pt idx="483">
                  <c:v>0.51032575593274654</c:v>
                </c:pt>
                <c:pt idx="484">
                  <c:v>0.51009107938949216</c:v>
                </c:pt>
                <c:pt idx="485">
                  <c:v>0.50980845036371536</c:v>
                </c:pt>
                <c:pt idx="486">
                  <c:v>0.50948180862637416</c:v>
                </c:pt>
                <c:pt idx="487">
                  <c:v>0.50914069175570975</c:v>
                </c:pt>
                <c:pt idx="488">
                  <c:v>0.50882619841628263</c:v>
                </c:pt>
                <c:pt idx="489">
                  <c:v>0.50851251002172215</c:v>
                </c:pt>
                <c:pt idx="490">
                  <c:v>0.50823056876120776</c:v>
                </c:pt>
                <c:pt idx="491">
                  <c:v>0.507980451293782</c:v>
                </c:pt>
                <c:pt idx="492">
                  <c:v>0.50774543071836808</c:v>
                </c:pt>
                <c:pt idx="493">
                  <c:v>0.50750827525166231</c:v>
                </c:pt>
                <c:pt idx="494">
                  <c:v>0.50733311835071782</c:v>
                </c:pt>
                <c:pt idx="495">
                  <c:v>0.50717547960202025</c:v>
                </c:pt>
                <c:pt idx="496">
                  <c:v>0.50705625330476656</c:v>
                </c:pt>
                <c:pt idx="497">
                  <c:v>0.50696843196502228</c:v>
                </c:pt>
                <c:pt idx="498">
                  <c:v>0.50693573814054227</c:v>
                </c:pt>
                <c:pt idx="499">
                  <c:v>0.50698013899350935</c:v>
                </c:pt>
                <c:pt idx="500">
                  <c:v>0.5070960340284798</c:v>
                </c:pt>
                <c:pt idx="501">
                  <c:v>0.50728996880531207</c:v>
                </c:pt>
                <c:pt idx="502">
                  <c:v>0.50752574727235589</c:v>
                </c:pt>
                <c:pt idx="503">
                  <c:v>0.50782444692887652</c:v>
                </c:pt>
                <c:pt idx="504">
                  <c:v>0.5081757855109752</c:v>
                </c:pt>
                <c:pt idx="505">
                  <c:v>0.50856589694636012</c:v>
                </c:pt>
                <c:pt idx="506">
                  <c:v>0.50898662412510209</c:v>
                </c:pt>
                <c:pt idx="507">
                  <c:v>0.50943623143104977</c:v>
                </c:pt>
                <c:pt idx="508">
                  <c:v>0.50989015098891444</c:v>
                </c:pt>
                <c:pt idx="509">
                  <c:v>0.5103088583658395</c:v>
                </c:pt>
                <c:pt idx="510">
                  <c:v>0.51068904762785472</c:v>
                </c:pt>
                <c:pt idx="511">
                  <c:v>0.51101135615479043</c:v>
                </c:pt>
                <c:pt idx="512">
                  <c:v>0.51122496002045748</c:v>
                </c:pt>
                <c:pt idx="513">
                  <c:v>0.51131199510801917</c:v>
                </c:pt>
                <c:pt idx="514">
                  <c:v>0.51127012874178523</c:v>
                </c:pt>
                <c:pt idx="515">
                  <c:v>0.51117302482863081</c:v>
                </c:pt>
                <c:pt idx="516">
                  <c:v>0.51102765681740681</c:v>
                </c:pt>
                <c:pt idx="517">
                  <c:v>0.51091172936255524</c:v>
                </c:pt>
                <c:pt idx="518">
                  <c:v>0.51087539460738252</c:v>
                </c:pt>
                <c:pt idx="519">
                  <c:v>0.51092929263315789</c:v>
                </c:pt>
                <c:pt idx="520">
                  <c:v>0.51104716608979961</c:v>
                </c:pt>
                <c:pt idx="521">
                  <c:v>0.51117729570285331</c:v>
                </c:pt>
                <c:pt idx="522">
                  <c:v>0.51129159999017693</c:v>
                </c:pt>
                <c:pt idx="523">
                  <c:v>0.51135784714144128</c:v>
                </c:pt>
                <c:pt idx="524">
                  <c:v>0.5113716621028026</c:v>
                </c:pt>
                <c:pt idx="525">
                  <c:v>0.51135025420379177</c:v>
                </c:pt>
                <c:pt idx="526">
                  <c:v>0.51131875137300065</c:v>
                </c:pt>
                <c:pt idx="527">
                  <c:v>0.51133098984747527</c:v>
                </c:pt>
                <c:pt idx="528">
                  <c:v>0.51139450638140826</c:v>
                </c:pt>
                <c:pt idx="529">
                  <c:v>0.51149155559004789</c:v>
                </c:pt>
                <c:pt idx="530">
                  <c:v>0.51162288546673407</c:v>
                </c:pt>
                <c:pt idx="531">
                  <c:v>0.51175111731929046</c:v>
                </c:pt>
                <c:pt idx="532">
                  <c:v>0.51187552682562132</c:v>
                </c:pt>
                <c:pt idx="533">
                  <c:v>0.51196819201688393</c:v>
                </c:pt>
                <c:pt idx="534">
                  <c:v>0.5119948326008954</c:v>
                </c:pt>
                <c:pt idx="535">
                  <c:v>0.51192917868516485</c:v>
                </c:pt>
                <c:pt idx="536">
                  <c:v>0.51180840575032449</c:v>
                </c:pt>
                <c:pt idx="537">
                  <c:v>0.51160007244201477</c:v>
                </c:pt>
                <c:pt idx="538">
                  <c:v>0.51131486365916934</c:v>
                </c:pt>
                <c:pt idx="539">
                  <c:v>0.51096385336871075</c:v>
                </c:pt>
                <c:pt idx="540">
                  <c:v>0.51054345207199558</c:v>
                </c:pt>
                <c:pt idx="541">
                  <c:v>0.51007294516553836</c:v>
                </c:pt>
                <c:pt idx="542">
                  <c:v>0.50955978712205796</c:v>
                </c:pt>
                <c:pt idx="543">
                  <c:v>0.50901058598549009</c:v>
                </c:pt>
                <c:pt idx="544">
                  <c:v>0.50846451576929952</c:v>
                </c:pt>
                <c:pt idx="545">
                  <c:v>0.50794798352845827</c:v>
                </c:pt>
                <c:pt idx="546">
                  <c:v>0.50744653703036657</c:v>
                </c:pt>
                <c:pt idx="547">
                  <c:v>0.50700973119782433</c:v>
                </c:pt>
                <c:pt idx="548">
                  <c:v>0.50662819197709141</c:v>
                </c:pt>
                <c:pt idx="549">
                  <c:v>0.50632023850318741</c:v>
                </c:pt>
                <c:pt idx="550">
                  <c:v>0.50609470045251825</c:v>
                </c:pt>
                <c:pt idx="551">
                  <c:v>0.50593873536128731</c:v>
                </c:pt>
                <c:pt idx="552">
                  <c:v>0.50585744072284744</c:v>
                </c:pt>
                <c:pt idx="553">
                  <c:v>0.50586222831165051</c:v>
                </c:pt>
                <c:pt idx="554">
                  <c:v>0.50595803486249691</c:v>
                </c:pt>
                <c:pt idx="555">
                  <c:v>0.5061149716693325</c:v>
                </c:pt>
                <c:pt idx="556">
                  <c:v>0.50633801793629085</c:v>
                </c:pt>
                <c:pt idx="557">
                  <c:v>0.50663828238951891</c:v>
                </c:pt>
                <c:pt idx="558">
                  <c:v>0.50700711605972215</c:v>
                </c:pt>
                <c:pt idx="559">
                  <c:v>0.50740067268250466</c:v>
                </c:pt>
                <c:pt idx="560">
                  <c:v>0.50779792439467519</c:v>
                </c:pt>
                <c:pt idx="561">
                  <c:v>0.50818451458663616</c:v>
                </c:pt>
                <c:pt idx="562">
                  <c:v>0.5085004775859403</c:v>
                </c:pt>
                <c:pt idx="563">
                  <c:v>0.50866457274615595</c:v>
                </c:pt>
                <c:pt idx="564">
                  <c:v>0.50865921475145526</c:v>
                </c:pt>
                <c:pt idx="565">
                  <c:v>0.5084388982536836</c:v>
                </c:pt>
                <c:pt idx="566">
                  <c:v>0.5080285254965059</c:v>
                </c:pt>
                <c:pt idx="567">
                  <c:v>0.50749202671889437</c:v>
                </c:pt>
                <c:pt idx="568">
                  <c:v>0.50693427106105138</c:v>
                </c:pt>
                <c:pt idx="569">
                  <c:v>0.50645406289758443</c:v>
                </c:pt>
                <c:pt idx="570">
                  <c:v>0.50610552709293399</c:v>
                </c:pt>
                <c:pt idx="571">
                  <c:v>0.50588886118637</c:v>
                </c:pt>
                <c:pt idx="572">
                  <c:v>0.50577490856941076</c:v>
                </c:pt>
                <c:pt idx="573">
                  <c:v>0.50565592672085502</c:v>
                </c:pt>
                <c:pt idx="574">
                  <c:v>0.5054808409651953</c:v>
                </c:pt>
                <c:pt idx="575">
                  <c:v>0.50520045615884779</c:v>
                </c:pt>
                <c:pt idx="576">
                  <c:v>0.50478021008895146</c:v>
                </c:pt>
                <c:pt idx="577">
                  <c:v>0.5042520221666944</c:v>
                </c:pt>
                <c:pt idx="578">
                  <c:v>0.50365528139224203</c:v>
                </c:pt>
                <c:pt idx="579">
                  <c:v>0.50304840493094161</c:v>
                </c:pt>
                <c:pt idx="580">
                  <c:v>0.50250290161612787</c:v>
                </c:pt>
                <c:pt idx="581">
                  <c:v>0.50209074010955745</c:v>
                </c:pt>
                <c:pt idx="582">
                  <c:v>0.50181512364452152</c:v>
                </c:pt>
                <c:pt idx="583">
                  <c:v>0.50169772864525197</c:v>
                </c:pt>
                <c:pt idx="584">
                  <c:v>0.50174509373692178</c:v>
                </c:pt>
                <c:pt idx="585">
                  <c:v>0.50191753669172567</c:v>
                </c:pt>
                <c:pt idx="586">
                  <c:v>0.50219305224470334</c:v>
                </c:pt>
                <c:pt idx="587">
                  <c:v>0.50256366874444547</c:v>
                </c:pt>
                <c:pt idx="588">
                  <c:v>0.50297680913581255</c:v>
                </c:pt>
                <c:pt idx="589">
                  <c:v>0.50341526820906679</c:v>
                </c:pt>
                <c:pt idx="590">
                  <c:v>0.50388520829340544</c:v>
                </c:pt>
                <c:pt idx="591">
                  <c:v>0.50436539487167198</c:v>
                </c:pt>
                <c:pt idx="592">
                  <c:v>0.50482793043721585</c:v>
                </c:pt>
                <c:pt idx="593">
                  <c:v>0.50525532714874888</c:v>
                </c:pt>
                <c:pt idx="594">
                  <c:v>0.50564332192713557</c:v>
                </c:pt>
                <c:pt idx="595">
                  <c:v>0.50596890350405055</c:v>
                </c:pt>
                <c:pt idx="596">
                  <c:v>0.5062062265863706</c:v>
                </c:pt>
                <c:pt idx="597">
                  <c:v>0.50631637821351794</c:v>
                </c:pt>
                <c:pt idx="598">
                  <c:v>0.50627826156274602</c:v>
                </c:pt>
                <c:pt idx="599">
                  <c:v>0.5061050458329257</c:v>
                </c:pt>
                <c:pt idx="600">
                  <c:v>0.50574706015383231</c:v>
                </c:pt>
                <c:pt idx="601">
                  <c:v>0.50525786467425882</c:v>
                </c:pt>
                <c:pt idx="602">
                  <c:v>0.50468154660032705</c:v>
                </c:pt>
                <c:pt idx="603">
                  <c:v>0.50411714813360431</c:v>
                </c:pt>
                <c:pt idx="604">
                  <c:v>0.50363564619324253</c:v>
                </c:pt>
                <c:pt idx="605">
                  <c:v>0.50325975850698002</c:v>
                </c:pt>
                <c:pt idx="606">
                  <c:v>0.50300213054516307</c:v>
                </c:pt>
                <c:pt idx="607">
                  <c:v>0.50283449582878892</c:v>
                </c:pt>
                <c:pt idx="608">
                  <c:v>0.50274637042835868</c:v>
                </c:pt>
                <c:pt idx="609">
                  <c:v>0.5026985621810921</c:v>
                </c:pt>
                <c:pt idx="610">
                  <c:v>0.5026492852961344</c:v>
                </c:pt>
                <c:pt idx="611">
                  <c:v>0.50256050798130503</c:v>
                </c:pt>
                <c:pt idx="612">
                  <c:v>0.5024686372287005</c:v>
                </c:pt>
                <c:pt idx="613">
                  <c:v>0.50236653346260263</c:v>
                </c:pt>
                <c:pt idx="614">
                  <c:v>0.50225847199732876</c:v>
                </c:pt>
                <c:pt idx="615">
                  <c:v>0.50216996219615695</c:v>
                </c:pt>
                <c:pt idx="616">
                  <c:v>0.50209172218919595</c:v>
                </c:pt>
                <c:pt idx="617">
                  <c:v>0.50202681447655018</c:v>
                </c:pt>
                <c:pt idx="618">
                  <c:v>0.50196475918232952</c:v>
                </c:pt>
                <c:pt idx="619">
                  <c:v>0.50194864343241308</c:v>
                </c:pt>
                <c:pt idx="620">
                  <c:v>0.50195937017396841</c:v>
                </c:pt>
                <c:pt idx="621">
                  <c:v>0.50198611300026896</c:v>
                </c:pt>
                <c:pt idx="622">
                  <c:v>0.50201624833666514</c:v>
                </c:pt>
                <c:pt idx="623">
                  <c:v>0.50203129948524361</c:v>
                </c:pt>
                <c:pt idx="624">
                  <c:v>0.50203522382862975</c:v>
                </c:pt>
                <c:pt idx="625">
                  <c:v>0.50203377552843487</c:v>
                </c:pt>
                <c:pt idx="626">
                  <c:v>0.50200337252231597</c:v>
                </c:pt>
                <c:pt idx="627">
                  <c:v>0.5019512527258343</c:v>
                </c:pt>
                <c:pt idx="628">
                  <c:v>0.50187887410378507</c:v>
                </c:pt>
                <c:pt idx="629">
                  <c:v>0.50178558115553906</c:v>
                </c:pt>
                <c:pt idx="630">
                  <c:v>0.50171601552054113</c:v>
                </c:pt>
                <c:pt idx="631">
                  <c:v>0.50166745787616507</c:v>
                </c:pt>
                <c:pt idx="632">
                  <c:v>0.50162168906305871</c:v>
                </c:pt>
                <c:pt idx="633">
                  <c:v>0.50160180287042966</c:v>
                </c:pt>
                <c:pt idx="634">
                  <c:v>0.50159963649809902</c:v>
                </c:pt>
                <c:pt idx="635">
                  <c:v>0.50162772975212988</c:v>
                </c:pt>
                <c:pt idx="636">
                  <c:v>0.50169153366738717</c:v>
                </c:pt>
                <c:pt idx="637">
                  <c:v>0.50177369497895774</c:v>
                </c:pt>
                <c:pt idx="638">
                  <c:v>0.50189744844129081</c:v>
                </c:pt>
                <c:pt idx="639">
                  <c:v>0.50204491784045746</c:v>
                </c:pt>
                <c:pt idx="640">
                  <c:v>0.50224678694297931</c:v>
                </c:pt>
                <c:pt idx="641">
                  <c:v>0.50245208455762258</c:v>
                </c:pt>
                <c:pt idx="642">
                  <c:v>0.50265776470267698</c:v>
                </c:pt>
                <c:pt idx="643">
                  <c:v>0.50283999564504667</c:v>
                </c:pt>
                <c:pt idx="644">
                  <c:v>0.50302232898086807</c:v>
                </c:pt>
                <c:pt idx="645">
                  <c:v>0.50318564575834368</c:v>
                </c:pt>
                <c:pt idx="646">
                  <c:v>0.50331550980732864</c:v>
                </c:pt>
                <c:pt idx="647">
                  <c:v>0.50341136248972851</c:v>
                </c:pt>
                <c:pt idx="648">
                  <c:v>0.5034520889013</c:v>
                </c:pt>
                <c:pt idx="649">
                  <c:v>0.50341684929211317</c:v>
                </c:pt>
                <c:pt idx="650">
                  <c:v>0.50332924964660331</c:v>
                </c:pt>
                <c:pt idx="651">
                  <c:v>0.50318618024065653</c:v>
                </c:pt>
                <c:pt idx="652">
                  <c:v>0.50301055571620323</c:v>
                </c:pt>
                <c:pt idx="653">
                  <c:v>0.50280147846407652</c:v>
                </c:pt>
                <c:pt idx="654">
                  <c:v>0.50256307628678609</c:v>
                </c:pt>
                <c:pt idx="655">
                  <c:v>0.50233131988034507</c:v>
                </c:pt>
                <c:pt idx="656">
                  <c:v>0.50210181447113689</c:v>
                </c:pt>
                <c:pt idx="657">
                  <c:v>0.50187289598867157</c:v>
                </c:pt>
                <c:pt idx="658">
                  <c:v>0.5016724020146639</c:v>
                </c:pt>
                <c:pt idx="659">
                  <c:v>0.50149618526624051</c:v>
                </c:pt>
                <c:pt idx="660">
                  <c:v>0.50134018206978104</c:v>
                </c:pt>
                <c:pt idx="661">
                  <c:v>0.5012183600379817</c:v>
                </c:pt>
                <c:pt idx="662">
                  <c:v>0.50112070138345921</c:v>
                </c:pt>
                <c:pt idx="663">
                  <c:v>0.50107095617310815</c:v>
                </c:pt>
                <c:pt idx="664">
                  <c:v>0.50106594065645227</c:v>
                </c:pt>
                <c:pt idx="665">
                  <c:v>0.50107415309352255</c:v>
                </c:pt>
                <c:pt idx="666">
                  <c:v>0.50112659767794088</c:v>
                </c:pt>
                <c:pt idx="667">
                  <c:v>0.50120738012033594</c:v>
                </c:pt>
                <c:pt idx="668">
                  <c:v>0.50132193594874275</c:v>
                </c:pt>
                <c:pt idx="669">
                  <c:v>0.5014960435999315</c:v>
                </c:pt>
                <c:pt idx="670">
                  <c:v>0.50170278070893615</c:v>
                </c:pt>
                <c:pt idx="671">
                  <c:v>0.50193454007652971</c:v>
                </c:pt>
                <c:pt idx="672">
                  <c:v>0.50218309820054052</c:v>
                </c:pt>
                <c:pt idx="673">
                  <c:v>0.50245323152459498</c:v>
                </c:pt>
                <c:pt idx="674">
                  <c:v>0.50272452919359956</c:v>
                </c:pt>
                <c:pt idx="675">
                  <c:v>0.50298019907450997</c:v>
                </c:pt>
                <c:pt idx="676">
                  <c:v>0.50316958276335333</c:v>
                </c:pt>
                <c:pt idx="677">
                  <c:v>0.50327344940961383</c:v>
                </c:pt>
                <c:pt idx="678">
                  <c:v>0.50328996218357369</c:v>
                </c:pt>
                <c:pt idx="679">
                  <c:v>0.50318790532772095</c:v>
                </c:pt>
                <c:pt idx="680">
                  <c:v>0.50303064981131906</c:v>
                </c:pt>
                <c:pt idx="681">
                  <c:v>0.5028634665873627</c:v>
                </c:pt>
                <c:pt idx="682">
                  <c:v>0.50276532573807509</c:v>
                </c:pt>
                <c:pt idx="683">
                  <c:v>0.50277822867017541</c:v>
                </c:pt>
                <c:pt idx="684">
                  <c:v>0.50292755905647568</c:v>
                </c:pt>
                <c:pt idx="685">
                  <c:v>0.50320552104193639</c:v>
                </c:pt>
                <c:pt idx="686">
                  <c:v>0.5035553187510543</c:v>
                </c:pt>
                <c:pt idx="687">
                  <c:v>0.50392191373601325</c:v>
                </c:pt>
                <c:pt idx="688">
                  <c:v>0.50417330035390551</c:v>
                </c:pt>
                <c:pt idx="689">
                  <c:v>0.50425292024405699</c:v>
                </c:pt>
                <c:pt idx="690">
                  <c:v>0.5041591650496049</c:v>
                </c:pt>
                <c:pt idx="691">
                  <c:v>0.50394999179370992</c:v>
                </c:pt>
                <c:pt idx="692">
                  <c:v>0.50376944650866495</c:v>
                </c:pt>
                <c:pt idx="693">
                  <c:v>0.50370186357855062</c:v>
                </c:pt>
                <c:pt idx="694">
                  <c:v>0.50381556278573025</c:v>
                </c:pt>
                <c:pt idx="695">
                  <c:v>0.50414558098133433</c:v>
                </c:pt>
                <c:pt idx="696">
                  <c:v>0.50462387633749828</c:v>
                </c:pt>
                <c:pt idx="697">
                  <c:v>0.50518902350108008</c:v>
                </c:pt>
                <c:pt idx="698">
                  <c:v>0.50575227102729714</c:v>
                </c:pt>
                <c:pt idx="699">
                  <c:v>0.5062250652435093</c:v>
                </c:pt>
                <c:pt idx="700">
                  <c:v>0.50653122170555531</c:v>
                </c:pt>
                <c:pt idx="701">
                  <c:v>0.5066730732329342</c:v>
                </c:pt>
                <c:pt idx="702">
                  <c:v>0.50663826345415774</c:v>
                </c:pt>
                <c:pt idx="703">
                  <c:v>0.50650983850977971</c:v>
                </c:pt>
                <c:pt idx="704">
                  <c:v>0.50634735427537381</c:v>
                </c:pt>
                <c:pt idx="705">
                  <c:v>0.50618833416372666</c:v>
                </c:pt>
                <c:pt idx="706">
                  <c:v>0.50604361143862664</c:v>
                </c:pt>
                <c:pt idx="707">
                  <c:v>0.50592318853669216</c:v>
                </c:pt>
                <c:pt idx="708">
                  <c:v>0.50584028889229649</c:v>
                </c:pt>
                <c:pt idx="709">
                  <c:v>0.50578497677319423</c:v>
                </c:pt>
                <c:pt idx="710">
                  <c:v>0.50571974567556421</c:v>
                </c:pt>
                <c:pt idx="711">
                  <c:v>0.50568658259175114</c:v>
                </c:pt>
                <c:pt idx="712">
                  <c:v>0.50566348093228375</c:v>
                </c:pt>
                <c:pt idx="713">
                  <c:v>0.50564661305779446</c:v>
                </c:pt>
                <c:pt idx="714">
                  <c:v>0.50563511073613532</c:v>
                </c:pt>
                <c:pt idx="715">
                  <c:v>0.50561910602862181</c:v>
                </c:pt>
                <c:pt idx="716">
                  <c:v>0.50560216124260782</c:v>
                </c:pt>
                <c:pt idx="717">
                  <c:v>0.50558692759584534</c:v>
                </c:pt>
                <c:pt idx="718">
                  <c:v>0.50558750119658469</c:v>
                </c:pt>
                <c:pt idx="719">
                  <c:v>0.50562242373202948</c:v>
                </c:pt>
                <c:pt idx="720">
                  <c:v>0.50570426087910714</c:v>
                </c:pt>
                <c:pt idx="721">
                  <c:v>0.50584489406053956</c:v>
                </c:pt>
                <c:pt idx="722">
                  <c:v>0.50603098809848324</c:v>
                </c:pt>
                <c:pt idx="723">
                  <c:v>0.50627653203395284</c:v>
                </c:pt>
                <c:pt idx="724">
                  <c:v>0.50655623227559932</c:v>
                </c:pt>
                <c:pt idx="725">
                  <c:v>0.50686650867152971</c:v>
                </c:pt>
                <c:pt idx="726">
                  <c:v>0.50718766687813499</c:v>
                </c:pt>
                <c:pt idx="727">
                  <c:v>0.50754104333701067</c:v>
                </c:pt>
                <c:pt idx="728">
                  <c:v>0.50791226741230511</c:v>
                </c:pt>
                <c:pt idx="729">
                  <c:v>0.50829482035386597</c:v>
                </c:pt>
                <c:pt idx="730">
                  <c:v>0.5087038711950288</c:v>
                </c:pt>
                <c:pt idx="731">
                  <c:v>0.5091133945786126</c:v>
                </c:pt>
                <c:pt idx="732">
                  <c:v>0.5095308068516804</c:v>
                </c:pt>
                <c:pt idx="733">
                  <c:v>0.50996429950670463</c:v>
                </c:pt>
                <c:pt idx="734">
                  <c:v>0.51042132208114976</c:v>
                </c:pt>
                <c:pt idx="735">
                  <c:v>0.51089210226505333</c:v>
                </c:pt>
                <c:pt idx="736">
                  <c:v>0.5113724009773617</c:v>
                </c:pt>
                <c:pt idx="737">
                  <c:v>0.51187658495556632</c:v>
                </c:pt>
                <c:pt idx="738">
                  <c:v>0.51239624710848952</c:v>
                </c:pt>
                <c:pt idx="739">
                  <c:v>0.51292655986686642</c:v>
                </c:pt>
                <c:pt idx="740">
                  <c:v>0.51346072832528988</c:v>
                </c:pt>
                <c:pt idx="741">
                  <c:v>0.51401088730155375</c:v>
                </c:pt>
                <c:pt idx="742">
                  <c:v>0.51456754508431335</c:v>
                </c:pt>
                <c:pt idx="743">
                  <c:v>0.51513726484264333</c:v>
                </c:pt>
                <c:pt idx="744">
                  <c:v>0.515703196156022</c:v>
                </c:pt>
                <c:pt idx="745">
                  <c:v>0.51627402166459757</c:v>
                </c:pt>
                <c:pt idx="746">
                  <c:v>0.51688831822424453</c:v>
                </c:pt>
                <c:pt idx="747">
                  <c:v>0.5175444051766257</c:v>
                </c:pt>
                <c:pt idx="748">
                  <c:v>0.51825407963414272</c:v>
                </c:pt>
                <c:pt idx="749">
                  <c:v>0.51902835953550908</c:v>
                </c:pt>
                <c:pt idx="750">
                  <c:v>0.51984324412661131</c:v>
                </c:pt>
                <c:pt idx="751">
                  <c:v>0.52069160676961468</c:v>
                </c:pt>
                <c:pt idx="752">
                  <c:v>0.52147906187141513</c:v>
                </c:pt>
                <c:pt idx="753">
                  <c:v>0.52216167634636301</c:v>
                </c:pt>
                <c:pt idx="754">
                  <c:v>0.52268909998730684</c:v>
                </c:pt>
                <c:pt idx="755">
                  <c:v>0.5230743716215136</c:v>
                </c:pt>
                <c:pt idx="756">
                  <c:v>0.52332988440772576</c:v>
                </c:pt>
                <c:pt idx="757">
                  <c:v>0.52350832503644784</c:v>
                </c:pt>
                <c:pt idx="758">
                  <c:v>0.52371435888398199</c:v>
                </c:pt>
                <c:pt idx="759">
                  <c:v>0.52404402603021394</c:v>
                </c:pt>
                <c:pt idx="760">
                  <c:v>0.5245670220127332</c:v>
                </c:pt>
                <c:pt idx="761">
                  <c:v>0.52530643228392626</c:v>
                </c:pt>
                <c:pt idx="762">
                  <c:v>0.52625238236426286</c:v>
                </c:pt>
                <c:pt idx="763">
                  <c:v>0.52736996708810513</c:v>
                </c:pt>
                <c:pt idx="764">
                  <c:v>0.52854958384755679</c:v>
                </c:pt>
                <c:pt idx="765">
                  <c:v>0.5297258659930012</c:v>
                </c:pt>
                <c:pt idx="766">
                  <c:v>0.53081506684415769</c:v>
                </c:pt>
                <c:pt idx="767">
                  <c:v>0.53177428937558369</c:v>
                </c:pt>
                <c:pt idx="768">
                  <c:v>0.53260475289739762</c:v>
                </c:pt>
                <c:pt idx="769">
                  <c:v>0.53329340112918211</c:v>
                </c:pt>
                <c:pt idx="770">
                  <c:v>0.53392609280306791</c:v>
                </c:pt>
                <c:pt idx="771">
                  <c:v>0.53446251685243262</c:v>
                </c:pt>
                <c:pt idx="772">
                  <c:v>0.53491933526750357</c:v>
                </c:pt>
                <c:pt idx="773">
                  <c:v>0.53530919555237666</c:v>
                </c:pt>
                <c:pt idx="774">
                  <c:v>0.53566568364818601</c:v>
                </c:pt>
                <c:pt idx="775">
                  <c:v>0.53601267054617685</c:v>
                </c:pt>
                <c:pt idx="776">
                  <c:v>0.53639148729274788</c:v>
                </c:pt>
                <c:pt idx="777">
                  <c:v>0.53683117405951608</c:v>
                </c:pt>
                <c:pt idx="778">
                  <c:v>0.53733198274872085</c:v>
                </c:pt>
                <c:pt idx="779">
                  <c:v>0.53791583683819111</c:v>
                </c:pt>
                <c:pt idx="780">
                  <c:v>0.53860432072764408</c:v>
                </c:pt>
                <c:pt idx="781">
                  <c:v>0.53939086138566761</c:v>
                </c:pt>
                <c:pt idx="782">
                  <c:v>0.54028309655123419</c:v>
                </c:pt>
                <c:pt idx="783">
                  <c:v>0.54127480239485171</c:v>
                </c:pt>
                <c:pt idx="784">
                  <c:v>0.54235463799646755</c:v>
                </c:pt>
                <c:pt idx="785">
                  <c:v>0.54353440554264343</c:v>
                </c:pt>
                <c:pt idx="786">
                  <c:v>0.54481273853992607</c:v>
                </c:pt>
                <c:pt idx="787">
                  <c:v>0.54617599211346379</c:v>
                </c:pt>
                <c:pt idx="788">
                  <c:v>0.54765572495883774</c:v>
                </c:pt>
                <c:pt idx="789">
                  <c:v>0.54922900120108487</c:v>
                </c:pt>
                <c:pt idx="790">
                  <c:v>0.55088597620098667</c:v>
                </c:pt>
                <c:pt idx="791">
                  <c:v>0.55262511886128785</c:v>
                </c:pt>
                <c:pt idx="792">
                  <c:v>0.55445017457420021</c:v>
                </c:pt>
                <c:pt idx="793">
                  <c:v>0.55635951250784421</c:v>
                </c:pt>
                <c:pt idx="794">
                  <c:v>0.55834280429454874</c:v>
                </c:pt>
                <c:pt idx="795">
                  <c:v>0.56037633105348694</c:v>
                </c:pt>
                <c:pt idx="796">
                  <c:v>0.5624395905865075</c:v>
                </c:pt>
                <c:pt idx="797">
                  <c:v>0.56453973942895408</c:v>
                </c:pt>
                <c:pt idx="798">
                  <c:v>0.56666922207430215</c:v>
                </c:pt>
                <c:pt idx="799">
                  <c:v>0.56882081215009261</c:v>
                </c:pt>
                <c:pt idx="800">
                  <c:v>0.57096694062352749</c:v>
                </c:pt>
                <c:pt idx="801">
                  <c:v>0.57310183745520415</c:v>
                </c:pt>
                <c:pt idx="802">
                  <c:v>0.57522210629958281</c:v>
                </c:pt>
                <c:pt idx="803">
                  <c:v>0.57731626182322782</c:v>
                </c:pt>
                <c:pt idx="804">
                  <c:v>0.5794017889209826</c:v>
                </c:pt>
                <c:pt idx="805">
                  <c:v>0.58143038205988673</c:v>
                </c:pt>
                <c:pt idx="806">
                  <c:v>0.58349296204762124</c:v>
                </c:pt>
                <c:pt idx="807">
                  <c:v>0.58555008541728015</c:v>
                </c:pt>
                <c:pt idx="808">
                  <c:v>0.58763897638104579</c:v>
                </c:pt>
                <c:pt idx="809">
                  <c:v>0.58975699163636608</c:v>
                </c:pt>
                <c:pt idx="810">
                  <c:v>0.59196668013770459</c:v>
                </c:pt>
                <c:pt idx="811">
                  <c:v>0.59423722130414103</c:v>
                </c:pt>
                <c:pt idx="812">
                  <c:v>0.59662374298758292</c:v>
                </c:pt>
                <c:pt idx="813">
                  <c:v>0.59913091325216628</c:v>
                </c:pt>
                <c:pt idx="814">
                  <c:v>0.60179039060980621</c:v>
                </c:pt>
                <c:pt idx="815">
                  <c:v>0.6046174555554108</c:v>
                </c:pt>
                <c:pt idx="816">
                  <c:v>0.60762783774104856</c:v>
                </c:pt>
                <c:pt idx="817">
                  <c:v>0.61086102524701613</c:v>
                </c:pt>
                <c:pt idx="818">
                  <c:v>0.61431911277823559</c:v>
                </c:pt>
                <c:pt idx="819">
                  <c:v>0.61801260327473972</c:v>
                </c:pt>
                <c:pt idx="820">
                  <c:v>0.62189095695514984</c:v>
                </c:pt>
                <c:pt idx="821">
                  <c:v>0.62590479104470664</c:v>
                </c:pt>
                <c:pt idx="822">
                  <c:v>0.62992492820563517</c:v>
                </c:pt>
                <c:pt idx="823">
                  <c:v>0.63400414264749316</c:v>
                </c:pt>
                <c:pt idx="824">
                  <c:v>0.63803920020953253</c:v>
                </c:pt>
                <c:pt idx="825">
                  <c:v>0.64200891541419169</c:v>
                </c:pt>
                <c:pt idx="826">
                  <c:v>0.64591606131871981</c:v>
                </c:pt>
                <c:pt idx="827">
                  <c:v>0.64980629016862346</c:v>
                </c:pt>
                <c:pt idx="828">
                  <c:v>0.65372028708847729</c:v>
                </c:pt>
                <c:pt idx="829">
                  <c:v>0.65769572522700837</c:v>
                </c:pt>
                <c:pt idx="830">
                  <c:v>0.66176621791437718</c:v>
                </c:pt>
                <c:pt idx="831">
                  <c:v>0.66595719952251087</c:v>
                </c:pt>
                <c:pt idx="832">
                  <c:v>0.6701447294759395</c:v>
                </c:pt>
                <c:pt idx="833">
                  <c:v>0.67438947144567107</c:v>
                </c:pt>
                <c:pt idx="834">
                  <c:v>0.67869868671046629</c:v>
                </c:pt>
                <c:pt idx="835">
                  <c:v>0.68307444995641797</c:v>
                </c:pt>
                <c:pt idx="836">
                  <c:v>0.68751464654148431</c:v>
                </c:pt>
                <c:pt idx="837">
                  <c:v>0.69208762058520523</c:v>
                </c:pt>
                <c:pt idx="838">
                  <c:v>0.69669592295992988</c:v>
                </c:pt>
                <c:pt idx="839">
                  <c:v>0.70130548153661543</c:v>
                </c:pt>
                <c:pt idx="840">
                  <c:v>0.70576446738624066</c:v>
                </c:pt>
                <c:pt idx="841">
                  <c:v>0.71015453020446873</c:v>
                </c:pt>
                <c:pt idx="842">
                  <c:v>0.71449083102690891</c:v>
                </c:pt>
                <c:pt idx="843">
                  <c:v>0.7189847450760819</c:v>
                </c:pt>
                <c:pt idx="844">
                  <c:v>0.72363375904926153</c:v>
                </c:pt>
                <c:pt idx="845">
                  <c:v>0.72839029546153655</c:v>
                </c:pt>
                <c:pt idx="846">
                  <c:v>0.73337432519539736</c:v>
                </c:pt>
                <c:pt idx="847">
                  <c:v>0.73876313165233098</c:v>
                </c:pt>
                <c:pt idx="848">
                  <c:v>0.74460534947485035</c:v>
                </c:pt>
                <c:pt idx="849">
                  <c:v>0.75072086263798843</c:v>
                </c:pt>
                <c:pt idx="850">
                  <c:v>0.75698128189216529</c:v>
                </c:pt>
                <c:pt idx="851">
                  <c:v>0.76328786178840158</c:v>
                </c:pt>
                <c:pt idx="852">
                  <c:v>0.76965508476485023</c:v>
                </c:pt>
                <c:pt idx="853">
                  <c:v>0.77597079986568107</c:v>
                </c:pt>
                <c:pt idx="854">
                  <c:v>0.78249940598209766</c:v>
                </c:pt>
                <c:pt idx="855">
                  <c:v>0.78935720344211591</c:v>
                </c:pt>
                <c:pt idx="856">
                  <c:v>0.79665408924481496</c:v>
                </c:pt>
                <c:pt idx="857">
                  <c:v>0.80442591090340609</c:v>
                </c:pt>
                <c:pt idx="858">
                  <c:v>0.81250936927169115</c:v>
                </c:pt>
                <c:pt idx="859">
                  <c:v>0.82067339942382289</c:v>
                </c:pt>
                <c:pt idx="860">
                  <c:v>0.8286432891763309</c:v>
                </c:pt>
                <c:pt idx="861">
                  <c:v>0.83622691341287259</c:v>
                </c:pt>
                <c:pt idx="862">
                  <c:v>0.84332283345740722</c:v>
                </c:pt>
                <c:pt idx="863">
                  <c:v>0.85005257618656738</c:v>
                </c:pt>
                <c:pt idx="864">
                  <c:v>0.85662496380932729</c:v>
                </c:pt>
                <c:pt idx="865">
                  <c:v>0.86277017126954092</c:v>
                </c:pt>
                <c:pt idx="866">
                  <c:v>0.86885497375104559</c:v>
                </c:pt>
                <c:pt idx="867">
                  <c:v>0.87512677399561767</c:v>
                </c:pt>
                <c:pt idx="868">
                  <c:v>0.88185216512156228</c:v>
                </c:pt>
                <c:pt idx="869">
                  <c:v>0.88926981234623215</c:v>
                </c:pt>
                <c:pt idx="870">
                  <c:v>0.89740381368256661</c:v>
                </c:pt>
                <c:pt idx="871">
                  <c:v>0.90604075868764378</c:v>
                </c:pt>
                <c:pt idx="872">
                  <c:v>0.91521224614372898</c:v>
                </c:pt>
                <c:pt idx="873">
                  <c:v>0.92426691400788119</c:v>
                </c:pt>
                <c:pt idx="874">
                  <c:v>0.9333634335632397</c:v>
                </c:pt>
                <c:pt idx="875">
                  <c:v>0.94235981043704864</c:v>
                </c:pt>
                <c:pt idx="876">
                  <c:v>0.95179417837656843</c:v>
                </c:pt>
                <c:pt idx="877">
                  <c:v>0.96180841205012746</c:v>
                </c:pt>
                <c:pt idx="878">
                  <c:v>0.97245018854652587</c:v>
                </c:pt>
                <c:pt idx="879">
                  <c:v>0.98368156556592068</c:v>
                </c:pt>
                <c:pt idx="880">
                  <c:v>0.99536190552191983</c:v>
                </c:pt>
                <c:pt idx="881">
                  <c:v>1.0079272051145871</c:v>
                </c:pt>
                <c:pt idx="882">
                  <c:v>1.0220804533949419</c:v>
                </c:pt>
                <c:pt idx="883">
                  <c:v>1.0384649931080685</c:v>
                </c:pt>
                <c:pt idx="884">
                  <c:v>1.0564660877621632</c:v>
                </c:pt>
                <c:pt idx="885">
                  <c:v>1.0738666489978028</c:v>
                </c:pt>
                <c:pt idx="886">
                  <c:v>1.0891237315176108</c:v>
                </c:pt>
                <c:pt idx="887">
                  <c:v>1.1019437316549645</c:v>
                </c:pt>
                <c:pt idx="888">
                  <c:v>1.1134954385402147</c:v>
                </c:pt>
                <c:pt idx="889">
                  <c:v>1.1252181044293992</c:v>
                </c:pt>
                <c:pt idx="890">
                  <c:v>1.1377442998130336</c:v>
                </c:pt>
                <c:pt idx="891">
                  <c:v>1.1513227838107107</c:v>
                </c:pt>
                <c:pt idx="892">
                  <c:v>1.1651237341976826</c:v>
                </c:pt>
                <c:pt idx="893">
                  <c:v>1.1777560545427139</c:v>
                </c:pt>
                <c:pt idx="894">
                  <c:v>1.1880196764173605</c:v>
                </c:pt>
                <c:pt idx="895">
                  <c:v>1.1963057521380753</c:v>
                </c:pt>
                <c:pt idx="896">
                  <c:v>1.2031245670545168</c:v>
                </c:pt>
                <c:pt idx="897">
                  <c:v>1.209044497154975</c:v>
                </c:pt>
                <c:pt idx="898">
                  <c:v>1.2148205573226529</c:v>
                </c:pt>
                <c:pt idx="899">
                  <c:v>1.2206123364384538</c:v>
                </c:pt>
                <c:pt idx="900">
                  <c:v>1.2267080519600069</c:v>
                </c:pt>
                <c:pt idx="901">
                  <c:v>1.2332842094142924</c:v>
                </c:pt>
                <c:pt idx="902">
                  <c:v>1.2405692600851561</c:v>
                </c:pt>
                <c:pt idx="903">
                  <c:v>1.2486805018102762</c:v>
                </c:pt>
                <c:pt idx="904">
                  <c:v>1.2579527522047789</c:v>
                </c:pt>
                <c:pt idx="905">
                  <c:v>1.2681620281057908</c:v>
                </c:pt>
                <c:pt idx="906">
                  <c:v>1.2790359911544393</c:v>
                </c:pt>
                <c:pt idx="907">
                  <c:v>1.2906440625649858</c:v>
                </c:pt>
                <c:pt idx="908">
                  <c:v>1.3026195868580208</c:v>
                </c:pt>
                <c:pt idx="909">
                  <c:v>1.3145637513690991</c:v>
                </c:pt>
                <c:pt idx="910">
                  <c:v>1.3261354345946261</c:v>
                </c:pt>
                <c:pt idx="911">
                  <c:v>1.3371857408951739</c:v>
                </c:pt>
                <c:pt idx="912">
                  <c:v>1.3476874601878088</c:v>
                </c:pt>
                <c:pt idx="913">
                  <c:v>1.3578776603507303</c:v>
                </c:pt>
                <c:pt idx="914">
                  <c:v>1.367616703104817</c:v>
                </c:pt>
                <c:pt idx="915">
                  <c:v>1.3770650544825305</c:v>
                </c:pt>
                <c:pt idx="916">
                  <c:v>1.3861145123033864</c:v>
                </c:pt>
                <c:pt idx="917">
                  <c:v>1.395042282606719</c:v>
                </c:pt>
                <c:pt idx="918">
                  <c:v>1.40368287340829</c:v>
                </c:pt>
                <c:pt idx="919">
                  <c:v>1.4119101276805421</c:v>
                </c:pt>
                <c:pt idx="920">
                  <c:v>1.4196303679249591</c:v>
                </c:pt>
                <c:pt idx="921">
                  <c:v>1.4264711924410503</c:v>
                </c:pt>
                <c:pt idx="922">
                  <c:v>1.4323486586009659</c:v>
                </c:pt>
                <c:pt idx="923">
                  <c:v>1.4371501764236949</c:v>
                </c:pt>
                <c:pt idx="924">
                  <c:v>1.441314853617071</c:v>
                </c:pt>
                <c:pt idx="925">
                  <c:v>1.445027973842123</c:v>
                </c:pt>
                <c:pt idx="926">
                  <c:v>1.4484958854707908</c:v>
                </c:pt>
                <c:pt idx="927">
                  <c:v>1.4519404959993412</c:v>
                </c:pt>
                <c:pt idx="928">
                  <c:v>1.4551348711626351</c:v>
                </c:pt>
                <c:pt idx="929">
                  <c:v>1.4582965298393171</c:v>
                </c:pt>
                <c:pt idx="930">
                  <c:v>1.4614415116056159</c:v>
                </c:pt>
                <c:pt idx="931">
                  <c:v>1.464558803654175</c:v>
                </c:pt>
                <c:pt idx="932">
                  <c:v>1.4676551886911722</c:v>
                </c:pt>
                <c:pt idx="933">
                  <c:v>1.4706997870597136</c:v>
                </c:pt>
                <c:pt idx="934">
                  <c:v>1.4737263513229601</c:v>
                </c:pt>
                <c:pt idx="935">
                  <c:v>1.476719401614806</c:v>
                </c:pt>
                <c:pt idx="936">
                  <c:v>1.4796721552290739</c:v>
                </c:pt>
                <c:pt idx="937">
                  <c:v>1.4826204393333078</c:v>
                </c:pt>
                <c:pt idx="938">
                  <c:v>1.4855508494828804</c:v>
                </c:pt>
                <c:pt idx="939">
                  <c:v>1.4884846897975579</c:v>
                </c:pt>
                <c:pt idx="940">
                  <c:v>1.4912847144525843</c:v>
                </c:pt>
                <c:pt idx="941">
                  <c:v>1.4937970799710434</c:v>
                </c:pt>
                <c:pt idx="942">
                  <c:v>1.4959982466610564</c:v>
                </c:pt>
                <c:pt idx="943">
                  <c:v>1.4977473767479395</c:v>
                </c:pt>
                <c:pt idx="944">
                  <c:v>1.4990175804500265</c:v>
                </c:pt>
                <c:pt idx="945">
                  <c:v>1.4997870740127452</c:v>
                </c:pt>
                <c:pt idx="946">
                  <c:v>1.5</c:v>
                </c:pt>
                <c:pt idx="947">
                  <c:v>1.499664179645803</c:v>
                </c:pt>
                <c:pt idx="948">
                  <c:v>1.4987880707012264</c:v>
                </c:pt>
                <c:pt idx="949">
                  <c:v>1.4973826843394362</c:v>
                </c:pt>
                <c:pt idx="950">
                  <c:v>1.4954737950073276</c:v>
                </c:pt>
                <c:pt idx="951">
                  <c:v>1.4931067253342563</c:v>
                </c:pt>
                <c:pt idx="952">
                  <c:v>1.4902719798584103</c:v>
                </c:pt>
                <c:pt idx="953">
                  <c:v>1.4871947385418136</c:v>
                </c:pt>
                <c:pt idx="954">
                  <c:v>1.483839972518805</c:v>
                </c:pt>
                <c:pt idx="955">
                  <c:v>1.4803019966220554</c:v>
                </c:pt>
                <c:pt idx="956">
                  <c:v>1.4765962130936388</c:v>
                </c:pt>
                <c:pt idx="957">
                  <c:v>1.4725881681226545</c:v>
                </c:pt>
                <c:pt idx="958">
                  <c:v>1.4682698018833298</c:v>
                </c:pt>
                <c:pt idx="959">
                  <c:v>1.4637978307588484</c:v>
                </c:pt>
                <c:pt idx="960">
                  <c:v>1.4589161943131987</c:v>
                </c:pt>
                <c:pt idx="961">
                  <c:v>1.4536083749695361</c:v>
                </c:pt>
                <c:pt idx="962">
                  <c:v>1.4479131536940835</c:v>
                </c:pt>
                <c:pt idx="963">
                  <c:v>1.4419456730728513</c:v>
                </c:pt>
                <c:pt idx="964">
                  <c:v>1.4359266451920192</c:v>
                </c:pt>
                <c:pt idx="965">
                  <c:v>1.4299542162430419</c:v>
                </c:pt>
                <c:pt idx="966">
                  <c:v>1.4241241399630091</c:v>
                </c:pt>
                <c:pt idx="967">
                  <c:v>1.4180873165686423</c:v>
                </c:pt>
                <c:pt idx="968">
                  <c:v>1.4119880131826359</c:v>
                </c:pt>
                <c:pt idx="969">
                  <c:v>1.4057627938121178</c:v>
                </c:pt>
                <c:pt idx="970">
                  <c:v>1.3993001854450373</c:v>
                </c:pt>
                <c:pt idx="971">
                  <c:v>1.3928027859869618</c:v>
                </c:pt>
                <c:pt idx="972">
                  <c:v>1.386057225768013</c:v>
                </c:pt>
                <c:pt idx="973">
                  <c:v>1.3789458864041175</c:v>
                </c:pt>
                <c:pt idx="974">
                  <c:v>1.3713046331059493</c:v>
                </c:pt>
                <c:pt idx="975">
                  <c:v>1.3628450860590879</c:v>
                </c:pt>
                <c:pt idx="976">
                  <c:v>1.3533825229468177</c:v>
                </c:pt>
                <c:pt idx="977">
                  <c:v>1.3428669122208943</c:v>
                </c:pt>
                <c:pt idx="978">
                  <c:v>1.3316092124838121</c:v>
                </c:pt>
                <c:pt idx="979">
                  <c:v>1.3198844759123007</c:v>
                </c:pt>
                <c:pt idx="980">
                  <c:v>1.3079182805571015</c:v>
                </c:pt>
                <c:pt idx="981">
                  <c:v>1.2963562434657163</c:v>
                </c:pt>
                <c:pt idx="982">
                  <c:v>1.2852021950164154</c:v>
                </c:pt>
                <c:pt idx="983">
                  <c:v>1.2745536438213707</c:v>
                </c:pt>
                <c:pt idx="984">
                  <c:v>1.2643953491782041</c:v>
                </c:pt>
                <c:pt idx="985">
                  <c:v>1.2541066700210053</c:v>
                </c:pt>
                <c:pt idx="986">
                  <c:v>1.2432652542385796</c:v>
                </c:pt>
                <c:pt idx="987">
                  <c:v>1.2316396980557536</c:v>
                </c:pt>
                <c:pt idx="988">
                  <c:v>1.2193057263301275</c:v>
                </c:pt>
                <c:pt idx="989">
                  <c:v>1.2067419461257436</c:v>
                </c:pt>
                <c:pt idx="990">
                  <c:v>1.1942176638067972</c:v>
                </c:pt>
                <c:pt idx="991">
                  <c:v>1.1825180565039135</c:v>
                </c:pt>
                <c:pt idx="992">
                  <c:v>1.171730818373538</c:v>
                </c:pt>
                <c:pt idx="993">
                  <c:v>1.1620006965000087</c:v>
                </c:pt>
                <c:pt idx="994">
                  <c:v>1.1529931127587643</c:v>
                </c:pt>
                <c:pt idx="995">
                  <c:v>1.1441596401291061</c:v>
                </c:pt>
                <c:pt idx="996">
                  <c:v>1.1353014306815825</c:v>
                </c:pt>
                <c:pt idx="997">
                  <c:v>1.1262096226598177</c:v>
                </c:pt>
                <c:pt idx="998">
                  <c:v>1.1163851016294064</c:v>
                </c:pt>
                <c:pt idx="999">
                  <c:v>1.1054517964793162</c:v>
                </c:pt>
                <c:pt idx="1000">
                  <c:v>1.0935911997128696</c:v>
                </c:pt>
                <c:pt idx="1001">
                  <c:v>1.0809433905136872</c:v>
                </c:pt>
                <c:pt idx="1002">
                  <c:v>1.0681006029838866</c:v>
                </c:pt>
                <c:pt idx="1003">
                  <c:v>1.0562153084567187</c:v>
                </c:pt>
                <c:pt idx="1004">
                  <c:v>1.0459823967734485</c:v>
                </c:pt>
                <c:pt idx="1005">
                  <c:v>1.0372434359780827</c:v>
                </c:pt>
                <c:pt idx="1006">
                  <c:v>1.0292893727851182</c:v>
                </c:pt>
                <c:pt idx="1007">
                  <c:v>1.0210618934848839</c:v>
                </c:pt>
                <c:pt idx="1008">
                  <c:v>1.0119653724587541</c:v>
                </c:pt>
                <c:pt idx="1009">
                  <c:v>1.0020695102040855</c:v>
                </c:pt>
                <c:pt idx="1010">
                  <c:v>0.99168953464511489</c:v>
                </c:pt>
                <c:pt idx="1011">
                  <c:v>0.98095686718951836</c:v>
                </c:pt>
                <c:pt idx="1012">
                  <c:v>0.97055243360552035</c:v>
                </c:pt>
                <c:pt idx="1013">
                  <c:v>0.96023146464875564</c:v>
                </c:pt>
                <c:pt idx="1014">
                  <c:v>0.95043302913333272</c:v>
                </c:pt>
                <c:pt idx="1015">
                  <c:v>0.94134157189048162</c:v>
                </c:pt>
                <c:pt idx="1016">
                  <c:v>0.93251638828176342</c:v>
                </c:pt>
                <c:pt idx="1017">
                  <c:v>0.92365382053084466</c:v>
                </c:pt>
                <c:pt idx="1018">
                  <c:v>0.9145606064518832</c:v>
                </c:pt>
                <c:pt idx="1019">
                  <c:v>0.90501547612789546</c:v>
                </c:pt>
                <c:pt idx="1020">
                  <c:v>0.89541041972461943</c:v>
                </c:pt>
                <c:pt idx="1021">
                  <c:v>0.8860812122474756</c:v>
                </c:pt>
                <c:pt idx="1022">
                  <c:v>0.87734224385312554</c:v>
                </c:pt>
                <c:pt idx="1023">
                  <c:v>0.86919738446724093</c:v>
                </c:pt>
                <c:pt idx="1024">
                  <c:v>0.86142947358907485</c:v>
                </c:pt>
                <c:pt idx="1025">
                  <c:v>0.85381153593531622</c:v>
                </c:pt>
                <c:pt idx="1026">
                  <c:v>0.84597512062355762</c:v>
                </c:pt>
                <c:pt idx="1027">
                  <c:v>0.83786074092652996</c:v>
                </c:pt>
                <c:pt idx="1028">
                  <c:v>0.82961683450187529</c:v>
                </c:pt>
                <c:pt idx="1029">
                  <c:v>0.82150035936454002</c:v>
                </c:pt>
                <c:pt idx="1030">
                  <c:v>0.81376506185558806</c:v>
                </c:pt>
                <c:pt idx="1031">
                  <c:v>0.8063187792890536</c:v>
                </c:pt>
                <c:pt idx="1032">
                  <c:v>0.79930460315124396</c:v>
                </c:pt>
                <c:pt idx="1033">
                  <c:v>0.79252947087264225</c:v>
                </c:pt>
                <c:pt idx="1034">
                  <c:v>0.78595833250653524</c:v>
                </c:pt>
                <c:pt idx="1035">
                  <c:v>0.77919889883038929</c:v>
                </c:pt>
                <c:pt idx="1036">
                  <c:v>0.77218115010780397</c:v>
                </c:pt>
                <c:pt idx="1037">
                  <c:v>0.76489022476851387</c:v>
                </c:pt>
                <c:pt idx="1038">
                  <c:v>0.75741688883788039</c:v>
                </c:pt>
                <c:pt idx="1039">
                  <c:v>0.7500375104242436</c:v>
                </c:pt>
                <c:pt idx="1040">
                  <c:v>0.74275476273583518</c:v>
                </c:pt>
                <c:pt idx="1041">
                  <c:v>0.73593715630300249</c:v>
                </c:pt>
                <c:pt idx="1042">
                  <c:v>0.72986225611494437</c:v>
                </c:pt>
                <c:pt idx="1043">
                  <c:v>0.72433640108000519</c:v>
                </c:pt>
                <c:pt idx="1044">
                  <c:v>0.71929994489224858</c:v>
                </c:pt>
                <c:pt idx="1045">
                  <c:v>0.71454592072047651</c:v>
                </c:pt>
                <c:pt idx="1046">
                  <c:v>0.71008747464385469</c:v>
                </c:pt>
                <c:pt idx="1047">
                  <c:v>0.70588666444424975</c:v>
                </c:pt>
                <c:pt idx="1048">
                  <c:v>0.70180650298920544</c:v>
                </c:pt>
                <c:pt idx="1049">
                  <c:v>0.6980317144747562</c:v>
                </c:pt>
                <c:pt idx="1050">
                  <c:v>0.69448667364719152</c:v>
                </c:pt>
                <c:pt idx="1051">
                  <c:v>0.69119188771345541</c:v>
                </c:pt>
                <c:pt idx="1052">
                  <c:v>0.68783117119559789</c:v>
                </c:pt>
                <c:pt idx="1053">
                  <c:v>0.68423893062617314</c:v>
                </c:pt>
                <c:pt idx="1054">
                  <c:v>0.68020279319128896</c:v>
                </c:pt>
                <c:pt idx="1055">
                  <c:v>0.67578182677528131</c:v>
                </c:pt>
                <c:pt idx="1056">
                  <c:v>0.67111862386449783</c:v>
                </c:pt>
                <c:pt idx="1057">
                  <c:v>0.66621095035759736</c:v>
                </c:pt>
                <c:pt idx="1058">
                  <c:v>0.66125012334560773</c:v>
                </c:pt>
                <c:pt idx="1059">
                  <c:v>0.65639303864579013</c:v>
                </c:pt>
                <c:pt idx="1060">
                  <c:v>0.65166216841531344</c:v>
                </c:pt>
                <c:pt idx="1061">
                  <c:v>0.64719440001932593</c:v>
                </c:pt>
                <c:pt idx="1062">
                  <c:v>0.64309283770045933</c:v>
                </c:pt>
                <c:pt idx="1063">
                  <c:v>0.6391728971493551</c:v>
                </c:pt>
                <c:pt idx="1064">
                  <c:v>0.63531868683066106</c:v>
                </c:pt>
                <c:pt idx="1065">
                  <c:v>0.63156714164770789</c:v>
                </c:pt>
                <c:pt idx="1066">
                  <c:v>0.62784417240380774</c:v>
                </c:pt>
                <c:pt idx="1067">
                  <c:v>0.62430174758781998</c:v>
                </c:pt>
                <c:pt idx="1068">
                  <c:v>0.62097860755634238</c:v>
                </c:pt>
                <c:pt idx="1069">
                  <c:v>0.61792953101655912</c:v>
                </c:pt>
                <c:pt idx="1070">
                  <c:v>0.61516024335362718</c:v>
                </c:pt>
                <c:pt idx="1071">
                  <c:v>0.61264990815299869</c:v>
                </c:pt>
                <c:pt idx="1072">
                  <c:v>0.61038819202186823</c:v>
                </c:pt>
                <c:pt idx="1073">
                  <c:v>0.60819858976009344</c:v>
                </c:pt>
                <c:pt idx="1074">
                  <c:v>0.60606728682303179</c:v>
                </c:pt>
                <c:pt idx="1075">
                  <c:v>0.60390771640030616</c:v>
                </c:pt>
                <c:pt idx="1076">
                  <c:v>0.60166746339564225</c:v>
                </c:pt>
                <c:pt idx="1077">
                  <c:v>0.59933846855523398</c:v>
                </c:pt>
                <c:pt idx="1078">
                  <c:v>0.5969383265506476</c:v>
                </c:pt>
                <c:pt idx="1079">
                  <c:v>0.5944909358602064</c:v>
                </c:pt>
                <c:pt idx="1080">
                  <c:v>0.59211657663688477</c:v>
                </c:pt>
                <c:pt idx="1081">
                  <c:v>0.58976032039997262</c:v>
                </c:pt>
                <c:pt idx="1082">
                  <c:v>0.58742925879929375</c:v>
                </c:pt>
                <c:pt idx="1083">
                  <c:v>0.58509048676269426</c:v>
                </c:pt>
                <c:pt idx="1084">
                  <c:v>0.58271547255596434</c:v>
                </c:pt>
                <c:pt idx="1085">
                  <c:v>0.58023856547455721</c:v>
                </c:pt>
                <c:pt idx="1086">
                  <c:v>0.57763369264394515</c:v>
                </c:pt>
                <c:pt idx="1087">
                  <c:v>0.57494922945054616</c:v>
                </c:pt>
                <c:pt idx="1088">
                  <c:v>0.57226344423817832</c:v>
                </c:pt>
                <c:pt idx="1089">
                  <c:v>0.56966813555438889</c:v>
                </c:pt>
                <c:pt idx="1090">
                  <c:v>0.56722488971759755</c:v>
                </c:pt>
                <c:pt idx="1091">
                  <c:v>0.56499048547944641</c:v>
                </c:pt>
                <c:pt idx="1092">
                  <c:v>0.56296454383855798</c:v>
                </c:pt>
                <c:pt idx="1093">
                  <c:v>0.56111537641002163</c:v>
                </c:pt>
                <c:pt idx="1094">
                  <c:v>0.55941072625783506</c:v>
                </c:pt>
                <c:pt idx="1095">
                  <c:v>0.55780382390606009</c:v>
                </c:pt>
                <c:pt idx="1096">
                  <c:v>0.55630419980451895</c:v>
                </c:pt>
                <c:pt idx="1097">
                  <c:v>0.55490737544696067</c:v>
                </c:pt>
                <c:pt idx="1098">
                  <c:v>0.55362230780503219</c:v>
                </c:pt>
                <c:pt idx="1099">
                  <c:v>0.5524582480372896</c:v>
                </c:pt>
                <c:pt idx="1100">
                  <c:v>0.55140206996083196</c:v>
                </c:pt>
                <c:pt idx="1101">
                  <c:v>0.55044144035901132</c:v>
                </c:pt>
                <c:pt idx="1102">
                  <c:v>0.54956467926634622</c:v>
                </c:pt>
                <c:pt idx="1103">
                  <c:v>0.54878886776929647</c:v>
                </c:pt>
                <c:pt idx="1104">
                  <c:v>0.54804944709648307</c:v>
                </c:pt>
                <c:pt idx="1105">
                  <c:v>0.54732002526506984</c:v>
                </c:pt>
                <c:pt idx="1106">
                  <c:v>0.54661813213464183</c:v>
                </c:pt>
                <c:pt idx="1107">
                  <c:v>0.54593842142764171</c:v>
                </c:pt>
                <c:pt idx="1108">
                  <c:v>0.54522296245996826</c:v>
                </c:pt>
                <c:pt idx="1109">
                  <c:v>0.54450998670958095</c:v>
                </c:pt>
                <c:pt idx="1110">
                  <c:v>0.54375129329705574</c:v>
                </c:pt>
                <c:pt idx="1111">
                  <c:v>0.54293724214292516</c:v>
                </c:pt>
                <c:pt idx="1112">
                  <c:v>0.54200429684150386</c:v>
                </c:pt>
                <c:pt idx="1113">
                  <c:v>0.54095389378055792</c:v>
                </c:pt>
                <c:pt idx="1114">
                  <c:v>0.53968884573591935</c:v>
                </c:pt>
                <c:pt idx="1115">
                  <c:v>0.53822494959023892</c:v>
                </c:pt>
                <c:pt idx="1116">
                  <c:v>0.53662266951259241</c:v>
                </c:pt>
                <c:pt idx="1117">
                  <c:v>0.53499364797237714</c:v>
                </c:pt>
                <c:pt idx="1118">
                  <c:v>0.53346435163532735</c:v>
                </c:pt>
                <c:pt idx="1119">
                  <c:v>0.53211503372443469</c:v>
                </c:pt>
                <c:pt idx="1120">
                  <c:v>0.53096626133971181</c:v>
                </c:pt>
                <c:pt idx="1121">
                  <c:v>0.52996235037544026</c:v>
                </c:pt>
                <c:pt idx="1122">
                  <c:v>0.52899567061768493</c:v>
                </c:pt>
                <c:pt idx="1123">
                  <c:v>0.52793838138181226</c:v>
                </c:pt>
                <c:pt idx="1124">
                  <c:v>0.52669517320983528</c:v>
                </c:pt>
                <c:pt idx="1125">
                  <c:v>0.52518755582674392</c:v>
                </c:pt>
                <c:pt idx="1126">
                  <c:v>0.52345057891778124</c:v>
                </c:pt>
                <c:pt idx="1127">
                  <c:v>0.52148274129954209</c:v>
                </c:pt>
                <c:pt idx="1128">
                  <c:v>0.51944028181216761</c:v>
                </c:pt>
                <c:pt idx="1129">
                  <c:v>0.51747159941567733</c:v>
                </c:pt>
                <c:pt idx="1130">
                  <c:v>0.51571383948115868</c:v>
                </c:pt>
                <c:pt idx="1131">
                  <c:v>0.51428150585506427</c:v>
                </c:pt>
                <c:pt idx="1132">
                  <c:v>0.51320418728212847</c:v>
                </c:pt>
                <c:pt idx="1133">
                  <c:v>0.51245222392217493</c:v>
                </c:pt>
                <c:pt idx="1134">
                  <c:v>0.51193311655229157</c:v>
                </c:pt>
                <c:pt idx="1135">
                  <c:v>0.51157099317239851</c:v>
                </c:pt>
                <c:pt idx="1136">
                  <c:v>0.51127697022161156</c:v>
                </c:pt>
                <c:pt idx="1137">
                  <c:v>0.51098052066188504</c:v>
                </c:pt>
                <c:pt idx="1138">
                  <c:v>0.51066824274500577</c:v>
                </c:pt>
                <c:pt idx="1139">
                  <c:v>0.51029052800638497</c:v>
                </c:pt>
                <c:pt idx="1140">
                  <c:v>0.50987721645566231</c:v>
                </c:pt>
                <c:pt idx="1141">
                  <c:v>0.50937179122016563</c:v>
                </c:pt>
                <c:pt idx="1142">
                  <c:v>0.50879331129570737</c:v>
                </c:pt>
                <c:pt idx="1143">
                  <c:v>0.50815067192730445</c:v>
                </c:pt>
                <c:pt idx="1144">
                  <c:v>0.50746263349357101</c:v>
                </c:pt>
                <c:pt idx="1145">
                  <c:v>0.50673598604555237</c:v>
                </c:pt>
                <c:pt idx="1146">
                  <c:v>0.50598440369131037</c:v>
                </c:pt>
                <c:pt idx="1147">
                  <c:v>0.50522926323775419</c:v>
                </c:pt>
                <c:pt idx="1148">
                  <c:v>0.50448659499035176</c:v>
                </c:pt>
                <c:pt idx="1149">
                  <c:v>0.50374863239345868</c:v>
                </c:pt>
                <c:pt idx="1150">
                  <c:v>0.50303486983853252</c:v>
                </c:pt>
                <c:pt idx="1151">
                  <c:v>0.50238267929142288</c:v>
                </c:pt>
                <c:pt idx="1152">
                  <c:v>0.50180413955805669</c:v>
                </c:pt>
                <c:pt idx="1153">
                  <c:v>0.50131460156203489</c:v>
                </c:pt>
                <c:pt idx="1154">
                  <c:v>0.50092090074076567</c:v>
                </c:pt>
                <c:pt idx="1155">
                  <c:v>0.50063485364640459</c:v>
                </c:pt>
                <c:pt idx="1156">
                  <c:v>0.50043344877734575</c:v>
                </c:pt>
                <c:pt idx="1157">
                  <c:v>0.50028448253126112</c:v>
                </c:pt>
                <c:pt idx="1158">
                  <c:v>0.50012550348566831</c:v>
                </c:pt>
                <c:pt idx="1159">
                  <c:v>0.49989790328616801</c:v>
                </c:pt>
                <c:pt idx="1160">
                  <c:v>0.49959058268892009</c:v>
                </c:pt>
                <c:pt idx="1161">
                  <c:v>0.49918380705894888</c:v>
                </c:pt>
                <c:pt idx="1162">
                  <c:v>0.49870320307926852</c:v>
                </c:pt>
                <c:pt idx="1163">
                  <c:v>0.49821218253532906</c:v>
                </c:pt>
                <c:pt idx="1164">
                  <c:v>0.49777861422220399</c:v>
                </c:pt>
                <c:pt idx="1165">
                  <c:v>0.49747062821484267</c:v>
                </c:pt>
                <c:pt idx="1166">
                  <c:v>0.49732021062962328</c:v>
                </c:pt>
                <c:pt idx="1167">
                  <c:v>0.4973225122001384</c:v>
                </c:pt>
                <c:pt idx="1168">
                  <c:v>0.49748352771841209</c:v>
                </c:pt>
                <c:pt idx="1169">
                  <c:v>0.49775536610416493</c:v>
                </c:pt>
                <c:pt idx="1170">
                  <c:v>0.49808027850636444</c:v>
                </c:pt>
                <c:pt idx="1171">
                  <c:v>0.49844676708593488</c:v>
                </c:pt>
                <c:pt idx="1172">
                  <c:v>0.4988321358555865</c:v>
                </c:pt>
                <c:pt idx="1173">
                  <c:v>0.499213071728417</c:v>
                </c:pt>
                <c:pt idx="1174">
                  <c:v>0.49958074451758111</c:v>
                </c:pt>
                <c:pt idx="1175">
                  <c:v>0.49991314527105879</c:v>
                </c:pt>
                <c:pt idx="1176">
                  <c:v>0.50018708694899439</c:v>
                </c:pt>
                <c:pt idx="1177">
                  <c:v>0.50040865955124758</c:v>
                </c:pt>
                <c:pt idx="1178">
                  <c:v>0.50052555673109667</c:v>
                </c:pt>
                <c:pt idx="1179">
                  <c:v>0.50054398967544811</c:v>
                </c:pt>
                <c:pt idx="1180">
                  <c:v>0.5004375444763538</c:v>
                </c:pt>
                <c:pt idx="1181">
                  <c:v>0.50020536759033829</c:v>
                </c:pt>
                <c:pt idx="1182">
                  <c:v>0.49985114617917009</c:v>
                </c:pt>
                <c:pt idx="1183">
                  <c:v>0.49940200355371805</c:v>
                </c:pt>
                <c:pt idx="1184">
                  <c:v>0.49889515456699418</c:v>
                </c:pt>
                <c:pt idx="1185">
                  <c:v>0.49834811411740954</c:v>
                </c:pt>
                <c:pt idx="1186">
                  <c:v>0.49778111761683569</c:v>
                </c:pt>
                <c:pt idx="1187">
                  <c:v>0.49719857245973959</c:v>
                </c:pt>
                <c:pt idx="1188">
                  <c:v>0.49658970382587486</c:v>
                </c:pt>
                <c:pt idx="1189">
                  <c:v>0.49593261499891006</c:v>
                </c:pt>
                <c:pt idx="1190">
                  <c:v>0.49523003145746569</c:v>
                </c:pt>
                <c:pt idx="1191">
                  <c:v>0.49450413823803963</c:v>
                </c:pt>
                <c:pt idx="1192">
                  <c:v>0.49376742441653049</c:v>
                </c:pt>
                <c:pt idx="1193">
                  <c:v>0.49309241223088529</c:v>
                </c:pt>
                <c:pt idx="1194">
                  <c:v>0.49255013275976856</c:v>
                </c:pt>
                <c:pt idx="1195">
                  <c:v>0.4921834206548536</c:v>
                </c:pt>
                <c:pt idx="1196">
                  <c:v>0.49203117134267499</c:v>
                </c:pt>
                <c:pt idx="1197">
                  <c:v>0.49210455296771605</c:v>
                </c:pt>
                <c:pt idx="1198">
                  <c:v>0.49237968575659363</c:v>
                </c:pt>
                <c:pt idx="1199">
                  <c:v>0.49282862914910103</c:v>
                </c:pt>
                <c:pt idx="1200">
                  <c:v>0.49344606629535986</c:v>
                </c:pt>
                <c:pt idx="1201">
                  <c:v>0.49416051006489742</c:v>
                </c:pt>
                <c:pt idx="1202">
                  <c:v>0.49490429383663675</c:v>
                </c:pt>
                <c:pt idx="1203">
                  <c:v>0.4956027013784014</c:v>
                </c:pt>
                <c:pt idx="1204">
                  <c:v>0.49619084695168325</c:v>
                </c:pt>
                <c:pt idx="1205">
                  <c:v>0.49663759927025891</c:v>
                </c:pt>
                <c:pt idx="1206">
                  <c:v>0.49691681751160893</c:v>
                </c:pt>
                <c:pt idx="1207">
                  <c:v>0.49705629963487413</c:v>
                </c:pt>
                <c:pt idx="1208">
                  <c:v>0.49710045927320562</c:v>
                </c:pt>
                <c:pt idx="1209">
                  <c:v>0.49707455237928505</c:v>
                </c:pt>
                <c:pt idx="1210">
                  <c:v>0.49703609808276855</c:v>
                </c:pt>
                <c:pt idx="1211">
                  <c:v>0.49701191245762716</c:v>
                </c:pt>
                <c:pt idx="1212">
                  <c:v>0.49702760550710473</c:v>
                </c:pt>
                <c:pt idx="1213">
                  <c:v>0.49705642828812713</c:v>
                </c:pt>
                <c:pt idx="1214">
                  <c:v>0.49712769559387898</c:v>
                </c:pt>
                <c:pt idx="1215">
                  <c:v>0.49721224617968118</c:v>
                </c:pt>
                <c:pt idx="1216">
                  <c:v>0.49732519201540093</c:v>
                </c:pt>
                <c:pt idx="1217">
                  <c:v>0.49744843394435334</c:v>
                </c:pt>
                <c:pt idx="1218">
                  <c:v>0.49756246600501497</c:v>
                </c:pt>
                <c:pt idx="1219">
                  <c:v>0.49769188043109558</c:v>
                </c:pt>
                <c:pt idx="1220">
                  <c:v>0.49781955617283274</c:v>
                </c:pt>
                <c:pt idx="1221">
                  <c:v>0.49794478976775047</c:v>
                </c:pt>
                <c:pt idx="1222">
                  <c:v>0.49806999047867712</c:v>
                </c:pt>
                <c:pt idx="1223">
                  <c:v>0.4981751530442558</c:v>
                </c:pt>
                <c:pt idx="1224">
                  <c:v>0.49825461918979885</c:v>
                </c:pt>
                <c:pt idx="1225">
                  <c:v>0.49832957975464587</c:v>
                </c:pt>
                <c:pt idx="1226">
                  <c:v>0.4983741218841678</c:v>
                </c:pt>
                <c:pt idx="1227">
                  <c:v>0.49838119436820982</c:v>
                </c:pt>
                <c:pt idx="1228">
                  <c:v>0.49835043357250153</c:v>
                </c:pt>
                <c:pt idx="1229">
                  <c:v>0.49831063208149995</c:v>
                </c:pt>
                <c:pt idx="1230">
                  <c:v>0.49828645070361877</c:v>
                </c:pt>
                <c:pt idx="1231">
                  <c:v>0.4982885049819451</c:v>
                </c:pt>
                <c:pt idx="1232">
                  <c:v>0.4983324464321971</c:v>
                </c:pt>
                <c:pt idx="1233">
                  <c:v>0.49842608859788812</c:v>
                </c:pt>
                <c:pt idx="1234">
                  <c:v>0.49854492426078195</c:v>
                </c:pt>
                <c:pt idx="1235">
                  <c:v>0.49869471221787021</c:v>
                </c:pt>
                <c:pt idx="1236">
                  <c:v>0.49885088411994893</c:v>
                </c:pt>
                <c:pt idx="1237">
                  <c:v>0.49900121719711071</c:v>
                </c:pt>
                <c:pt idx="1238">
                  <c:v>0.49914065614997494</c:v>
                </c:pt>
                <c:pt idx="1239">
                  <c:v>0.49929472816895504</c:v>
                </c:pt>
                <c:pt idx="1240">
                  <c:v>0.49949154661597439</c:v>
                </c:pt>
                <c:pt idx="1241">
                  <c:v>0.4997211808090074</c:v>
                </c:pt>
                <c:pt idx="1242">
                  <c:v>0.50002104040690776</c:v>
                </c:pt>
                <c:pt idx="1243">
                  <c:v>0.50041642380742291</c:v>
                </c:pt>
                <c:pt idx="1244">
                  <c:v>0.50089720222113077</c:v>
                </c:pt>
                <c:pt idx="1245">
                  <c:v>0.50146813596211937</c:v>
                </c:pt>
                <c:pt idx="1246">
                  <c:v>0.50209715600378235</c:v>
                </c:pt>
                <c:pt idx="1247">
                  <c:v>0.50278371672026423</c:v>
                </c:pt>
                <c:pt idx="1248">
                  <c:v>0.50352005151751733</c:v>
                </c:pt>
                <c:pt idx="1249">
                  <c:v>0.50428490815232463</c:v>
                </c:pt>
                <c:pt idx="1250">
                  <c:v>0.50509489633471949</c:v>
                </c:pt>
                <c:pt idx="1251">
                  <c:v>0.50592675532499531</c:v>
                </c:pt>
                <c:pt idx="1252">
                  <c:v>0.50678237221320488</c:v>
                </c:pt>
                <c:pt idx="1253">
                  <c:v>0.50762257159191926</c:v>
                </c:pt>
                <c:pt idx="1254">
                  <c:v>0.50843972191002718</c:v>
                </c:pt>
                <c:pt idx="1255">
                  <c:v>0.50920118533203718</c:v>
                </c:pt>
                <c:pt idx="1256">
                  <c:v>0.50990046305553871</c:v>
                </c:pt>
                <c:pt idx="1257">
                  <c:v>0.51053323924156757</c:v>
                </c:pt>
                <c:pt idx="1258">
                  <c:v>0.51108822425912859</c:v>
                </c:pt>
                <c:pt idx="1259">
                  <c:v>0.5115858267980129</c:v>
                </c:pt>
                <c:pt idx="1260">
                  <c:v>0.51202659543133788</c:v>
                </c:pt>
                <c:pt idx="1261">
                  <c:v>0.51241711319993022</c:v>
                </c:pt>
                <c:pt idx="1262">
                  <c:v>0.51278224605536016</c:v>
                </c:pt>
                <c:pt idx="1263">
                  <c:v>0.51312537025079985</c:v>
                </c:pt>
                <c:pt idx="1264">
                  <c:v>0.51347811934408072</c:v>
                </c:pt>
                <c:pt idx="1265">
                  <c:v>0.51386288318638507</c:v>
                </c:pt>
                <c:pt idx="1266">
                  <c:v>0.51426470398633195</c:v>
                </c:pt>
                <c:pt idx="1267">
                  <c:v>0.51471053609243955</c:v>
                </c:pt>
                <c:pt idx="1268">
                  <c:v>0.51519666409171416</c:v>
                </c:pt>
                <c:pt idx="1269">
                  <c:v>0.51573902814442707</c:v>
                </c:pt>
                <c:pt idx="1270">
                  <c:v>0.51632765770518052</c:v>
                </c:pt>
                <c:pt idx="1271">
                  <c:v>0.51695916649504603</c:v>
                </c:pt>
                <c:pt idx="1272">
                  <c:v>0.5176358037152814</c:v>
                </c:pt>
                <c:pt idx="1273">
                  <c:v>0.51835934479091006</c:v>
                </c:pt>
                <c:pt idx="1274">
                  <c:v>0.51912545588236325</c:v>
                </c:pt>
                <c:pt idx="1275">
                  <c:v>0.51994205785205505</c:v>
                </c:pt>
                <c:pt idx="1276">
                  <c:v>0.52080664967002699</c:v>
                </c:pt>
                <c:pt idx="1277">
                  <c:v>0.52174335784949466</c:v>
                </c:pt>
                <c:pt idx="1278">
                  <c:v>0.52275186326580747</c:v>
                </c:pt>
                <c:pt idx="1279">
                  <c:v>0.52382900654733788</c:v>
                </c:pt>
                <c:pt idx="1280">
                  <c:v>0.52499957633212058</c:v>
                </c:pt>
                <c:pt idx="1281">
                  <c:v>0.52624554162799309</c:v>
                </c:pt>
                <c:pt idx="1282">
                  <c:v>0.52758870616750186</c:v>
                </c:pt>
                <c:pt idx="1283">
                  <c:v>0.52900242867210456</c:v>
                </c:pt>
                <c:pt idx="1284">
                  <c:v>0.53049121000377342</c:v>
                </c:pt>
                <c:pt idx="1285">
                  <c:v>0.53206213686890702</c:v>
                </c:pt>
                <c:pt idx="1286">
                  <c:v>0.53371658330274641</c:v>
                </c:pt>
                <c:pt idx="1287">
                  <c:v>0.53546542130265473</c:v>
                </c:pt>
                <c:pt idx="1288">
                  <c:v>0.53728515630491458</c:v>
                </c:pt>
                <c:pt idx="1289">
                  <c:v>0.53915552556108504</c:v>
                </c:pt>
                <c:pt idx="1290">
                  <c:v>0.54105052359881078</c:v>
                </c:pt>
                <c:pt idx="1291">
                  <c:v>0.54293548716979145</c:v>
                </c:pt>
                <c:pt idx="1292">
                  <c:v>0.54479802320516502</c:v>
                </c:pt>
                <c:pt idx="1293">
                  <c:v>0.54661712582486621</c:v>
                </c:pt>
                <c:pt idx="1294">
                  <c:v>0.54842191503070037</c:v>
                </c:pt>
                <c:pt idx="1295">
                  <c:v>0.55019779836266325</c:v>
                </c:pt>
                <c:pt idx="1296">
                  <c:v>0.5519424518634688</c:v>
                </c:pt>
                <c:pt idx="1297">
                  <c:v>0.55367766441087551</c:v>
                </c:pt>
                <c:pt idx="1298">
                  <c:v>0.55539701746980719</c:v>
                </c:pt>
                <c:pt idx="1299">
                  <c:v>0.55711909822904082</c:v>
                </c:pt>
                <c:pt idx="1300">
                  <c:v>0.5588354883296579</c:v>
                </c:pt>
                <c:pt idx="1301">
                  <c:v>0.56054455199635345</c:v>
                </c:pt>
                <c:pt idx="1302">
                  <c:v>0.56226017348832169</c:v>
                </c:pt>
                <c:pt idx="1303">
                  <c:v>0.56397171518374967</c:v>
                </c:pt>
                <c:pt idx="1304">
                  <c:v>0.56568300226418267</c:v>
                </c:pt>
                <c:pt idx="1305">
                  <c:v>0.56736678983026645</c:v>
                </c:pt>
                <c:pt idx="1306">
                  <c:v>0.56907623602001911</c:v>
                </c:pt>
                <c:pt idx="1307">
                  <c:v>0.57078878893596408</c:v>
                </c:pt>
                <c:pt idx="1308">
                  <c:v>0.57251251272630677</c:v>
                </c:pt>
                <c:pt idx="1309">
                  <c:v>0.57424328312819328</c:v>
                </c:pt>
                <c:pt idx="1310">
                  <c:v>0.57597806285217024</c:v>
                </c:pt>
                <c:pt idx="1311">
                  <c:v>0.57771929567434488</c:v>
                </c:pt>
                <c:pt idx="1312">
                  <c:v>0.57948011273738498</c:v>
                </c:pt>
                <c:pt idx="1313">
                  <c:v>0.58127361033485381</c:v>
                </c:pt>
                <c:pt idx="1314">
                  <c:v>0.58310279571978962</c:v>
                </c:pt>
                <c:pt idx="1315">
                  <c:v>0.58492778156290259</c:v>
                </c:pt>
                <c:pt idx="1316">
                  <c:v>0.58678466001566809</c:v>
                </c:pt>
                <c:pt idx="1317">
                  <c:v>0.58867414415695374</c:v>
                </c:pt>
                <c:pt idx="1318">
                  <c:v>0.59059386008045223</c:v>
                </c:pt>
                <c:pt idx="1319">
                  <c:v>0.59253709518674258</c:v>
                </c:pt>
                <c:pt idx="1320">
                  <c:v>0.59451926961228052</c:v>
                </c:pt>
                <c:pt idx="1321">
                  <c:v>0.59650213211357705</c:v>
                </c:pt>
                <c:pt idx="1322">
                  <c:v>0.59856379117797076</c:v>
                </c:pt>
                <c:pt idx="1323">
                  <c:v>0.60063459647774253</c:v>
                </c:pt>
                <c:pt idx="1324">
                  <c:v>0.60274204710235224</c:v>
                </c:pt>
                <c:pt idx="1325">
                  <c:v>0.60483342873531099</c:v>
                </c:pt>
                <c:pt idx="1326">
                  <c:v>0.60702790456063205</c:v>
                </c:pt>
                <c:pt idx="1327">
                  <c:v>0.60931308643653681</c:v>
                </c:pt>
                <c:pt idx="1328">
                  <c:v>0.61174014249051289</c:v>
                </c:pt>
                <c:pt idx="1329">
                  <c:v>0.61438607437291659</c:v>
                </c:pt>
                <c:pt idx="1330">
                  <c:v>0.61729112850997947</c:v>
                </c:pt>
                <c:pt idx="1331">
                  <c:v>0.6204866739985424</c:v>
                </c:pt>
                <c:pt idx="1332">
                  <c:v>0.62396987821512562</c:v>
                </c:pt>
                <c:pt idx="1333">
                  <c:v>0.62764317240935996</c:v>
                </c:pt>
                <c:pt idx="1334">
                  <c:v>0.63139850490967298</c:v>
                </c:pt>
                <c:pt idx="1335">
                  <c:v>0.63511694229918514</c:v>
                </c:pt>
                <c:pt idx="1336">
                  <c:v>0.63877276062747657</c:v>
                </c:pt>
                <c:pt idx="1337">
                  <c:v>0.64234965198429761</c:v>
                </c:pt>
                <c:pt idx="1338">
                  <c:v>0.64587033790423254</c:v>
                </c:pt>
                <c:pt idx="1339">
                  <c:v>0.64942180420401052</c:v>
                </c:pt>
                <c:pt idx="1340">
                  <c:v>0.65304193329040561</c:v>
                </c:pt>
                <c:pt idx="1341">
                  <c:v>0.65671226281859663</c:v>
                </c:pt>
                <c:pt idx="1342">
                  <c:v>0.66046053128689908</c:v>
                </c:pt>
                <c:pt idx="1343">
                  <c:v>0.66419870544441351</c:v>
                </c:pt>
                <c:pt idx="1344">
                  <c:v>0.66783300696309222</c:v>
                </c:pt>
                <c:pt idx="1345">
                  <c:v>0.67133135840637759</c:v>
                </c:pt>
                <c:pt idx="1346">
                  <c:v>0.67458264603892182</c:v>
                </c:pt>
                <c:pt idx="1347">
                  <c:v>0.67756716054711685</c:v>
                </c:pt>
                <c:pt idx="1348">
                  <c:v>0.68031440609001548</c:v>
                </c:pt>
                <c:pt idx="1349">
                  <c:v>0.68285877395399486</c:v>
                </c:pt>
                <c:pt idx="1350">
                  <c:v>0.68528091640676614</c:v>
                </c:pt>
                <c:pt idx="1351">
                  <c:v>0.68762703437317541</c:v>
                </c:pt>
                <c:pt idx="1352">
                  <c:v>0.6899498122640324</c:v>
                </c:pt>
                <c:pt idx="1353">
                  <c:v>0.69231274637382501</c:v>
                </c:pt>
                <c:pt idx="1354">
                  <c:v>0.69478027085876315</c:v>
                </c:pt>
                <c:pt idx="1355">
                  <c:v>0.69738468230030193</c:v>
                </c:pt>
                <c:pt idx="1356">
                  <c:v>0.70010200271676759</c:v>
                </c:pt>
                <c:pt idx="1357">
                  <c:v>0.7029688775147076</c:v>
                </c:pt>
                <c:pt idx="1358">
                  <c:v>0.70595300994924781</c:v>
                </c:pt>
                <c:pt idx="1359">
                  <c:v>0.70899335729897683</c:v>
                </c:pt>
                <c:pt idx="1360">
                  <c:v>0.71205985708378061</c:v>
                </c:pt>
                <c:pt idx="1361">
                  <c:v>0.71515153164940748</c:v>
                </c:pt>
                <c:pt idx="1362">
                  <c:v>0.71830444814422367</c:v>
                </c:pt>
                <c:pt idx="1363">
                  <c:v>0.7215934538657236</c:v>
                </c:pt>
                <c:pt idx="1364">
                  <c:v>0.72498880532770826</c:v>
                </c:pt>
                <c:pt idx="1365">
                  <c:v>0.72849451217910643</c:v>
                </c:pt>
                <c:pt idx="1366">
                  <c:v>0.7320032510251816</c:v>
                </c:pt>
                <c:pt idx="1367">
                  <c:v>0.73553658614877027</c:v>
                </c:pt>
                <c:pt idx="1368">
                  <c:v>0.73891643641846816</c:v>
                </c:pt>
                <c:pt idx="1369">
                  <c:v>0.74205869848382577</c:v>
                </c:pt>
                <c:pt idx="1370">
                  <c:v>0.74490039457888635</c:v>
                </c:pt>
                <c:pt idx="1371">
                  <c:v>0.74747258461171628</c:v>
                </c:pt>
                <c:pt idx="1372">
                  <c:v>0.74980495225715549</c:v>
                </c:pt>
                <c:pt idx="1373">
                  <c:v>0.75195592692145186</c:v>
                </c:pt>
                <c:pt idx="1374">
                  <c:v>0.75398980295584872</c:v>
                </c:pt>
                <c:pt idx="1375">
                  <c:v>0.75596536887987775</c:v>
                </c:pt>
                <c:pt idx="1376">
                  <c:v>0.75790512683809674</c:v>
                </c:pt>
                <c:pt idx="1377">
                  <c:v>0.75980901685572755</c:v>
                </c:pt>
                <c:pt idx="1378">
                  <c:v>0.76169235962875592</c:v>
                </c:pt>
                <c:pt idx="1379">
                  <c:v>0.76357434553371073</c:v>
                </c:pt>
                <c:pt idx="1380">
                  <c:v>0.76542279761185505</c:v>
                </c:pt>
                <c:pt idx="1381">
                  <c:v>0.76722171706000419</c:v>
                </c:pt>
                <c:pt idx="1382">
                  <c:v>0.76893284225756187</c:v>
                </c:pt>
                <c:pt idx="1383">
                  <c:v>0.77058763242695549</c:v>
                </c:pt>
                <c:pt idx="1384">
                  <c:v>0.7721637250651745</c:v>
                </c:pt>
                <c:pt idx="1385">
                  <c:v>0.77364671723741596</c:v>
                </c:pt>
                <c:pt idx="1386">
                  <c:v>0.77506006856024112</c:v>
                </c:pt>
                <c:pt idx="1387">
                  <c:v>0.77637004591735193</c:v>
                </c:pt>
                <c:pt idx="1388">
                  <c:v>0.77756360291518112</c:v>
                </c:pt>
                <c:pt idx="1389">
                  <c:v>0.77863357796056665</c:v>
                </c:pt>
                <c:pt idx="1390">
                  <c:v>0.77961392372325189</c:v>
                </c:pt>
                <c:pt idx="1391">
                  <c:v>0.78048233751158569</c:v>
                </c:pt>
                <c:pt idx="1392">
                  <c:v>0.78124825513943907</c:v>
                </c:pt>
                <c:pt idx="1393">
                  <c:v>0.78191047956253423</c:v>
                </c:pt>
                <c:pt idx="1394">
                  <c:v>0.78248957779917394</c:v>
                </c:pt>
                <c:pt idx="1395">
                  <c:v>0.78297014973173196</c:v>
                </c:pt>
                <c:pt idx="1396">
                  <c:v>0.78334836498193794</c:v>
                </c:pt>
                <c:pt idx="1397">
                  <c:v>0.78362272753042794</c:v>
                </c:pt>
                <c:pt idx="1398">
                  <c:v>0.78376313485942917</c:v>
                </c:pt>
                <c:pt idx="1399">
                  <c:v>0.78372302701252161</c:v>
                </c:pt>
                <c:pt idx="1400">
                  <c:v>0.78349819480616056</c:v>
                </c:pt>
                <c:pt idx="1401">
                  <c:v>0.78307373655071211</c:v>
                </c:pt>
                <c:pt idx="1402">
                  <c:v>0.78242343975461426</c:v>
                </c:pt>
                <c:pt idx="1403">
                  <c:v>0.78156228593768884</c:v>
                </c:pt>
                <c:pt idx="1404">
                  <c:v>0.78048684387260758</c:v>
                </c:pt>
                <c:pt idx="1405">
                  <c:v>0.77924740412675253</c:v>
                </c:pt>
                <c:pt idx="1406">
                  <c:v>0.77787237325536873</c:v>
                </c:pt>
                <c:pt idx="1407">
                  <c:v>0.77639612301626115</c:v>
                </c:pt>
                <c:pt idx="1408">
                  <c:v>0.7748843040567801</c:v>
                </c:pt>
                <c:pt idx="1409">
                  <c:v>0.77341756872634648</c:v>
                </c:pt>
                <c:pt idx="1410">
                  <c:v>0.77198594266372811</c:v>
                </c:pt>
                <c:pt idx="1411">
                  <c:v>0.77054749393898281</c:v>
                </c:pt>
                <c:pt idx="1412">
                  <c:v>0.76911309457398658</c:v>
                </c:pt>
                <c:pt idx="1413">
                  <c:v>0.76770033907688662</c:v>
                </c:pt>
                <c:pt idx="1414">
                  <c:v>0.76628066123206118</c:v>
                </c:pt>
                <c:pt idx="1415">
                  <c:v>0.76485212591325547</c:v>
                </c:pt>
                <c:pt idx="1416">
                  <c:v>0.76338548855252053</c:v>
                </c:pt>
                <c:pt idx="1417">
                  <c:v>0.76189126197673951</c:v>
                </c:pt>
                <c:pt idx="1418">
                  <c:v>0.7604135725063752</c:v>
                </c:pt>
                <c:pt idx="1419">
                  <c:v>0.7588523978996915</c:v>
                </c:pt>
                <c:pt idx="1420">
                  <c:v>0.75721966733616575</c:v>
                </c:pt>
                <c:pt idx="1421">
                  <c:v>0.75551524117425073</c:v>
                </c:pt>
                <c:pt idx="1422">
                  <c:v>0.75377101733471685</c:v>
                </c:pt>
                <c:pt idx="1423">
                  <c:v>0.75193060105975018</c:v>
                </c:pt>
                <c:pt idx="1424">
                  <c:v>0.74999024196468811</c:v>
                </c:pt>
                <c:pt idx="1425">
                  <c:v>0.74795670265516967</c:v>
                </c:pt>
                <c:pt idx="1426">
                  <c:v>0.74586255924087363</c:v>
                </c:pt>
                <c:pt idx="1427">
                  <c:v>0.74369542358002128</c:v>
                </c:pt>
                <c:pt idx="1428">
                  <c:v>0.74151111184540719</c:v>
                </c:pt>
                <c:pt idx="1429">
                  <c:v>0.73923747013001728</c:v>
                </c:pt>
                <c:pt idx="1430">
                  <c:v>0.73673563590478996</c:v>
                </c:pt>
                <c:pt idx="1431">
                  <c:v>0.73398709698210474</c:v>
                </c:pt>
                <c:pt idx="1432">
                  <c:v>0.73097846779223064</c:v>
                </c:pt>
                <c:pt idx="1433">
                  <c:v>0.72773572158129352</c:v>
                </c:pt>
                <c:pt idx="1434">
                  <c:v>0.72433236879754315</c:v>
                </c:pt>
                <c:pt idx="1435">
                  <c:v>0.72086250708978072</c:v>
                </c:pt>
                <c:pt idx="1436">
                  <c:v>0.71742400426517094</c:v>
                </c:pt>
                <c:pt idx="1437">
                  <c:v>0.7140896330168246</c:v>
                </c:pt>
                <c:pt idx="1438">
                  <c:v>0.71082831333613672</c:v>
                </c:pt>
                <c:pt idx="1439">
                  <c:v>0.70759711578350315</c:v>
                </c:pt>
                <c:pt idx="1440">
                  <c:v>0.70433238440405899</c:v>
                </c:pt>
                <c:pt idx="1441">
                  <c:v>0.70095548172311739</c:v>
                </c:pt>
                <c:pt idx="1442">
                  <c:v>0.69745030917018558</c:v>
                </c:pt>
                <c:pt idx="1443">
                  <c:v>0.69386719726859503</c:v>
                </c:pt>
                <c:pt idx="1444">
                  <c:v>0.69023848247403996</c:v>
                </c:pt>
                <c:pt idx="1445">
                  <c:v>0.6867024088563235</c:v>
                </c:pt>
                <c:pt idx="1446">
                  <c:v>0.68332063743269644</c:v>
                </c:pt>
                <c:pt idx="1447">
                  <c:v>0.68012410865192596</c:v>
                </c:pt>
                <c:pt idx="1448">
                  <c:v>0.67712646718458969</c:v>
                </c:pt>
                <c:pt idx="1449">
                  <c:v>0.67425587811758891</c:v>
                </c:pt>
                <c:pt idx="1450">
                  <c:v>0.67152694400205215</c:v>
                </c:pt>
                <c:pt idx="1451">
                  <c:v>0.66878400569410679</c:v>
                </c:pt>
                <c:pt idx="1452">
                  <c:v>0.66595121855001582</c:v>
                </c:pt>
                <c:pt idx="1453">
                  <c:v>0.66308444866708283</c:v>
                </c:pt>
                <c:pt idx="1454">
                  <c:v>0.66019733107416356</c:v>
                </c:pt>
                <c:pt idx="1455">
                  <c:v>0.65732236188732929</c:v>
                </c:pt>
                <c:pt idx="1456">
                  <c:v>0.65448811745418067</c:v>
                </c:pt>
                <c:pt idx="1457">
                  <c:v>0.65170486155102314</c:v>
                </c:pt>
                <c:pt idx="1458">
                  <c:v>0.64895865992878632</c:v>
                </c:pt>
                <c:pt idx="1459">
                  <c:v>0.64629803757582449</c:v>
                </c:pt>
                <c:pt idx="1460">
                  <c:v>0.643589677914156</c:v>
                </c:pt>
                <c:pt idx="1461">
                  <c:v>0.64093972763990636</c:v>
                </c:pt>
                <c:pt idx="1462">
                  <c:v>0.6383131966994311</c:v>
                </c:pt>
                <c:pt idx="1463">
                  <c:v>0.63570787092850867</c:v>
                </c:pt>
                <c:pt idx="1464">
                  <c:v>0.63314091602379363</c:v>
                </c:pt>
                <c:pt idx="1465">
                  <c:v>0.63058674800325143</c:v>
                </c:pt>
                <c:pt idx="1466">
                  <c:v>0.62808242131122194</c:v>
                </c:pt>
                <c:pt idx="1467">
                  <c:v>0.62564921114230554</c:v>
                </c:pt>
                <c:pt idx="1468">
                  <c:v>0.6233097493140477</c:v>
                </c:pt>
                <c:pt idx="1469">
                  <c:v>0.6211032446236503</c:v>
                </c:pt>
                <c:pt idx="1470">
                  <c:v>0.61896797624250322</c:v>
                </c:pt>
                <c:pt idx="1471">
                  <c:v>0.61685144932585345</c:v>
                </c:pt>
                <c:pt idx="1472">
                  <c:v>0.61478753663154662</c:v>
                </c:pt>
                <c:pt idx="1473">
                  <c:v>0.61272423218280991</c:v>
                </c:pt>
                <c:pt idx="1474">
                  <c:v>0.61060106162956318</c:v>
                </c:pt>
                <c:pt idx="1475">
                  <c:v>0.60837261205344573</c:v>
                </c:pt>
                <c:pt idx="1476">
                  <c:v>0.60598737615080644</c:v>
                </c:pt>
                <c:pt idx="1477">
                  <c:v>0.60343935938537197</c:v>
                </c:pt>
                <c:pt idx="1478">
                  <c:v>0.60075897338198003</c:v>
                </c:pt>
                <c:pt idx="1479">
                  <c:v>0.59803326385042843</c:v>
                </c:pt>
                <c:pt idx="1480">
                  <c:v>0.59533060473422683</c:v>
                </c:pt>
                <c:pt idx="1481">
                  <c:v>0.59272976309934033</c:v>
                </c:pt>
                <c:pt idx="1482">
                  <c:v>0.59025066756769373</c:v>
                </c:pt>
                <c:pt idx="1483">
                  <c:v>0.58785638331766576</c:v>
                </c:pt>
                <c:pt idx="1484">
                  <c:v>0.58550162702217401</c:v>
                </c:pt>
                <c:pt idx="1485">
                  <c:v>0.58313901566493409</c:v>
                </c:pt>
                <c:pt idx="1486">
                  <c:v>0.58070784078995707</c:v>
                </c:pt>
                <c:pt idx="1487">
                  <c:v>0.57819395371791305</c:v>
                </c:pt>
                <c:pt idx="1488">
                  <c:v>0.57565064717054948</c:v>
                </c:pt>
                <c:pt idx="1489">
                  <c:v>0.57310671703257021</c:v>
                </c:pt>
                <c:pt idx="1490">
                  <c:v>0.57064231677600075</c:v>
                </c:pt>
                <c:pt idx="1491">
                  <c:v>0.5682926506804713</c:v>
                </c:pt>
                <c:pt idx="1492">
                  <c:v>0.56608437016467394</c:v>
                </c:pt>
                <c:pt idx="1493">
                  <c:v>0.56398980646935759</c:v>
                </c:pt>
                <c:pt idx="1494">
                  <c:v>0.5620109294800012</c:v>
                </c:pt>
                <c:pt idx="1495">
                  <c:v>0.5601018923762493</c:v>
                </c:pt>
                <c:pt idx="1496">
                  <c:v>0.55826809620554163</c:v>
                </c:pt>
                <c:pt idx="1497">
                  <c:v>0.55648139847324729</c:v>
                </c:pt>
                <c:pt idx="1498">
                  <c:v>0.5547554888718822</c:v>
                </c:pt>
                <c:pt idx="1499">
                  <c:v>0.55307886709882903</c:v>
                </c:pt>
                <c:pt idx="1500">
                  <c:v>0.55144570813235805</c:v>
                </c:pt>
                <c:pt idx="1501">
                  <c:v>0.54984952368198692</c:v>
                </c:pt>
                <c:pt idx="1502">
                  <c:v>0.54833495374316543</c:v>
                </c:pt>
                <c:pt idx="1503">
                  <c:v>0.54684961829751055</c:v>
                </c:pt>
                <c:pt idx="1504">
                  <c:v>0.54539804061991226</c:v>
                </c:pt>
                <c:pt idx="1505">
                  <c:v>0.54397885425777148</c:v>
                </c:pt>
                <c:pt idx="1506">
                  <c:v>0.54256191691712774</c:v>
                </c:pt>
                <c:pt idx="1507">
                  <c:v>0.54117831841172703</c:v>
                </c:pt>
                <c:pt idx="1508">
                  <c:v>0.53984521462491175</c:v>
                </c:pt>
                <c:pt idx="1509">
                  <c:v>0.53855648879115725</c:v>
                </c:pt>
                <c:pt idx="1510">
                  <c:v>0.53731106616080471</c:v>
                </c:pt>
                <c:pt idx="1511">
                  <c:v>0.53610447826153085</c:v>
                </c:pt>
                <c:pt idx="1512">
                  <c:v>0.53493679743076217</c:v>
                </c:pt>
                <c:pt idx="1513">
                  <c:v>0.53379699701138084</c:v>
                </c:pt>
                <c:pt idx="1514">
                  <c:v>0.53270577624401405</c:v>
                </c:pt>
                <c:pt idx="1515">
                  <c:v>0.53165759935858692</c:v>
                </c:pt>
                <c:pt idx="1516">
                  <c:v>0.53065365827619115</c:v>
                </c:pt>
                <c:pt idx="1517">
                  <c:v>0.52971079960968515</c:v>
                </c:pt>
                <c:pt idx="1518">
                  <c:v>0.52883372125534611</c:v>
                </c:pt>
                <c:pt idx="1519">
                  <c:v>0.52801031194406001</c:v>
                </c:pt>
                <c:pt idx="1520">
                  <c:v>0.52723581638679184</c:v>
                </c:pt>
                <c:pt idx="1521">
                  <c:v>0.52651146641972746</c:v>
                </c:pt>
                <c:pt idx="1522">
                  <c:v>0.52579471414580603</c:v>
                </c:pt>
                <c:pt idx="1523">
                  <c:v>0.52507221643521451</c:v>
                </c:pt>
                <c:pt idx="1524">
                  <c:v>0.52433726062316433</c:v>
                </c:pt>
                <c:pt idx="1525">
                  <c:v>0.52358272252310589</c:v>
                </c:pt>
                <c:pt idx="1526">
                  <c:v>0.52281164928682977</c:v>
                </c:pt>
                <c:pt idx="1527">
                  <c:v>0.52203955099661714</c:v>
                </c:pt>
                <c:pt idx="1528">
                  <c:v>0.52130873611616058</c:v>
                </c:pt>
                <c:pt idx="1529">
                  <c:v>0.52062593482059594</c:v>
                </c:pt>
                <c:pt idx="1530">
                  <c:v>0.52001217916154352</c:v>
                </c:pt>
                <c:pt idx="1531">
                  <c:v>0.51942480286120873</c:v>
                </c:pt>
                <c:pt idx="1532">
                  <c:v>0.51887827608497672</c:v>
                </c:pt>
                <c:pt idx="1533">
                  <c:v>0.51834282056291159</c:v>
                </c:pt>
                <c:pt idx="1534">
                  <c:v>0.51781602876524369</c:v>
                </c:pt>
                <c:pt idx="1535">
                  <c:v>0.51726908985442921</c:v>
                </c:pt>
                <c:pt idx="1536">
                  <c:v>0.51673753489910079</c:v>
                </c:pt>
                <c:pt idx="1537">
                  <c:v>0.51621737033893178</c:v>
                </c:pt>
                <c:pt idx="1538">
                  <c:v>0.51573563532056699</c:v>
                </c:pt>
                <c:pt idx="1539">
                  <c:v>0.51529119899260023</c:v>
                </c:pt>
                <c:pt idx="1540">
                  <c:v>0.51489425636461594</c:v>
                </c:pt>
                <c:pt idx="1541">
                  <c:v>0.5145339092350123</c:v>
                </c:pt>
                <c:pt idx="1542">
                  <c:v>0.51417863754046311</c:v>
                </c:pt>
                <c:pt idx="1543">
                  <c:v>0.51381411199094407</c:v>
                </c:pt>
                <c:pt idx="1544">
                  <c:v>0.51342868505147732</c:v>
                </c:pt>
                <c:pt idx="1545">
                  <c:v>0.51302090545499568</c:v>
                </c:pt>
                <c:pt idx="1546">
                  <c:v>0.51260532576275142</c:v>
                </c:pt>
                <c:pt idx="1547">
                  <c:v>0.51219930250395229</c:v>
                </c:pt>
                <c:pt idx="1548">
                  <c:v>0.5118520351135657</c:v>
                </c:pt>
                <c:pt idx="1549">
                  <c:v>0.5115435950023508</c:v>
                </c:pt>
                <c:pt idx="1550">
                  <c:v>0.51130176185838538</c:v>
                </c:pt>
                <c:pt idx="1551">
                  <c:v>0.51109594195902441</c:v>
                </c:pt>
                <c:pt idx="1552">
                  <c:v>0.51088137186209504</c:v>
                </c:pt>
                <c:pt idx="1553">
                  <c:v>0.51061259870962961</c:v>
                </c:pt>
                <c:pt idx="1554">
                  <c:v>0.51021487999657666</c:v>
                </c:pt>
                <c:pt idx="1555">
                  <c:v>0.509713983134643</c:v>
                </c:pt>
                <c:pt idx="1556">
                  <c:v>0.50912455473272311</c:v>
                </c:pt>
                <c:pt idx="1557">
                  <c:v>0.50846939609022213</c:v>
                </c:pt>
                <c:pt idx="1558">
                  <c:v>0.50779617063165927</c:v>
                </c:pt>
                <c:pt idx="1559">
                  <c:v>0.50714869177502586</c:v>
                </c:pt>
                <c:pt idx="1560">
                  <c:v>0.50656088271744604</c:v>
                </c:pt>
                <c:pt idx="1561">
                  <c:v>0.50605786627903349</c:v>
                </c:pt>
                <c:pt idx="1562">
                  <c:v>0.50563918921388418</c:v>
                </c:pt>
                <c:pt idx="1563">
                  <c:v>0.50532301601687324</c:v>
                </c:pt>
                <c:pt idx="1564">
                  <c:v>0.50509885555008904</c:v>
                </c:pt>
                <c:pt idx="1565">
                  <c:v>0.5049517133550091</c:v>
                </c:pt>
                <c:pt idx="1566">
                  <c:v>0.5048688777643302</c:v>
                </c:pt>
                <c:pt idx="1567">
                  <c:v>0.50485394922985505</c:v>
                </c:pt>
                <c:pt idx="1568">
                  <c:v>0.50489802408640205</c:v>
                </c:pt>
                <c:pt idx="1569">
                  <c:v>0.50498926193759253</c:v>
                </c:pt>
                <c:pt idx="1570">
                  <c:v>0.50513572046432453</c:v>
                </c:pt>
                <c:pt idx="1571">
                  <c:v>0.50530736574722512</c:v>
                </c:pt>
                <c:pt idx="1572">
                  <c:v>0.5054897319278171</c:v>
                </c:pt>
                <c:pt idx="1573">
                  <c:v>0.5056734432372777</c:v>
                </c:pt>
                <c:pt idx="1574">
                  <c:v>0.5059123470905138</c:v>
                </c:pt>
                <c:pt idx="1575">
                  <c:v>0.50610494195971489</c:v>
                </c:pt>
                <c:pt idx="1576">
                  <c:v>0.50627997184404783</c:v>
                </c:pt>
                <c:pt idx="1577">
                  <c:v>0.50640716351987214</c:v>
                </c:pt>
                <c:pt idx="1578">
                  <c:v>0.50650649361099676</c:v>
                </c:pt>
                <c:pt idx="1579">
                  <c:v>0.50665716312541953</c:v>
                </c:pt>
                <c:pt idx="1580">
                  <c:v>0.50689620661938606</c:v>
                </c:pt>
                <c:pt idx="1581">
                  <c:v>0.50735161192000999</c:v>
                </c:pt>
                <c:pt idx="1582">
                  <c:v>0.50817303786538259</c:v>
                </c:pt>
                <c:pt idx="1583">
                  <c:v>0.50940947574285578</c:v>
                </c:pt>
                <c:pt idx="1584">
                  <c:v>0.51100160084857615</c:v>
                </c:pt>
                <c:pt idx="1585">
                  <c:v>0.51281790446825948</c:v>
                </c:pt>
                <c:pt idx="1586">
                  <c:v>0.51480580462213443</c:v>
                </c:pt>
                <c:pt idx="1587">
                  <c:v>0.51700494784974471</c:v>
                </c:pt>
                <c:pt idx="1588">
                  <c:v>0.51945813644253047</c:v>
                </c:pt>
                <c:pt idx="1589">
                  <c:v>0.52207706159245071</c:v>
                </c:pt>
                <c:pt idx="1590">
                  <c:v>0.5247730729620671</c:v>
                </c:pt>
                <c:pt idx="1591">
                  <c:v>0.52741348736098348</c:v>
                </c:pt>
                <c:pt idx="1592">
                  <c:v>0.52984062598241644</c:v>
                </c:pt>
                <c:pt idx="1593">
                  <c:v>0.53185015268994296</c:v>
                </c:pt>
                <c:pt idx="1594">
                  <c:v>0.53317140726637502</c:v>
                </c:pt>
                <c:pt idx="1595">
                  <c:v>0.53362222151162186</c:v>
                </c:pt>
                <c:pt idx="1596">
                  <c:v>0.53319856574158386</c:v>
                </c:pt>
                <c:pt idx="1597">
                  <c:v>0.53206278430235676</c:v>
                </c:pt>
                <c:pt idx="1598">
                  <c:v>0.53040726905913982</c:v>
                </c:pt>
                <c:pt idx="1599">
                  <c:v>0.52838850688945349</c:v>
                </c:pt>
                <c:pt idx="1600">
                  <c:v>0.52614559943706074</c:v>
                </c:pt>
                <c:pt idx="1601">
                  <c:v>0.52380975118723816</c:v>
                </c:pt>
                <c:pt idx="1602">
                  <c:v>0.52152894345003087</c:v>
                </c:pt>
                <c:pt idx="1603">
                  <c:v>0.51942400370954622</c:v>
                </c:pt>
                <c:pt idx="1604">
                  <c:v>0.51754390451796339</c:v>
                </c:pt>
                <c:pt idx="1605">
                  <c:v>0.51589820757081972</c:v>
                </c:pt>
                <c:pt idx="1606">
                  <c:v>0.51444847182978337</c:v>
                </c:pt>
                <c:pt idx="1607">
                  <c:v>0.51312670123330162</c:v>
                </c:pt>
                <c:pt idx="1608">
                  <c:v>0.51187756208687696</c:v>
                </c:pt>
                <c:pt idx="1609">
                  <c:v>0.51065734943780328</c:v>
                </c:pt>
                <c:pt idx="1610">
                  <c:v>0.50943621276859841</c:v>
                </c:pt>
                <c:pt idx="1611">
                  <c:v>0.50822159344577644</c:v>
                </c:pt>
                <c:pt idx="1612">
                  <c:v>0.50702735330172333</c:v>
                </c:pt>
                <c:pt idx="1613">
                  <c:v>0.50589682508518141</c:v>
                </c:pt>
                <c:pt idx="1614">
                  <c:v>0.5048519678494825</c:v>
                </c:pt>
                <c:pt idx="1615">
                  <c:v>0.50388765507560518</c:v>
                </c:pt>
                <c:pt idx="1616">
                  <c:v>0.50309706960414957</c:v>
                </c:pt>
                <c:pt idx="1617">
                  <c:v>0.50241846635757514</c:v>
                </c:pt>
                <c:pt idx="1618">
                  <c:v>0.50184179926066708</c:v>
                </c:pt>
                <c:pt idx="1619">
                  <c:v>0.50134629737107139</c:v>
                </c:pt>
                <c:pt idx="1620">
                  <c:v>0.50090246826403773</c:v>
                </c:pt>
                <c:pt idx="1621">
                  <c:v>0.50053660755984775</c:v>
                </c:pt>
                <c:pt idx="1622">
                  <c:v>0.50023576420710059</c:v>
                </c:pt>
                <c:pt idx="1623">
                  <c:v>0.49998746506488578</c:v>
                </c:pt>
                <c:pt idx="1624">
                  <c:v>0.49977249662144468</c:v>
                </c:pt>
                <c:pt idx="1625">
                  <c:v>0.4996025443645139</c:v>
                </c:pt>
                <c:pt idx="1626">
                  <c:v>0.49948039940955241</c:v>
                </c:pt>
                <c:pt idx="1627">
                  <c:v>0.49939421042655063</c:v>
                </c:pt>
                <c:pt idx="1628">
                  <c:v>0.49938105011023859</c:v>
                </c:pt>
                <c:pt idx="1629">
                  <c:v>0.49940980414210739</c:v>
                </c:pt>
                <c:pt idx="1630">
                  <c:v>0.49948610523802922</c:v>
                </c:pt>
                <c:pt idx="1631">
                  <c:v>0.49962328476058576</c:v>
                </c:pt>
                <c:pt idx="1632">
                  <c:v>0.49982182733286701</c:v>
                </c:pt>
                <c:pt idx="1633">
                  <c:v>0.5000578959705525</c:v>
                </c:pt>
                <c:pt idx="1634">
                  <c:v>0.50031081621616191</c:v>
                </c:pt>
                <c:pt idx="1635">
                  <c:v>0.50054391436167112</c:v>
                </c:pt>
                <c:pt idx="1636">
                  <c:v>0.50072946409884245</c:v>
                </c:pt>
                <c:pt idx="1637">
                  <c:v>0.50085622835967114</c:v>
                </c:pt>
                <c:pt idx="1638">
                  <c:v>0.50090756462734809</c:v>
                </c:pt>
                <c:pt idx="1639">
                  <c:v>0.50089500997793601</c:v>
                </c:pt>
                <c:pt idx="1640">
                  <c:v>0.50084538219967134</c:v>
                </c:pt>
                <c:pt idx="1641">
                  <c:v>0.50077456615297489</c:v>
                </c:pt>
                <c:pt idx="1642">
                  <c:v>0.50071192564701239</c:v>
                </c:pt>
                <c:pt idx="1643">
                  <c:v>0.50066214042286195</c:v>
                </c:pt>
                <c:pt idx="1644">
                  <c:v>0.50063221014390924</c:v>
                </c:pt>
                <c:pt idx="1645">
                  <c:v>0.50060803885715222</c:v>
                </c:pt>
                <c:pt idx="1646">
                  <c:v>0.50059419210613521</c:v>
                </c:pt>
                <c:pt idx="1647">
                  <c:v>0.50057816561870749</c:v>
                </c:pt>
                <c:pt idx="1648">
                  <c:v>0.50054960244292468</c:v>
                </c:pt>
                <c:pt idx="1649">
                  <c:v>0.50050651161380733</c:v>
                </c:pt>
                <c:pt idx="1650">
                  <c:v>0.50044152297720979</c:v>
                </c:pt>
                <c:pt idx="1651">
                  <c:v>0.50035380212022196</c:v>
                </c:pt>
                <c:pt idx="1652">
                  <c:v>0.5002362248174006</c:v>
                </c:pt>
                <c:pt idx="1653">
                  <c:v>0.50010399424742191</c:v>
                </c:pt>
                <c:pt idx="1654">
                  <c:v>0.49996362748882511</c:v>
                </c:pt>
                <c:pt idx="1655">
                  <c:v>0.49982104510969849</c:v>
                </c:pt>
                <c:pt idx="1656">
                  <c:v>0.49969419088980749</c:v>
                </c:pt>
                <c:pt idx="1657">
                  <c:v>0.49957958892518983</c:v>
                </c:pt>
                <c:pt idx="1658">
                  <c:v>0.49948479550661773</c:v>
                </c:pt>
                <c:pt idx="1659">
                  <c:v>0.49941615641069159</c:v>
                </c:pt>
                <c:pt idx="1660">
                  <c:v>0.4993646621322711</c:v>
                </c:pt>
                <c:pt idx="1661">
                  <c:v>0.49933313841906296</c:v>
                </c:pt>
                <c:pt idx="1662">
                  <c:v>0.49933071813051721</c:v>
                </c:pt>
                <c:pt idx="1663">
                  <c:v>0.49936046304720433</c:v>
                </c:pt>
                <c:pt idx="1664">
                  <c:v>0.49940018343784326</c:v>
                </c:pt>
                <c:pt idx="1665">
                  <c:v>0.49944884842285475</c:v>
                </c:pt>
                <c:pt idx="1666">
                  <c:v>0.49948655811436093</c:v>
                </c:pt>
                <c:pt idx="1667">
                  <c:v>0.49951176473198616</c:v>
                </c:pt>
                <c:pt idx="1668">
                  <c:v>0.49951111151235927</c:v>
                </c:pt>
                <c:pt idx="1669">
                  <c:v>0.49945932833943618</c:v>
                </c:pt>
                <c:pt idx="1670">
                  <c:v>0.49936679959463426</c:v>
                </c:pt>
                <c:pt idx="1671">
                  <c:v>0.49922720377961705</c:v>
                </c:pt>
                <c:pt idx="1672">
                  <c:v>0.4990377948043776</c:v>
                </c:pt>
                <c:pt idx="1673">
                  <c:v>0.49883238049875311</c:v>
                </c:pt>
                <c:pt idx="1674">
                  <c:v>0.49863189727853374</c:v>
                </c:pt>
                <c:pt idx="1675">
                  <c:v>0.49841873932779363</c:v>
                </c:pt>
                <c:pt idx="1676">
                  <c:v>0.49819410492544131</c:v>
                </c:pt>
                <c:pt idx="1677">
                  <c:v>0.49794787872457619</c:v>
                </c:pt>
                <c:pt idx="1678">
                  <c:v>0.49767244261448379</c:v>
                </c:pt>
                <c:pt idx="1679">
                  <c:v>0.49737129816293862</c:v>
                </c:pt>
                <c:pt idx="1680">
                  <c:v>0.49704624280832244</c:v>
                </c:pt>
                <c:pt idx="1681">
                  <c:v>0.49670017946308431</c:v>
                </c:pt>
                <c:pt idx="1682">
                  <c:v>0.49637566560390789</c:v>
                </c:pt>
                <c:pt idx="1683">
                  <c:v>0.49612374952883742</c:v>
                </c:pt>
                <c:pt idx="1684">
                  <c:v>0.49596498956718715</c:v>
                </c:pt>
                <c:pt idx="1685">
                  <c:v>0.49590964078502914</c:v>
                </c:pt>
                <c:pt idx="1686">
                  <c:v>0.49598013235461197</c:v>
                </c:pt>
                <c:pt idx="1687">
                  <c:v>0.49614609684286765</c:v>
                </c:pt>
                <c:pt idx="1688">
                  <c:v>0.49638308196731279</c:v>
                </c:pt>
                <c:pt idx="1689">
                  <c:v>0.49667359400439171</c:v>
                </c:pt>
                <c:pt idx="1690">
                  <c:v>0.49700324408559315</c:v>
                </c:pt>
                <c:pt idx="1691">
                  <c:v>0.49736750480969738</c:v>
                </c:pt>
                <c:pt idx="1692">
                  <c:v>0.49776218685347223</c:v>
                </c:pt>
                <c:pt idx="1693">
                  <c:v>0.49818196389772473</c:v>
                </c:pt>
                <c:pt idx="1694">
                  <c:v>0.49861411457378163</c:v>
                </c:pt>
                <c:pt idx="1695">
                  <c:v>0.49904195607673585</c:v>
                </c:pt>
                <c:pt idx="1696">
                  <c:v>0.49947700892511721</c:v>
                </c:pt>
                <c:pt idx="1697">
                  <c:v>0.49991645081813463</c:v>
                </c:pt>
                <c:pt idx="1698">
                  <c:v>0.50035126436085953</c:v>
                </c:pt>
                <c:pt idx="1699">
                  <c:v>0.500777881986052</c:v>
                </c:pt>
                <c:pt idx="1700">
                  <c:v>0.5011872331542665</c:v>
                </c:pt>
                <c:pt idx="1701">
                  <c:v>0.50156625265480825</c:v>
                </c:pt>
                <c:pt idx="1702">
                  <c:v>0.50192823319912916</c:v>
                </c:pt>
                <c:pt idx="1703">
                  <c:v>0.50225249321955101</c:v>
                </c:pt>
                <c:pt idx="1704">
                  <c:v>0.50252392854211092</c:v>
                </c:pt>
                <c:pt idx="1705">
                  <c:v>0.50274888527784622</c:v>
                </c:pt>
                <c:pt idx="1706">
                  <c:v>0.50293674928752063</c:v>
                </c:pt>
                <c:pt idx="1707">
                  <c:v>0.50307178918273898</c:v>
                </c:pt>
                <c:pt idx="1708">
                  <c:v>0.50314559229973532</c:v>
                </c:pt>
                <c:pt idx="1709">
                  <c:v>0.50316904991686484</c:v>
                </c:pt>
                <c:pt idx="1710">
                  <c:v>0.50314823233472428</c:v>
                </c:pt>
                <c:pt idx="1711">
                  <c:v>0.50308270415031475</c:v>
                </c:pt>
                <c:pt idx="1712">
                  <c:v>0.50298161550391163</c:v>
                </c:pt>
                <c:pt idx="1713">
                  <c:v>0.50285925084662997</c:v>
                </c:pt>
                <c:pt idx="1714">
                  <c:v>0.50270437478542829</c:v>
                </c:pt>
                <c:pt idx="1715">
                  <c:v>0.50252668078794882</c:v>
                </c:pt>
                <c:pt idx="1716">
                  <c:v>0.50235665683574648</c:v>
                </c:pt>
                <c:pt idx="1717">
                  <c:v>0.50219177537840809</c:v>
                </c:pt>
                <c:pt idx="1718">
                  <c:v>0.50204572260311175</c:v>
                </c:pt>
                <c:pt idx="1719">
                  <c:v>0.5019243409210048</c:v>
                </c:pt>
                <c:pt idx="1720">
                  <c:v>0.50184036132450605</c:v>
                </c:pt>
                <c:pt idx="1721">
                  <c:v>0.50180329801468493</c:v>
                </c:pt>
                <c:pt idx="1722">
                  <c:v>0.50179616977616082</c:v>
                </c:pt>
                <c:pt idx="1723">
                  <c:v>0.50180152340675666</c:v>
                </c:pt>
                <c:pt idx="1724">
                  <c:v>0.50178217582685603</c:v>
                </c:pt>
                <c:pt idx="1725">
                  <c:v>0.50174354491442297</c:v>
                </c:pt>
                <c:pt idx="1726">
                  <c:v>0.50167368410301383</c:v>
                </c:pt>
                <c:pt idx="1727">
                  <c:v>0.50154757869135191</c:v>
                </c:pt>
                <c:pt idx="1728">
                  <c:v>0.50138785714444167</c:v>
                </c:pt>
                <c:pt idx="1729">
                  <c:v>0.50120442495955964</c:v>
                </c:pt>
                <c:pt idx="1730">
                  <c:v>0.50101931553343204</c:v>
                </c:pt>
                <c:pt idx="1731">
                  <c:v>0.50082821751131235</c:v>
                </c:pt>
                <c:pt idx="1732">
                  <c:v>0.50064307687648368</c:v>
                </c:pt>
                <c:pt idx="1733">
                  <c:v>0.50047143946367934</c:v>
                </c:pt>
                <c:pt idx="1734">
                  <c:v>0.50031574336700912</c:v>
                </c:pt>
                <c:pt idx="1735">
                  <c:v>0.50019183089993635</c:v>
                </c:pt>
                <c:pt idx="1736">
                  <c:v>0.50010586996228568</c:v>
                </c:pt>
                <c:pt idx="1737">
                  <c:v>0.50006795353771916</c:v>
                </c:pt>
                <c:pt idx="1738">
                  <c:v>0.50007857488683882</c:v>
                </c:pt>
                <c:pt idx="1739">
                  <c:v>0.50014227527958244</c:v>
                </c:pt>
                <c:pt idx="1740">
                  <c:v>0.50026441726857052</c:v>
                </c:pt>
                <c:pt idx="1741">
                  <c:v>0.50044418296075777</c:v>
                </c:pt>
                <c:pt idx="1742">
                  <c:v>0.50069202059656448</c:v>
                </c:pt>
                <c:pt idx="1743">
                  <c:v>0.50098051759124185</c:v>
                </c:pt>
                <c:pt idx="1744">
                  <c:v>0.50130570627371196</c:v>
                </c:pt>
                <c:pt idx="1745">
                  <c:v>0.50164633300009331</c:v>
                </c:pt>
                <c:pt idx="1746">
                  <c:v>0.50199533549186159</c:v>
                </c:pt>
                <c:pt idx="1747">
                  <c:v>0.50232250637343345</c:v>
                </c:pt>
                <c:pt idx="1748">
                  <c:v>0.50263375452418901</c:v>
                </c:pt>
                <c:pt idx="1749">
                  <c:v>0.50291825236732157</c:v>
                </c:pt>
                <c:pt idx="1750">
                  <c:v>0.50316375578222949</c:v>
                </c:pt>
                <c:pt idx="1751">
                  <c:v>0.50337087885017595</c:v>
                </c:pt>
                <c:pt idx="1752">
                  <c:v>0.50353375352447316</c:v>
                </c:pt>
                <c:pt idx="1753">
                  <c:v>0.50365561058350394</c:v>
                </c:pt>
                <c:pt idx="1754">
                  <c:v>0.50373895108419098</c:v>
                </c:pt>
                <c:pt idx="1755">
                  <c:v>0.50378521039129709</c:v>
                </c:pt>
                <c:pt idx="1756">
                  <c:v>0.50381480025790304</c:v>
                </c:pt>
                <c:pt idx="1757">
                  <c:v>0.5038241854167822</c:v>
                </c:pt>
                <c:pt idx="1758">
                  <c:v>0.50381739494084721</c:v>
                </c:pt>
                <c:pt idx="1759">
                  <c:v>0.50379894056760544</c:v>
                </c:pt>
                <c:pt idx="1760">
                  <c:v>0.50376567166262698</c:v>
                </c:pt>
                <c:pt idx="1761">
                  <c:v>0.50371147343203737</c:v>
                </c:pt>
                <c:pt idx="1762">
                  <c:v>0.50362828905288837</c:v>
                </c:pt>
                <c:pt idx="1763">
                  <c:v>0.50351960520629935</c:v>
                </c:pt>
                <c:pt idx="1764">
                  <c:v>0.50338721660564012</c:v>
                </c:pt>
                <c:pt idx="1765">
                  <c:v>0.50321662565727787</c:v>
                </c:pt>
                <c:pt idx="1766">
                  <c:v>0.50299799670268641</c:v>
                </c:pt>
                <c:pt idx="1767">
                  <c:v>0.5027731361447606</c:v>
                </c:pt>
                <c:pt idx="1768">
                  <c:v>0.50258022531224966</c:v>
                </c:pt>
                <c:pt idx="1769">
                  <c:v>0.50243655339592286</c:v>
                </c:pt>
                <c:pt idx="1770">
                  <c:v>0.50239274841035275</c:v>
                </c:pt>
                <c:pt idx="1771">
                  <c:v>0.50245004438399143</c:v>
                </c:pt>
                <c:pt idx="1772">
                  <c:v>0.50257316812095898</c:v>
                </c:pt>
                <c:pt idx="1773">
                  <c:v>0.50273388452687451</c:v>
                </c:pt>
                <c:pt idx="1774">
                  <c:v>0.50289935320184154</c:v>
                </c:pt>
                <c:pt idx="1775">
                  <c:v>0.50304020357858303</c:v>
                </c:pt>
                <c:pt idx="1776">
                  <c:v>0.50313748850852813</c:v>
                </c:pt>
                <c:pt idx="1777">
                  <c:v>0.5032101819450514</c:v>
                </c:pt>
                <c:pt idx="1778">
                  <c:v>0.50326686490700423</c:v>
                </c:pt>
                <c:pt idx="1779">
                  <c:v>0.5033422467113241</c:v>
                </c:pt>
                <c:pt idx="1780">
                  <c:v>0.50346024667552713</c:v>
                </c:pt>
                <c:pt idx="1781">
                  <c:v>0.5036209209242396</c:v>
                </c:pt>
                <c:pt idx="1782">
                  <c:v>0.5038199748964699</c:v>
                </c:pt>
                <c:pt idx="1783">
                  <c:v>0.50404661730914013</c:v>
                </c:pt>
                <c:pt idx="1784">
                  <c:v>0.50429242238819416</c:v>
                </c:pt>
                <c:pt idx="1785">
                  <c:v>0.50453651233485286</c:v>
                </c:pt>
                <c:pt idx="1786">
                  <c:v>0.50477982693509693</c:v>
                </c:pt>
                <c:pt idx="1787">
                  <c:v>0.50501129595694538</c:v>
                </c:pt>
                <c:pt idx="1788">
                  <c:v>0.50521804099504053</c:v>
                </c:pt>
                <c:pt idx="1789">
                  <c:v>0.50540309986749621</c:v>
                </c:pt>
                <c:pt idx="1790">
                  <c:v>0.50556665148953428</c:v>
                </c:pt>
                <c:pt idx="1791">
                  <c:v>0.5057172961846943</c:v>
                </c:pt>
                <c:pt idx="1792">
                  <c:v>0.50584480096072726</c:v>
                </c:pt>
                <c:pt idx="1793">
                  <c:v>0.50596257936633371</c:v>
                </c:pt>
                <c:pt idx="1794">
                  <c:v>0.50607349531401491</c:v>
                </c:pt>
                <c:pt idx="1795">
                  <c:v>0.50616324498750276</c:v>
                </c:pt>
                <c:pt idx="1796">
                  <c:v>0.50621517753112433</c:v>
                </c:pt>
                <c:pt idx="1797">
                  <c:v>0.50621157924217197</c:v>
                </c:pt>
                <c:pt idx="1798">
                  <c:v>0.50613631851336549</c:v>
                </c:pt>
                <c:pt idx="1799">
                  <c:v>0.50598743728259121</c:v>
                </c:pt>
                <c:pt idx="1800">
                  <c:v>0.50575771725110641</c:v>
                </c:pt>
                <c:pt idx="1801">
                  <c:v>0.50547706952807803</c:v>
                </c:pt>
                <c:pt idx="1802">
                  <c:v>0.50519195563530017</c:v>
                </c:pt>
                <c:pt idx="1803">
                  <c:v>0.50493556008490414</c:v>
                </c:pt>
                <c:pt idx="1804">
                  <c:v>0.50476124482456575</c:v>
                </c:pt>
                <c:pt idx="1805">
                  <c:v>0.50467558882352681</c:v>
                </c:pt>
                <c:pt idx="1806">
                  <c:v>0.50470243969185724</c:v>
                </c:pt>
                <c:pt idx="1807">
                  <c:v>0.50481044789560614</c:v>
                </c:pt>
                <c:pt idx="1808">
                  <c:v>0.50492462692143836</c:v>
                </c:pt>
                <c:pt idx="1809">
                  <c:v>0.50499649289967463</c:v>
                </c:pt>
                <c:pt idx="1810">
                  <c:v>0.50500048359608307</c:v>
                </c:pt>
                <c:pt idx="1811">
                  <c:v>0.50489570681377094</c:v>
                </c:pt>
                <c:pt idx="1812">
                  <c:v>0.50468193472211964</c:v>
                </c:pt>
                <c:pt idx="1813">
                  <c:v>0.5044097404955491</c:v>
                </c:pt>
                <c:pt idx="1814">
                  <c:v>0.50408666280025449</c:v>
                </c:pt>
                <c:pt idx="1815">
                  <c:v>0.50375951821770448</c:v>
                </c:pt>
                <c:pt idx="1816">
                  <c:v>0.50347578541496663</c:v>
                </c:pt>
                <c:pt idx="1817">
                  <c:v>0.5032680847139166</c:v>
                </c:pt>
                <c:pt idx="1818">
                  <c:v>0.50314956035852476</c:v>
                </c:pt>
                <c:pt idx="1819">
                  <c:v>0.5031336845575638</c:v>
                </c:pt>
                <c:pt idx="1820">
                  <c:v>0.50319079212950657</c:v>
                </c:pt>
                <c:pt idx="1821">
                  <c:v>0.5032962141636248</c:v>
                </c:pt>
                <c:pt idx="1822">
                  <c:v>0.50341658688203139</c:v>
                </c:pt>
                <c:pt idx="1823">
                  <c:v>0.50354871135834334</c:v>
                </c:pt>
                <c:pt idx="1824">
                  <c:v>0.50365171538344766</c:v>
                </c:pt>
                <c:pt idx="1825">
                  <c:v>0.5037280645000467</c:v>
                </c:pt>
                <c:pt idx="1826">
                  <c:v>0.50378882609663078</c:v>
                </c:pt>
                <c:pt idx="1827">
                  <c:v>0.50383281511897482</c:v>
                </c:pt>
                <c:pt idx="1828">
                  <c:v>0.50388767629066167</c:v>
                </c:pt>
                <c:pt idx="1829">
                  <c:v>0.50396861888695887</c:v>
                </c:pt>
                <c:pt idx="1830">
                  <c:v>0.50410026568704158</c:v>
                </c:pt>
                <c:pt idx="1831">
                  <c:v>0.50425443774076495</c:v>
                </c:pt>
                <c:pt idx="1832">
                  <c:v>0.5043931341936192</c:v>
                </c:pt>
                <c:pt idx="1833">
                  <c:v>0.50445116144691837</c:v>
                </c:pt>
                <c:pt idx="1834">
                  <c:v>0.50434445882463674</c:v>
                </c:pt>
                <c:pt idx="1835">
                  <c:v>0.50402707536683511</c:v>
                </c:pt>
                <c:pt idx="1836">
                  <c:v>0.50357338194493373</c:v>
                </c:pt>
                <c:pt idx="1837">
                  <c:v>0.50313918690599924</c:v>
                </c:pt>
                <c:pt idx="1838">
                  <c:v>0.50288132433412602</c:v>
                </c:pt>
                <c:pt idx="1839">
                  <c:v>0.50287826832012228</c:v>
                </c:pt>
                <c:pt idx="1840">
                  <c:v>0.50308871214986339</c:v>
                </c:pt>
                <c:pt idx="1841">
                  <c:v>0.5033961631094821</c:v>
                </c:pt>
                <c:pt idx="1842">
                  <c:v>0.50363291448100378</c:v>
                </c:pt>
                <c:pt idx="1843">
                  <c:v>0.50369842121585062</c:v>
                </c:pt>
                <c:pt idx="1844">
                  <c:v>0.50358565425531532</c:v>
                </c:pt>
                <c:pt idx="1845">
                  <c:v>0.50337588110047626</c:v>
                </c:pt>
                <c:pt idx="1846">
                  <c:v>0.50314826469250618</c:v>
                </c:pt>
                <c:pt idx="1847">
                  <c:v>0.50295609867973823</c:v>
                </c:pt>
                <c:pt idx="1848">
                  <c:v>0.50282921776559641</c:v>
                </c:pt>
                <c:pt idx="1849">
                  <c:v>0.5027727403283837</c:v>
                </c:pt>
                <c:pt idx="1850">
                  <c:v>0.50278683719653228</c:v>
                </c:pt>
                <c:pt idx="1851">
                  <c:v>0.50284942555213741</c:v>
                </c:pt>
                <c:pt idx="1852">
                  <c:v>0.50297005360866787</c:v>
                </c:pt>
                <c:pt idx="1853">
                  <c:v>0.50311206486179105</c:v>
                </c:pt>
                <c:pt idx="1854">
                  <c:v>0.50326547941363897</c:v>
                </c:pt>
                <c:pt idx="1855">
                  <c:v>0.50343501631998278</c:v>
                </c:pt>
                <c:pt idx="1856">
                  <c:v>0.50359462399979238</c:v>
                </c:pt>
                <c:pt idx="1857">
                  <c:v>0.50373361149945939</c:v>
                </c:pt>
                <c:pt idx="1858">
                  <c:v>0.50387147860408577</c:v>
                </c:pt>
                <c:pt idx="1859">
                  <c:v>0.50400812184900823</c:v>
                </c:pt>
                <c:pt idx="1860">
                  <c:v>0.50416712514892426</c:v>
                </c:pt>
                <c:pt idx="1861">
                  <c:v>0.50436377476825045</c:v>
                </c:pt>
                <c:pt idx="1862">
                  <c:v>0.50460723426804888</c:v>
                </c:pt>
                <c:pt idx="1863">
                  <c:v>0.50491427918371168</c:v>
                </c:pt>
                <c:pt idx="1864">
                  <c:v>0.50528426866594145</c:v>
                </c:pt>
                <c:pt idx="1865">
                  <c:v>0.50570081744437834</c:v>
                </c:pt>
                <c:pt idx="1866">
                  <c:v>0.50614331920906885</c:v>
                </c:pt>
                <c:pt idx="1867">
                  <c:v>0.50657772481830554</c:v>
                </c:pt>
                <c:pt idx="1868">
                  <c:v>0.5069847102645636</c:v>
                </c:pt>
                <c:pt idx="1869">
                  <c:v>0.50734866457147965</c:v>
                </c:pt>
                <c:pt idx="1870">
                  <c:v>0.5076742400708415</c:v>
                </c:pt>
                <c:pt idx="1871">
                  <c:v>0.50794197942563601</c:v>
                </c:pt>
                <c:pt idx="1872">
                  <c:v>0.50817597743843623</c:v>
                </c:pt>
                <c:pt idx="1873">
                  <c:v>0.50836328680070875</c:v>
                </c:pt>
                <c:pt idx="1874">
                  <c:v>0.50850527592771455</c:v>
                </c:pt>
                <c:pt idx="1875">
                  <c:v>0.50859675686223715</c:v>
                </c:pt>
                <c:pt idx="1876">
                  <c:v>0.50864622339741195</c:v>
                </c:pt>
                <c:pt idx="1877">
                  <c:v>0.50864731067313806</c:v>
                </c:pt>
                <c:pt idx="1878">
                  <c:v>0.50860080976000777</c:v>
                </c:pt>
                <c:pt idx="1879">
                  <c:v>0.5085070323552775</c:v>
                </c:pt>
                <c:pt idx="1880">
                  <c:v>0.50837111150737502</c:v>
                </c:pt>
                <c:pt idx="1881">
                  <c:v>0.50821073226675217</c:v>
                </c:pt>
                <c:pt idx="1882">
                  <c:v>0.50802736647084457</c:v>
                </c:pt>
                <c:pt idx="1883">
                  <c:v>0.50782800111267101</c:v>
                </c:pt>
                <c:pt idx="1884">
                  <c:v>0.50762363038779668</c:v>
                </c:pt>
                <c:pt idx="1885">
                  <c:v>0.50741564195162026</c:v>
                </c:pt>
                <c:pt idx="1886">
                  <c:v>0.50721618577332972</c:v>
                </c:pt>
                <c:pt idx="1887">
                  <c:v>0.50702995412105145</c:v>
                </c:pt>
                <c:pt idx="1888">
                  <c:v>0.50686164740526418</c:v>
                </c:pt>
                <c:pt idx="1889">
                  <c:v>0.50670700472765895</c:v>
                </c:pt>
                <c:pt idx="1890">
                  <c:v>0.506575270379925</c:v>
                </c:pt>
                <c:pt idx="1891">
                  <c:v>0.50645918743024743</c:v>
                </c:pt>
                <c:pt idx="1892">
                  <c:v>0.50636059304171888</c:v>
                </c:pt>
                <c:pt idx="1893">
                  <c:v>0.50627230820806435</c:v>
                </c:pt>
                <c:pt idx="1894">
                  <c:v>0.50620799209676237</c:v>
                </c:pt>
                <c:pt idx="1895">
                  <c:v>0.50615623225190354</c:v>
                </c:pt>
                <c:pt idx="1896">
                  <c:v>0.50611392354880202</c:v>
                </c:pt>
                <c:pt idx="1897">
                  <c:v>0.50608164385343357</c:v>
                </c:pt>
                <c:pt idx="1898">
                  <c:v>0.50605910079447425</c:v>
                </c:pt>
                <c:pt idx="1899">
                  <c:v>0.50603641735449623</c:v>
                </c:pt>
                <c:pt idx="1900">
                  <c:v>0.5060169143149047</c:v>
                </c:pt>
                <c:pt idx="1901">
                  <c:v>0.50599621357981039</c:v>
                </c:pt>
                <c:pt idx="1902">
                  <c:v>0.5059824778905615</c:v>
                </c:pt>
                <c:pt idx="1903">
                  <c:v>0.50599893864988332</c:v>
                </c:pt>
                <c:pt idx="1904">
                  <c:v>0.50605071579346184</c:v>
                </c:pt>
                <c:pt idx="1905">
                  <c:v>0.50618003614575291</c:v>
                </c:pt>
                <c:pt idx="1906">
                  <c:v>0.50645843419524239</c:v>
                </c:pt>
                <c:pt idx="1907">
                  <c:v>0.50688237716766082</c:v>
                </c:pt>
                <c:pt idx="1908">
                  <c:v>0.50738431406251783</c:v>
                </c:pt>
                <c:pt idx="1909">
                  <c:v>0.50783150061319515</c:v>
                </c:pt>
                <c:pt idx="1910">
                  <c:v>0.50807608333354881</c:v>
                </c:pt>
                <c:pt idx="1911">
                  <c:v>0.50804930246085056</c:v>
                </c:pt>
                <c:pt idx="1912">
                  <c:v>0.50777539432916163</c:v>
                </c:pt>
                <c:pt idx="1913">
                  <c:v>0.50737190861793402</c:v>
                </c:pt>
                <c:pt idx="1914">
                  <c:v>0.50701702818118821</c:v>
                </c:pt>
                <c:pt idx="1915">
                  <c:v>0.50681204768032451</c:v>
                </c:pt>
                <c:pt idx="1916">
                  <c:v>0.50678393391312193</c:v>
                </c:pt>
                <c:pt idx="1917">
                  <c:v>0.50686900343600327</c:v>
                </c:pt>
                <c:pt idx="1918">
                  <c:v>0.50699806387198665</c:v>
                </c:pt>
                <c:pt idx="1919">
                  <c:v>0.50714804776928979</c:v>
                </c:pt>
                <c:pt idx="1920">
                  <c:v>0.50731154108424081</c:v>
                </c:pt>
                <c:pt idx="1921">
                  <c:v>0.50748747720871612</c:v>
                </c:pt>
                <c:pt idx="1922">
                  <c:v>0.50767704807116154</c:v>
                </c:pt>
                <c:pt idx="1923">
                  <c:v>0.50788773938837717</c:v>
                </c:pt>
                <c:pt idx="1924">
                  <c:v>0.50811520421377232</c:v>
                </c:pt>
                <c:pt idx="1925">
                  <c:v>0.5083633737069404</c:v>
                </c:pt>
                <c:pt idx="1926">
                  <c:v>0.50864236053144174</c:v>
                </c:pt>
                <c:pt idx="1927">
                  <c:v>0.50892120259938045</c:v>
                </c:pt>
                <c:pt idx="1928">
                  <c:v>0.50920485774948832</c:v>
                </c:pt>
                <c:pt idx="1929">
                  <c:v>0.50947734091394914</c:v>
                </c:pt>
                <c:pt idx="1930">
                  <c:v>0.50972319691927048</c:v>
                </c:pt>
                <c:pt idx="1931">
                  <c:v>0.50994068461756714</c:v>
                </c:pt>
                <c:pt idx="1932">
                  <c:v>0.51012367602459907</c:v>
                </c:pt>
                <c:pt idx="1933">
                  <c:v>0.51024648856764088</c:v>
                </c:pt>
                <c:pt idx="1934">
                  <c:v>0.51030860423293078</c:v>
                </c:pt>
                <c:pt idx="1935">
                  <c:v>0.51029798212775301</c:v>
                </c:pt>
                <c:pt idx="1936">
                  <c:v>0.51022020288070213</c:v>
                </c:pt>
                <c:pt idx="1937">
                  <c:v>0.51005985745964433</c:v>
                </c:pt>
                <c:pt idx="1938">
                  <c:v>0.50982676367856672</c:v>
                </c:pt>
                <c:pt idx="1939">
                  <c:v>0.50952860674149436</c:v>
                </c:pt>
                <c:pt idx="1940">
                  <c:v>0.50916479069196674</c:v>
                </c:pt>
                <c:pt idx="1941">
                  <c:v>0.50875106432658967</c:v>
                </c:pt>
                <c:pt idx="1942">
                  <c:v>0.5083061631450666</c:v>
                </c:pt>
                <c:pt idx="1943">
                  <c:v>0.50784082820527532</c:v>
                </c:pt>
                <c:pt idx="1944">
                  <c:v>0.50736346349833472</c:v>
                </c:pt>
                <c:pt idx="1945">
                  <c:v>0.50689672565288235</c:v>
                </c:pt>
                <c:pt idx="1946">
                  <c:v>0.506446649125188</c:v>
                </c:pt>
                <c:pt idx="1947">
                  <c:v>0.50601935936404574</c:v>
                </c:pt>
                <c:pt idx="1948">
                  <c:v>0.50562540486090424</c:v>
                </c:pt>
                <c:pt idx="1949">
                  <c:v>0.50527417203950598</c:v>
                </c:pt>
                <c:pt idx="1950">
                  <c:v>0.50496136010524084</c:v>
                </c:pt>
                <c:pt idx="1951">
                  <c:v>0.50470592179561025</c:v>
                </c:pt>
                <c:pt idx="1952">
                  <c:v>0.50450461982570305</c:v>
                </c:pt>
                <c:pt idx="1953">
                  <c:v>0.50435881537622085</c:v>
                </c:pt>
                <c:pt idx="1954">
                  <c:v>0.50427283542476786</c:v>
                </c:pt>
                <c:pt idx="1955">
                  <c:v>0.50422868883871297</c:v>
                </c:pt>
                <c:pt idx="1956">
                  <c:v>0.50425471164492308</c:v>
                </c:pt>
                <c:pt idx="1957">
                  <c:v>0.5043228467654346</c:v>
                </c:pt>
                <c:pt idx="1958">
                  <c:v>0.50444447677253856</c:v>
                </c:pt>
                <c:pt idx="1959">
                  <c:v>0.50462299787777121</c:v>
                </c:pt>
                <c:pt idx="1960">
                  <c:v>0.50484502086307226</c:v>
                </c:pt>
                <c:pt idx="1961">
                  <c:v>0.50510349886114714</c:v>
                </c:pt>
                <c:pt idx="1962">
                  <c:v>0.50540191321748473</c:v>
                </c:pt>
                <c:pt idx="1963">
                  <c:v>0.5057289493290299</c:v>
                </c:pt>
                <c:pt idx="1964">
                  <c:v>0.50607142989214604</c:v>
                </c:pt>
                <c:pt idx="1965">
                  <c:v>0.5064301004864743</c:v>
                </c:pt>
                <c:pt idx="1966">
                  <c:v>0.50678480119008584</c:v>
                </c:pt>
                <c:pt idx="1967">
                  <c:v>0.50712047639388036</c:v>
                </c:pt>
                <c:pt idx="1968">
                  <c:v>0.5074396302523877</c:v>
                </c:pt>
                <c:pt idx="1969">
                  <c:v>0.50772881619482757</c:v>
                </c:pt>
                <c:pt idx="1970">
                  <c:v>0.50799069299626431</c:v>
                </c:pt>
                <c:pt idx="1971">
                  <c:v>0.50821688219816585</c:v>
                </c:pt>
                <c:pt idx="1972">
                  <c:v>0.50838554697890348</c:v>
                </c:pt>
                <c:pt idx="1973">
                  <c:v>0.50849634444126279</c:v>
                </c:pt>
                <c:pt idx="1974">
                  <c:v>0.50857213819631875</c:v>
                </c:pt>
                <c:pt idx="1975">
                  <c:v>0.50859767440280435</c:v>
                </c:pt>
                <c:pt idx="1976">
                  <c:v>0.50857294060001967</c:v>
                </c:pt>
                <c:pt idx="1977">
                  <c:v>0.5085130940077397</c:v>
                </c:pt>
                <c:pt idx="1978">
                  <c:v>0.50842502062113037</c:v>
                </c:pt>
                <c:pt idx="1979">
                  <c:v>0.50830137561346012</c:v>
                </c:pt>
                <c:pt idx="1980">
                  <c:v>0.50814860925250926</c:v>
                </c:pt>
                <c:pt idx="1981">
                  <c:v>0.50797626756029735</c:v>
                </c:pt>
                <c:pt idx="1982">
                  <c:v>0.50778601811346968</c:v>
                </c:pt>
                <c:pt idx="1983">
                  <c:v>0.50758898163966537</c:v>
                </c:pt>
                <c:pt idx="1984">
                  <c:v>0.50739236831325096</c:v>
                </c:pt>
                <c:pt idx="1985">
                  <c:v>0.50721141390625291</c:v>
                </c:pt>
                <c:pt idx="1986">
                  <c:v>0.50705109434870532</c:v>
                </c:pt>
                <c:pt idx="1987">
                  <c:v>0.50691049944735977</c:v>
                </c:pt>
                <c:pt idx="1988">
                  <c:v>0.50679388764597155</c:v>
                </c:pt>
                <c:pt idx="1989">
                  <c:v>0.50670812373935759</c:v>
                </c:pt>
                <c:pt idx="1990">
                  <c:v>0.5066525064303441</c:v>
                </c:pt>
                <c:pt idx="1991">
                  <c:v>0.50663544214744449</c:v>
                </c:pt>
                <c:pt idx="1992">
                  <c:v>0.50663446756873876</c:v>
                </c:pt>
                <c:pt idx="1993">
                  <c:v>0.50665823409683064</c:v>
                </c:pt>
                <c:pt idx="1994">
                  <c:v>0.50670088124479562</c:v>
                </c:pt>
                <c:pt idx="1995">
                  <c:v>0.50675623115699608</c:v>
                </c:pt>
                <c:pt idx="1996">
                  <c:v>0.506823230317623</c:v>
                </c:pt>
                <c:pt idx="1997">
                  <c:v>0.50687288901231387</c:v>
                </c:pt>
                <c:pt idx="1998">
                  <c:v>0.50692690137420238</c:v>
                </c:pt>
                <c:pt idx="1999">
                  <c:v>0.50696095374915473</c:v>
                </c:pt>
                <c:pt idx="2000">
                  <c:v>0.50697370278139853</c:v>
                </c:pt>
                <c:pt idx="2001">
                  <c:v>0.50696257379456244</c:v>
                </c:pt>
                <c:pt idx="2002">
                  <c:v>0.50692871387246319</c:v>
                </c:pt>
                <c:pt idx="2003">
                  <c:v>0.50686691829926445</c:v>
                </c:pt>
                <c:pt idx="2004">
                  <c:v>0.50678306379103288</c:v>
                </c:pt>
                <c:pt idx="2005">
                  <c:v>0.50668835086800967</c:v>
                </c:pt>
                <c:pt idx="2006">
                  <c:v>0.50658682101478147</c:v>
                </c:pt>
                <c:pt idx="2007">
                  <c:v>0.50647973284292269</c:v>
                </c:pt>
                <c:pt idx="2008">
                  <c:v>0.50638028424850001</c:v>
                </c:pt>
                <c:pt idx="2009">
                  <c:v>0.50629295928583995</c:v>
                </c:pt>
                <c:pt idx="2010">
                  <c:v>0.5062318217438142</c:v>
                </c:pt>
                <c:pt idx="2011">
                  <c:v>0.50620643446842994</c:v>
                </c:pt>
                <c:pt idx="2012">
                  <c:v>0.50623228944494691</c:v>
                </c:pt>
                <c:pt idx="2013">
                  <c:v>0.50631514245200726</c:v>
                </c:pt>
                <c:pt idx="2014">
                  <c:v>0.50645965026149353</c:v>
                </c:pt>
                <c:pt idx="2015">
                  <c:v>0.50664402398502506</c:v>
                </c:pt>
                <c:pt idx="2016">
                  <c:v>0.50684643799272444</c:v>
                </c:pt>
                <c:pt idx="2017">
                  <c:v>0.50704631153337165</c:v>
                </c:pt>
                <c:pt idx="2018">
                  <c:v>0.50721097129647563</c:v>
                </c:pt>
                <c:pt idx="2019">
                  <c:v>0.50735161716004074</c:v>
                </c:pt>
                <c:pt idx="2020">
                  <c:v>0.50748846082694454</c:v>
                </c:pt>
                <c:pt idx="2021">
                  <c:v>0.50764252813153121</c:v>
                </c:pt>
                <c:pt idx="2022">
                  <c:v>0.50784174897827061</c:v>
                </c:pt>
                <c:pt idx="2023">
                  <c:v>0.50810498789516556</c:v>
                </c:pt>
                <c:pt idx="2024">
                  <c:v>0.50842059055227529</c:v>
                </c:pt>
                <c:pt idx="2025">
                  <c:v>0.50878559581831007</c:v>
                </c:pt>
                <c:pt idx="2026">
                  <c:v>0.50914917463245501</c:v>
                </c:pt>
                <c:pt idx="2027">
                  <c:v>0.50946783217434322</c:v>
                </c:pt>
                <c:pt idx="2028">
                  <c:v>0.50971232066484218</c:v>
                </c:pt>
                <c:pt idx="2029">
                  <c:v>0.50984686661138279</c:v>
                </c:pt>
                <c:pt idx="2030">
                  <c:v>0.50985387475409061</c:v>
                </c:pt>
                <c:pt idx="2031">
                  <c:v>0.50973637350059531</c:v>
                </c:pt>
                <c:pt idx="2032">
                  <c:v>0.50951799949927601</c:v>
                </c:pt>
                <c:pt idx="2033">
                  <c:v>0.50925638551320018</c:v>
                </c:pt>
                <c:pt idx="2034">
                  <c:v>0.5090275083103778</c:v>
                </c:pt>
                <c:pt idx="2035">
                  <c:v>0.5089382538046735</c:v>
                </c:pt>
                <c:pt idx="2036">
                  <c:v>0.50905388512792971</c:v>
                </c:pt>
                <c:pt idx="2037">
                  <c:v>0.50936876614628379</c:v>
                </c:pt>
                <c:pt idx="2038">
                  <c:v>0.50976727785827325</c:v>
                </c:pt>
                <c:pt idx="2039">
                  <c:v>0.51008373208696267</c:v>
                </c:pt>
                <c:pt idx="2040">
                  <c:v>0.51019152433902126</c:v>
                </c:pt>
                <c:pt idx="2041">
                  <c:v>0.51005060905469868</c:v>
                </c:pt>
                <c:pt idx="2042">
                  <c:v>0.50971746697472298</c:v>
                </c:pt>
                <c:pt idx="2043">
                  <c:v>0.50930945699828634</c:v>
                </c:pt>
                <c:pt idx="2044">
                  <c:v>0.50896769811151232</c:v>
                </c:pt>
                <c:pt idx="2045">
                  <c:v>0.50874258735744182</c:v>
                </c:pt>
                <c:pt idx="2046">
                  <c:v>0.50859738812537547</c:v>
                </c:pt>
                <c:pt idx="2047">
                  <c:v>0.50846210633569844</c:v>
                </c:pt>
                <c:pt idx="2048">
                  <c:v>0.50833524772580074</c:v>
                </c:pt>
                <c:pt idx="2049">
                  <c:v>0.50822720179023573</c:v>
                </c:pt>
                <c:pt idx="2050">
                  <c:v>0.50811759413105773</c:v>
                </c:pt>
                <c:pt idx="2051">
                  <c:v>0.5079977439727299</c:v>
                </c:pt>
                <c:pt idx="2052">
                  <c:v>0.50786522882365448</c:v>
                </c:pt>
                <c:pt idx="2053">
                  <c:v>0.50770290347665337</c:v>
                </c:pt>
                <c:pt idx="2054">
                  <c:v>0.50752810826120742</c:v>
                </c:pt>
                <c:pt idx="2055">
                  <c:v>0.50735120521339017</c:v>
                </c:pt>
                <c:pt idx="2056">
                  <c:v>0.50719528549381421</c:v>
                </c:pt>
                <c:pt idx="2057">
                  <c:v>0.50708656471125968</c:v>
                </c:pt>
                <c:pt idx="2058">
                  <c:v>0.50703428587212518</c:v>
                </c:pt>
                <c:pt idx="2059">
                  <c:v>0.50703869963829939</c:v>
                </c:pt>
                <c:pt idx="2060">
                  <c:v>0.50710036143505899</c:v>
                </c:pt>
                <c:pt idx="2061">
                  <c:v>0.50720563636755178</c:v>
                </c:pt>
                <c:pt idx="2062">
                  <c:v>0.50732661198690965</c:v>
                </c:pt>
                <c:pt idx="2063">
                  <c:v>0.50744027694636651</c:v>
                </c:pt>
                <c:pt idx="2064">
                  <c:v>0.50753814934723973</c:v>
                </c:pt>
                <c:pt idx="2065">
                  <c:v>0.50761444471532513</c:v>
                </c:pt>
                <c:pt idx="2066">
                  <c:v>0.50766467459542219</c:v>
                </c:pt>
                <c:pt idx="2067">
                  <c:v>0.5077054138255811</c:v>
                </c:pt>
                <c:pt idx="2068">
                  <c:v>0.50773971762313796</c:v>
                </c:pt>
                <c:pt idx="2069">
                  <c:v>0.50778398812819692</c:v>
                </c:pt>
                <c:pt idx="2070">
                  <c:v>0.50783928324028238</c:v>
                </c:pt>
                <c:pt idx="2071">
                  <c:v>0.50790769195282159</c:v>
                </c:pt>
                <c:pt idx="2072">
                  <c:v>0.50798510422940302</c:v>
                </c:pt>
                <c:pt idx="2073">
                  <c:v>0.50807594866075645</c:v>
                </c:pt>
                <c:pt idx="2074">
                  <c:v>0.50817881201477344</c:v>
                </c:pt>
                <c:pt idx="2075">
                  <c:v>0.50829139706053073</c:v>
                </c:pt>
                <c:pt idx="2076">
                  <c:v>0.50841505535416687</c:v>
                </c:pt>
                <c:pt idx="2077">
                  <c:v>0.5085372329734843</c:v>
                </c:pt>
                <c:pt idx="2078">
                  <c:v>0.50865591820590728</c:v>
                </c:pt>
                <c:pt idx="2079">
                  <c:v>0.50876333609768853</c:v>
                </c:pt>
                <c:pt idx="2080">
                  <c:v>0.50884723447166891</c:v>
                </c:pt>
                <c:pt idx="2081">
                  <c:v>0.50891619307938529</c:v>
                </c:pt>
                <c:pt idx="2082">
                  <c:v>0.50896072012778348</c:v>
                </c:pt>
                <c:pt idx="2083">
                  <c:v>0.50899353475568421</c:v>
                </c:pt>
                <c:pt idx="2084">
                  <c:v>0.50903202275246984</c:v>
                </c:pt>
                <c:pt idx="2085">
                  <c:v>0.50909617140749108</c:v>
                </c:pt>
                <c:pt idx="2086">
                  <c:v>0.50920154250063421</c:v>
                </c:pt>
                <c:pt idx="2087">
                  <c:v>0.50935813651566042</c:v>
                </c:pt>
                <c:pt idx="2088">
                  <c:v>0.50957236009891249</c:v>
                </c:pt>
                <c:pt idx="2089">
                  <c:v>0.50980437210331375</c:v>
                </c:pt>
                <c:pt idx="2090">
                  <c:v>0.51003553740929031</c:v>
                </c:pt>
                <c:pt idx="2091">
                  <c:v>0.51026629927457601</c:v>
                </c:pt>
                <c:pt idx="2092">
                  <c:v>0.51048134963547487</c:v>
                </c:pt>
                <c:pt idx="2093">
                  <c:v>0.51068210044861007</c:v>
                </c:pt>
                <c:pt idx="2094">
                  <c:v>0.51088867862853815</c:v>
                </c:pt>
                <c:pt idx="2095">
                  <c:v>0.51108948782311614</c:v>
                </c:pt>
                <c:pt idx="2096">
                  <c:v>0.51126162200586389</c:v>
                </c:pt>
                <c:pt idx="2097">
                  <c:v>0.51139882731904585</c:v>
                </c:pt>
                <c:pt idx="2098">
                  <c:v>0.51147874631746992</c:v>
                </c:pt>
                <c:pt idx="2099">
                  <c:v>0.51148971285273259</c:v>
                </c:pt>
                <c:pt idx="2100">
                  <c:v>0.51144141319468572</c:v>
                </c:pt>
                <c:pt idx="2101">
                  <c:v>0.51133715632506405</c:v>
                </c:pt>
                <c:pt idx="2102">
                  <c:v>0.51119660408425216</c:v>
                </c:pt>
                <c:pt idx="2103">
                  <c:v>0.51103825133745495</c:v>
                </c:pt>
                <c:pt idx="2104">
                  <c:v>0.51087268330617863</c:v>
                </c:pt>
                <c:pt idx="2105">
                  <c:v>0.51068400096271771</c:v>
                </c:pt>
                <c:pt idx="2106">
                  <c:v>0.51049095225930441</c:v>
                </c:pt>
                <c:pt idx="2107">
                  <c:v>0.51028977311676249</c:v>
                </c:pt>
                <c:pt idx="2108">
                  <c:v>0.51008464903922146</c:v>
                </c:pt>
                <c:pt idx="2109">
                  <c:v>0.50987648577656663</c:v>
                </c:pt>
                <c:pt idx="2110">
                  <c:v>0.5096623964420347</c:v>
                </c:pt>
                <c:pt idx="2111">
                  <c:v>0.50944778395421308</c:v>
                </c:pt>
                <c:pt idx="2112">
                  <c:v>0.50922623985280779</c:v>
                </c:pt>
                <c:pt idx="2113">
                  <c:v>0.5090049237781239</c:v>
                </c:pt>
                <c:pt idx="2114">
                  <c:v>0.5087706821500626</c:v>
                </c:pt>
                <c:pt idx="2115">
                  <c:v>0.50853497416318827</c:v>
                </c:pt>
                <c:pt idx="2116">
                  <c:v>0.50829493598916031</c:v>
                </c:pt>
                <c:pt idx="2117">
                  <c:v>0.50804986316456124</c:v>
                </c:pt>
                <c:pt idx="2118">
                  <c:v>0.50781730238522016</c:v>
                </c:pt>
                <c:pt idx="2119">
                  <c:v>0.50759459670554863</c:v>
                </c:pt>
                <c:pt idx="2120">
                  <c:v>0.50738665227729562</c:v>
                </c:pt>
                <c:pt idx="2121">
                  <c:v>0.50719505063045855</c:v>
                </c:pt>
                <c:pt idx="2122">
                  <c:v>0.5070199401331601</c:v>
                </c:pt>
                <c:pt idx="2123">
                  <c:v>0.50687334979755383</c:v>
                </c:pt>
                <c:pt idx="2124">
                  <c:v>0.50674973455338868</c:v>
                </c:pt>
                <c:pt idx="2125">
                  <c:v>0.5066580313575676</c:v>
                </c:pt>
                <c:pt idx="2126">
                  <c:v>0.50658999208394206</c:v>
                </c:pt>
                <c:pt idx="2127">
                  <c:v>0.5065433700193086</c:v>
                </c:pt>
                <c:pt idx="2128">
                  <c:v>0.50652104900511752</c:v>
                </c:pt>
                <c:pt idx="2129">
                  <c:v>0.50650531901967433</c:v>
                </c:pt>
                <c:pt idx="2130">
                  <c:v>0.50651459699365642</c:v>
                </c:pt>
                <c:pt idx="2131">
                  <c:v>0.50652647502706827</c:v>
                </c:pt>
                <c:pt idx="2132">
                  <c:v>0.50654453952584844</c:v>
                </c:pt>
                <c:pt idx="2133">
                  <c:v>0.50656714907428502</c:v>
                </c:pt>
                <c:pt idx="2134">
                  <c:v>0.50659566142373125</c:v>
                </c:pt>
                <c:pt idx="2135">
                  <c:v>0.50661904998080254</c:v>
                </c:pt>
                <c:pt idx="2136">
                  <c:v>0.50663752796564054</c:v>
                </c:pt>
                <c:pt idx="2137">
                  <c:v>0.50665560187408765</c:v>
                </c:pt>
                <c:pt idx="2138">
                  <c:v>0.50666974269214582</c:v>
                </c:pt>
                <c:pt idx="2139">
                  <c:v>0.5066807601879938</c:v>
                </c:pt>
                <c:pt idx="2140">
                  <c:v>0.50668633783173989</c:v>
                </c:pt>
                <c:pt idx="2141">
                  <c:v>0.50668739013988251</c:v>
                </c:pt>
                <c:pt idx="2142">
                  <c:v>0.50667081401409075</c:v>
                </c:pt>
                <c:pt idx="2143">
                  <c:v>0.50664998310676368</c:v>
                </c:pt>
                <c:pt idx="2144">
                  <c:v>0.50662039341501608</c:v>
                </c:pt>
                <c:pt idx="2145">
                  <c:v>0.50657896845089301</c:v>
                </c:pt>
                <c:pt idx="2146">
                  <c:v>0.50653860504851422</c:v>
                </c:pt>
                <c:pt idx="2147">
                  <c:v>0.5064861414315005</c:v>
                </c:pt>
                <c:pt idx="2148">
                  <c:v>0.50642353073161361</c:v>
                </c:pt>
                <c:pt idx="2149">
                  <c:v>0.50634444485639651</c:v>
                </c:pt>
                <c:pt idx="2150">
                  <c:v>0.50625882134959432</c:v>
                </c:pt>
                <c:pt idx="2151">
                  <c:v>0.50616591960113799</c:v>
                </c:pt>
                <c:pt idx="2152">
                  <c:v>0.50606602888392671</c:v>
                </c:pt>
                <c:pt idx="2153">
                  <c:v>0.50596188213911031</c:v>
                </c:pt>
                <c:pt idx="2154">
                  <c:v>0.50584712884987471</c:v>
                </c:pt>
                <c:pt idx="2155">
                  <c:v>0.50573258305457824</c:v>
                </c:pt>
                <c:pt idx="2156">
                  <c:v>0.50561363660258096</c:v>
                </c:pt>
                <c:pt idx="2157">
                  <c:v>0.5054976904297156</c:v>
                </c:pt>
                <c:pt idx="2158">
                  <c:v>0.50538521272410353</c:v>
                </c:pt>
                <c:pt idx="2159">
                  <c:v>0.50527722647569917</c:v>
                </c:pt>
                <c:pt idx="2160">
                  <c:v>0.50519176396113863</c:v>
                </c:pt>
                <c:pt idx="2161">
                  <c:v>0.5051244925918259</c:v>
                </c:pt>
                <c:pt idx="2162">
                  <c:v>0.50508540539389546</c:v>
                </c:pt>
                <c:pt idx="2163">
                  <c:v>0.505071589228136</c:v>
                </c:pt>
                <c:pt idx="2164">
                  <c:v>0.50508556761341383</c:v>
                </c:pt>
                <c:pt idx="2165">
                  <c:v>0.50513428576222585</c:v>
                </c:pt>
                <c:pt idx="2166">
                  <c:v>0.50519874576070145</c:v>
                </c:pt>
                <c:pt idx="2167">
                  <c:v>0.50528137196831735</c:v>
                </c:pt>
                <c:pt idx="2168">
                  <c:v>0.50537561189052926</c:v>
                </c:pt>
                <c:pt idx="2169">
                  <c:v>0.5054643328282501</c:v>
                </c:pt>
                <c:pt idx="2170">
                  <c:v>0.50555833627007518</c:v>
                </c:pt>
                <c:pt idx="2171">
                  <c:v>0.50563721607391543</c:v>
                </c:pt>
                <c:pt idx="2172">
                  <c:v>0.50571020782449505</c:v>
                </c:pt>
                <c:pt idx="2173">
                  <c:v>0.50575353213427987</c:v>
                </c:pt>
                <c:pt idx="2174">
                  <c:v>0.50578042554875058</c:v>
                </c:pt>
                <c:pt idx="2175">
                  <c:v>0.50577711353395871</c:v>
                </c:pt>
                <c:pt idx="2176">
                  <c:v>0.50575456036426492</c:v>
                </c:pt>
                <c:pt idx="2177">
                  <c:v>0.50572467159937973</c:v>
                </c:pt>
                <c:pt idx="2178">
                  <c:v>0.5056809726882745</c:v>
                </c:pt>
                <c:pt idx="2179">
                  <c:v>0.50562900186374893</c:v>
                </c:pt>
                <c:pt idx="2180">
                  <c:v>0.50559030672274075</c:v>
                </c:pt>
                <c:pt idx="2181">
                  <c:v>0.50555791647195802</c:v>
                </c:pt>
                <c:pt idx="2182">
                  <c:v>0.50553520868091284</c:v>
                </c:pt>
                <c:pt idx="2183">
                  <c:v>0.5055450731322354</c:v>
                </c:pt>
                <c:pt idx="2184">
                  <c:v>0.50556407081323373</c:v>
                </c:pt>
                <c:pt idx="2185">
                  <c:v>0.50560474318540571</c:v>
                </c:pt>
                <c:pt idx="2186">
                  <c:v>0.50565389735902577</c:v>
                </c:pt>
                <c:pt idx="2187">
                  <c:v>0.50570767887031243</c:v>
                </c:pt>
                <c:pt idx="2188">
                  <c:v>0.50575461105357467</c:v>
                </c:pt>
                <c:pt idx="2189">
                  <c:v>0.50579258307688502</c:v>
                </c:pt>
                <c:pt idx="2190">
                  <c:v>0.50582246085510985</c:v>
                </c:pt>
                <c:pt idx="2191">
                  <c:v>0.50583280695619504</c:v>
                </c:pt>
                <c:pt idx="2192">
                  <c:v>0.50581703087841901</c:v>
                </c:pt>
                <c:pt idx="2193">
                  <c:v>0.50577697537462163</c:v>
                </c:pt>
                <c:pt idx="2194">
                  <c:v>0.50571761076547916</c:v>
                </c:pt>
                <c:pt idx="2195">
                  <c:v>0.50564152661074979</c:v>
                </c:pt>
                <c:pt idx="2196">
                  <c:v>0.50556067150409012</c:v>
                </c:pt>
                <c:pt idx="2197">
                  <c:v>0.50548676030584339</c:v>
                </c:pt>
                <c:pt idx="2198">
                  <c:v>0.50542274474825521</c:v>
                </c:pt>
                <c:pt idx="2199">
                  <c:v>0.50538027920293793</c:v>
                </c:pt>
                <c:pt idx="2200">
                  <c:v>0.50536523913988829</c:v>
                </c:pt>
                <c:pt idx="2201">
                  <c:v>0.50537602307809848</c:v>
                </c:pt>
                <c:pt idx="2202">
                  <c:v>0.50540429000486942</c:v>
                </c:pt>
                <c:pt idx="2203">
                  <c:v>0.50543133558613795</c:v>
                </c:pt>
                <c:pt idx="2204">
                  <c:v>0.50544822411107093</c:v>
                </c:pt>
                <c:pt idx="2205">
                  <c:v>0.50545474237750287</c:v>
                </c:pt>
                <c:pt idx="2206">
                  <c:v>0.50543201463789866</c:v>
                </c:pt>
                <c:pt idx="2207">
                  <c:v>0.50539702648971963</c:v>
                </c:pt>
                <c:pt idx="2208">
                  <c:v>0.50535183889431279</c:v>
                </c:pt>
                <c:pt idx="2209">
                  <c:v>0.50530844655727802</c:v>
                </c:pt>
                <c:pt idx="2210">
                  <c:v>0.50527976250102247</c:v>
                </c:pt>
                <c:pt idx="2211">
                  <c:v>0.5052660640982729</c:v>
                </c:pt>
                <c:pt idx="2212">
                  <c:v>0.50528352532759191</c:v>
                </c:pt>
                <c:pt idx="2213">
                  <c:v>0.5053175693444788</c:v>
                </c:pt>
                <c:pt idx="2214">
                  <c:v>0.50538563065189002</c:v>
                </c:pt>
                <c:pt idx="2215">
                  <c:v>0.50546912146865453</c:v>
                </c:pt>
                <c:pt idx="2216">
                  <c:v>0.50558927149923905</c:v>
                </c:pt>
                <c:pt idx="2217">
                  <c:v>0.50573706769312765</c:v>
                </c:pt>
                <c:pt idx="2218">
                  <c:v>0.50590249962659772</c:v>
                </c:pt>
                <c:pt idx="2219">
                  <c:v>0.5060892820671381</c:v>
                </c:pt>
                <c:pt idx="2220">
                  <c:v>0.50628368976634064</c:v>
                </c:pt>
                <c:pt idx="2221">
                  <c:v>0.50647120637006993</c:v>
                </c:pt>
                <c:pt idx="2222">
                  <c:v>0.50665458165081712</c:v>
                </c:pt>
                <c:pt idx="2223">
                  <c:v>0.50681866904045858</c:v>
                </c:pt>
                <c:pt idx="2224">
                  <c:v>0.50694281607951097</c:v>
                </c:pt>
                <c:pt idx="2225">
                  <c:v>0.50702603782360045</c:v>
                </c:pt>
                <c:pt idx="2226">
                  <c:v>0.50706150871154698</c:v>
                </c:pt>
                <c:pt idx="2227">
                  <c:v>0.50704884975994913</c:v>
                </c:pt>
                <c:pt idx="2228">
                  <c:v>0.50698091808058532</c:v>
                </c:pt>
                <c:pt idx="2229">
                  <c:v>0.50687191961480793</c:v>
                </c:pt>
                <c:pt idx="2230">
                  <c:v>0.50671518463208898</c:v>
                </c:pt>
                <c:pt idx="2231">
                  <c:v>0.50652354509491926</c:v>
                </c:pt>
                <c:pt idx="2232">
                  <c:v>0.50632364235211125</c:v>
                </c:pt>
                <c:pt idx="2233">
                  <c:v>0.50611889887663686</c:v>
                </c:pt>
                <c:pt idx="2234">
                  <c:v>0.50591715131618964</c:v>
                </c:pt>
                <c:pt idx="2235">
                  <c:v>0.50571686553637174</c:v>
                </c:pt>
                <c:pt idx="2236">
                  <c:v>0.50551002776860832</c:v>
                </c:pt>
                <c:pt idx="2237">
                  <c:v>0.50527026721570389</c:v>
                </c:pt>
                <c:pt idx="2238">
                  <c:v>0.50498735647515713</c:v>
                </c:pt>
                <c:pt idx="2239">
                  <c:v>0.5046718997920816</c:v>
                </c:pt>
                <c:pt idx="2240">
                  <c:v>0.50431494707722213</c:v>
                </c:pt>
                <c:pt idx="2241">
                  <c:v>0.50394033758258316</c:v>
                </c:pt>
                <c:pt idx="2242">
                  <c:v>0.50355833173111209</c:v>
                </c:pt>
                <c:pt idx="2243">
                  <c:v>0.50321515230494818</c:v>
                </c:pt>
                <c:pt idx="2244">
                  <c:v>0.50292264162636335</c:v>
                </c:pt>
                <c:pt idx="2245">
                  <c:v>0.50267191074115547</c:v>
                </c:pt>
                <c:pt idx="2246">
                  <c:v>0.50245966559428246</c:v>
                </c:pt>
                <c:pt idx="2247">
                  <c:v>0.50229446758941132</c:v>
                </c:pt>
                <c:pt idx="2248">
                  <c:v>0.50215822473823224</c:v>
                </c:pt>
                <c:pt idx="2249">
                  <c:v>0.50204108133724257</c:v>
                </c:pt>
                <c:pt idx="2250">
                  <c:v>0.50194698189246645</c:v>
                </c:pt>
                <c:pt idx="2251">
                  <c:v>0.50187653440843105</c:v>
                </c:pt>
                <c:pt idx="2252">
                  <c:v>0.50182712325922851</c:v>
                </c:pt>
                <c:pt idx="2253">
                  <c:v>0.5017934662724951</c:v>
                </c:pt>
                <c:pt idx="2254">
                  <c:v>0.50178768548093844</c:v>
                </c:pt>
                <c:pt idx="2255">
                  <c:v>0.50180097875487861</c:v>
                </c:pt>
                <c:pt idx="2256">
                  <c:v>0.5018326963444012</c:v>
                </c:pt>
                <c:pt idx="2257">
                  <c:v>0.50188499174196743</c:v>
                </c:pt>
                <c:pt idx="2258">
                  <c:v>0.50195726169936028</c:v>
                </c:pt>
                <c:pt idx="2259">
                  <c:v>0.5020454231009992</c:v>
                </c:pt>
                <c:pt idx="2260">
                  <c:v>0.50215542145173375</c:v>
                </c:pt>
                <c:pt idx="2261">
                  <c:v>0.5022781629508104</c:v>
                </c:pt>
                <c:pt idx="2262">
                  <c:v>0.50240875056607837</c:v>
                </c:pt>
                <c:pt idx="2263">
                  <c:v>0.50254902656257183</c:v>
                </c:pt>
                <c:pt idx="2264">
                  <c:v>0.50270516906802121</c:v>
                </c:pt>
                <c:pt idx="2265">
                  <c:v>0.50287775569510262</c:v>
                </c:pt>
                <c:pt idx="2266">
                  <c:v>0.5030592305589765</c:v>
                </c:pt>
                <c:pt idx="2267">
                  <c:v>0.5032412741912895</c:v>
                </c:pt>
                <c:pt idx="2268">
                  <c:v>0.503429712814084</c:v>
                </c:pt>
                <c:pt idx="2269">
                  <c:v>0.50362759979315896</c:v>
                </c:pt>
                <c:pt idx="2270">
                  <c:v>0.50382351022252725</c:v>
                </c:pt>
                <c:pt idx="2271">
                  <c:v>0.50402092511675445</c:v>
                </c:pt>
                <c:pt idx="2272">
                  <c:v>0.50421032742882865</c:v>
                </c:pt>
                <c:pt idx="2273">
                  <c:v>0.50438547293374825</c:v>
                </c:pt>
                <c:pt idx="2274">
                  <c:v>0.50455696180340792</c:v>
                </c:pt>
                <c:pt idx="2275">
                  <c:v>0.50471428115944761</c:v>
                </c:pt>
                <c:pt idx="2276">
                  <c:v>0.50485154896814599</c:v>
                </c:pt>
                <c:pt idx="2277">
                  <c:v>0.50496413056576206</c:v>
                </c:pt>
                <c:pt idx="2278">
                  <c:v>0.50505739557834473</c:v>
                </c:pt>
                <c:pt idx="2279">
                  <c:v>0.50513574454329924</c:v>
                </c:pt>
                <c:pt idx="2280">
                  <c:v>0.50519348215192073</c:v>
                </c:pt>
                <c:pt idx="2281">
                  <c:v>0.50524508108297894</c:v>
                </c:pt>
                <c:pt idx="2282">
                  <c:v>0.50528246218721995</c:v>
                </c:pt>
                <c:pt idx="2283">
                  <c:v>0.50531716322289899</c:v>
                </c:pt>
                <c:pt idx="2284">
                  <c:v>0.50534090736748849</c:v>
                </c:pt>
                <c:pt idx="2285">
                  <c:v>0.50536907503926987</c:v>
                </c:pt>
                <c:pt idx="2286">
                  <c:v>0.50540905220979704</c:v>
                </c:pt>
                <c:pt idx="2287">
                  <c:v>0.50545813767389269</c:v>
                </c:pt>
                <c:pt idx="2288">
                  <c:v>0.50551248448668407</c:v>
                </c:pt>
                <c:pt idx="2289">
                  <c:v>0.5055773977514908</c:v>
                </c:pt>
                <c:pt idx="2290">
                  <c:v>0.50565046239920708</c:v>
                </c:pt>
                <c:pt idx="2291">
                  <c:v>0.50572506675309248</c:v>
                </c:pt>
                <c:pt idx="2292">
                  <c:v>0.50579793548020402</c:v>
                </c:pt>
                <c:pt idx="2293">
                  <c:v>0.50587213380974383</c:v>
                </c:pt>
                <c:pt idx="2294">
                  <c:v>0.50594026641687084</c:v>
                </c:pt>
                <c:pt idx="2295">
                  <c:v>0.50600121869402881</c:v>
                </c:pt>
                <c:pt idx="2296">
                  <c:v>0.50606048644308743</c:v>
                </c:pt>
                <c:pt idx="2297">
                  <c:v>0.50613300435533326</c:v>
                </c:pt>
                <c:pt idx="2298">
                  <c:v>0.50620842095237828</c:v>
                </c:pt>
                <c:pt idx="2299">
                  <c:v>0.50629599051980156</c:v>
                </c:pt>
                <c:pt idx="2300">
                  <c:v>0.50638342346647769</c:v>
                </c:pt>
                <c:pt idx="2301">
                  <c:v>0.50644358533815881</c:v>
                </c:pt>
                <c:pt idx="2302">
                  <c:v>0.50644645343745542</c:v>
                </c:pt>
                <c:pt idx="2303">
                  <c:v>0.50636148087189226</c:v>
                </c:pt>
                <c:pt idx="2304">
                  <c:v>0.5061545604843779</c:v>
                </c:pt>
                <c:pt idx="2305">
                  <c:v>0.50582831553820795</c:v>
                </c:pt>
                <c:pt idx="2306">
                  <c:v>0.50545077200061472</c:v>
                </c:pt>
                <c:pt idx="2307">
                  <c:v>0.50510921443054113</c:v>
                </c:pt>
                <c:pt idx="2308">
                  <c:v>0.50490104065105579</c:v>
                </c:pt>
                <c:pt idx="2309">
                  <c:v>0.50485818682869787</c:v>
                </c:pt>
                <c:pt idx="2310">
                  <c:v>0.50496233517175226</c:v>
                </c:pt>
                <c:pt idx="2311">
                  <c:v>0.50517428601732295</c:v>
                </c:pt>
                <c:pt idx="2312">
                  <c:v>0.50543624263260611</c:v>
                </c:pt>
                <c:pt idx="2313">
                  <c:v>0.50569269520479876</c:v>
                </c:pt>
                <c:pt idx="2314">
                  <c:v>0.50589299234142104</c:v>
                </c:pt>
                <c:pt idx="2315">
                  <c:v>0.50602392995282552</c:v>
                </c:pt>
                <c:pt idx="2316">
                  <c:v>0.50608084191547686</c:v>
                </c:pt>
                <c:pt idx="2317">
                  <c:v>0.50609276280715931</c:v>
                </c:pt>
                <c:pt idx="2318">
                  <c:v>0.50608041800737158</c:v>
                </c:pt>
                <c:pt idx="2319">
                  <c:v>0.50606781440170834</c:v>
                </c:pt>
                <c:pt idx="2320">
                  <c:v>0.50607505021488397</c:v>
                </c:pt>
                <c:pt idx="2321">
                  <c:v>0.50610154444246069</c:v>
                </c:pt>
                <c:pt idx="2322">
                  <c:v>0.50615003879301834</c:v>
                </c:pt>
                <c:pt idx="2323">
                  <c:v>0.50620422276366484</c:v>
                </c:pt>
                <c:pt idx="2324">
                  <c:v>0.50626233775990093</c:v>
                </c:pt>
                <c:pt idx="2325">
                  <c:v>0.50631993526123076</c:v>
                </c:pt>
                <c:pt idx="2326">
                  <c:v>0.50636363284782482</c:v>
                </c:pt>
                <c:pt idx="2327">
                  <c:v>0.50639732797900738</c:v>
                </c:pt>
                <c:pt idx="2328">
                  <c:v>0.50641263228324895</c:v>
                </c:pt>
                <c:pt idx="2329">
                  <c:v>0.50641251559226774</c:v>
                </c:pt>
                <c:pt idx="2330">
                  <c:v>0.50639722414420008</c:v>
                </c:pt>
                <c:pt idx="2331">
                  <c:v>0.50636473066407739</c:v>
                </c:pt>
                <c:pt idx="2332">
                  <c:v>0.50630940467396923</c:v>
                </c:pt>
                <c:pt idx="2333">
                  <c:v>0.50623667843189601</c:v>
                </c:pt>
                <c:pt idx="2334">
                  <c:v>0.50614942886096392</c:v>
                </c:pt>
                <c:pt idx="2335">
                  <c:v>0.50604906050674381</c:v>
                </c:pt>
                <c:pt idx="2336">
                  <c:v>0.50594266385469933</c:v>
                </c:pt>
                <c:pt idx="2337">
                  <c:v>0.50583280413149745</c:v>
                </c:pt>
                <c:pt idx="2338">
                  <c:v>0.50571308285929462</c:v>
                </c:pt>
                <c:pt idx="2339">
                  <c:v>0.50558889863179435</c:v>
                </c:pt>
                <c:pt idx="2340">
                  <c:v>0.50546333535862598</c:v>
                </c:pt>
                <c:pt idx="2341">
                  <c:v>0.50534951174463649</c:v>
                </c:pt>
                <c:pt idx="2342">
                  <c:v>0.50523584826575596</c:v>
                </c:pt>
                <c:pt idx="2343">
                  <c:v>0.50513547794478808</c:v>
                </c:pt>
                <c:pt idx="2344">
                  <c:v>0.50503978360479052</c:v>
                </c:pt>
                <c:pt idx="2345">
                  <c:v>0.50495830849374534</c:v>
                </c:pt>
                <c:pt idx="2346">
                  <c:v>0.50490129869784994</c:v>
                </c:pt>
                <c:pt idx="2347">
                  <c:v>0.50485789782707413</c:v>
                </c:pt>
                <c:pt idx="2348">
                  <c:v>0.50483958067841272</c:v>
                </c:pt>
                <c:pt idx="2349">
                  <c:v>0.50483805517499014</c:v>
                </c:pt>
                <c:pt idx="2350">
                  <c:v>0.50486269718204624</c:v>
                </c:pt>
                <c:pt idx="2351">
                  <c:v>0.50491146163726996</c:v>
                </c:pt>
                <c:pt idx="2352">
                  <c:v>0.50499363744329007</c:v>
                </c:pt>
                <c:pt idx="2353">
                  <c:v>0.50509948498293455</c:v>
                </c:pt>
                <c:pt idx="2354">
                  <c:v>0.5052227108012235</c:v>
                </c:pt>
                <c:pt idx="2355">
                  <c:v>0.50535968921772667</c:v>
                </c:pt>
                <c:pt idx="2356">
                  <c:v>0.50549630723565586</c:v>
                </c:pt>
                <c:pt idx="2357">
                  <c:v>0.50564090148236118</c:v>
                </c:pt>
                <c:pt idx="2358">
                  <c:v>0.50577361249484454</c:v>
                </c:pt>
                <c:pt idx="2359">
                  <c:v>0.50591162664226563</c:v>
                </c:pt>
                <c:pt idx="2360">
                  <c:v>0.50605273897968661</c:v>
                </c:pt>
                <c:pt idx="2361">
                  <c:v>0.50617793096322083</c:v>
                </c:pt>
                <c:pt idx="2362">
                  <c:v>0.50629637277730277</c:v>
                </c:pt>
                <c:pt idx="2363">
                  <c:v>0.50640722965799845</c:v>
                </c:pt>
                <c:pt idx="2364">
                  <c:v>0.50649767901408038</c:v>
                </c:pt>
                <c:pt idx="2365">
                  <c:v>0.50655656086221079</c:v>
                </c:pt>
                <c:pt idx="2366">
                  <c:v>0.50655467852438296</c:v>
                </c:pt>
                <c:pt idx="2367">
                  <c:v>0.50646733875596028</c:v>
                </c:pt>
                <c:pt idx="2368">
                  <c:v>0.50625534438863784</c:v>
                </c:pt>
                <c:pt idx="2369">
                  <c:v>0.50592111358912895</c:v>
                </c:pt>
                <c:pt idx="2370">
                  <c:v>0.50547438938189204</c:v>
                </c:pt>
                <c:pt idx="2371">
                  <c:v>0.50494814678078492</c:v>
                </c:pt>
                <c:pt idx="2372">
                  <c:v>0.50438918403738264</c:v>
                </c:pt>
                <c:pt idx="2373">
                  <c:v>0.50386892118803062</c:v>
                </c:pt>
                <c:pt idx="2374">
                  <c:v>0.50345159930365357</c:v>
                </c:pt>
                <c:pt idx="2375">
                  <c:v>0.50318242070698016</c:v>
                </c:pt>
                <c:pt idx="2376">
                  <c:v>0.50306598230623933</c:v>
                </c:pt>
                <c:pt idx="2377">
                  <c:v>0.50309768873179206</c:v>
                </c:pt>
                <c:pt idx="2378">
                  <c:v>0.50325674046174995</c:v>
                </c:pt>
                <c:pt idx="2379">
                  <c:v>0.50350408152510495</c:v>
                </c:pt>
                <c:pt idx="2380">
                  <c:v>0.50379898654309374</c:v>
                </c:pt>
                <c:pt idx="2381">
                  <c:v>0.50410899256144837</c:v>
                </c:pt>
                <c:pt idx="2382">
                  <c:v>0.5043978906903207</c:v>
                </c:pt>
                <c:pt idx="2383">
                  <c:v>0.50468135085458077</c:v>
                </c:pt>
                <c:pt idx="2384">
                  <c:v>0.50494775176352713</c:v>
                </c:pt>
                <c:pt idx="2385">
                  <c:v>0.50519891310258891</c:v>
                </c:pt>
                <c:pt idx="2386">
                  <c:v>0.50542622858670105</c:v>
                </c:pt>
                <c:pt idx="2387">
                  <c:v>0.50561840763213528</c:v>
                </c:pt>
                <c:pt idx="2388">
                  <c:v>0.50578570943701373</c:v>
                </c:pt>
                <c:pt idx="2389">
                  <c:v>0.50592016762754388</c:v>
                </c:pt>
                <c:pt idx="2390">
                  <c:v>0.50600930372555031</c:v>
                </c:pt>
                <c:pt idx="2391">
                  <c:v>0.50605260033336086</c:v>
                </c:pt>
                <c:pt idx="2392">
                  <c:v>0.50606077795809568</c:v>
                </c:pt>
                <c:pt idx="2393">
                  <c:v>0.50602231129075981</c:v>
                </c:pt>
                <c:pt idx="2394">
                  <c:v>0.50594209894294906</c:v>
                </c:pt>
                <c:pt idx="2395">
                  <c:v>0.50582200238715147</c:v>
                </c:pt>
                <c:pt idx="2396">
                  <c:v>0.50567348893985631</c:v>
                </c:pt>
                <c:pt idx="2397">
                  <c:v>0.5054997397989347</c:v>
                </c:pt>
                <c:pt idx="2398">
                  <c:v>0.50530202419574566</c:v>
                </c:pt>
                <c:pt idx="2399">
                  <c:v>0.50508721315872451</c:v>
                </c:pt>
                <c:pt idx="2400">
                  <c:v>0.50484979684095443</c:v>
                </c:pt>
                <c:pt idx="2401">
                  <c:v>0.50460574595389129</c:v>
                </c:pt>
                <c:pt idx="2402">
                  <c:v>0.50436376122816806</c:v>
                </c:pt>
                <c:pt idx="2403">
                  <c:v>0.50412087530949878</c:v>
                </c:pt>
                <c:pt idx="2404">
                  <c:v>0.50387920243709716</c:v>
                </c:pt>
                <c:pt idx="2405">
                  <c:v>0.50366110498405559</c:v>
                </c:pt>
                <c:pt idx="2406">
                  <c:v>0.50344487202430266</c:v>
                </c:pt>
                <c:pt idx="2407">
                  <c:v>0.50325323874036154</c:v>
                </c:pt>
                <c:pt idx="2408">
                  <c:v>0.50309484909436797</c:v>
                </c:pt>
                <c:pt idx="2409">
                  <c:v>0.50297474761066996</c:v>
                </c:pt>
                <c:pt idx="2410">
                  <c:v>0.50288905644676185</c:v>
                </c:pt>
                <c:pt idx="2411">
                  <c:v>0.50284392012488777</c:v>
                </c:pt>
                <c:pt idx="2412">
                  <c:v>0.502843695196591</c:v>
                </c:pt>
                <c:pt idx="2413">
                  <c:v>0.50289506382286697</c:v>
                </c:pt>
                <c:pt idx="2414">
                  <c:v>0.50299127842363767</c:v>
                </c:pt>
                <c:pt idx="2415">
                  <c:v>0.50311880538788734</c:v>
                </c:pt>
                <c:pt idx="2416">
                  <c:v>0.5032785763976475</c:v>
                </c:pt>
                <c:pt idx="2417">
                  <c:v>0.50347970514176565</c:v>
                </c:pt>
                <c:pt idx="2418">
                  <c:v>0.5036979029806562</c:v>
                </c:pt>
                <c:pt idx="2419">
                  <c:v>0.50392761200587044</c:v>
                </c:pt>
                <c:pt idx="2420">
                  <c:v>0.504169819671898</c:v>
                </c:pt>
                <c:pt idx="2421">
                  <c:v>0.50441854486488658</c:v>
                </c:pt>
                <c:pt idx="2422">
                  <c:v>0.50465616762417753</c:v>
                </c:pt>
                <c:pt idx="2423">
                  <c:v>0.50488485738048827</c:v>
                </c:pt>
                <c:pt idx="2424">
                  <c:v>0.50509218022654523</c:v>
                </c:pt>
                <c:pt idx="2425">
                  <c:v>0.50528756529074759</c:v>
                </c:pt>
                <c:pt idx="2426">
                  <c:v>0.50546176173647472</c:v>
                </c:pt>
                <c:pt idx="2427">
                  <c:v>0.50561781484273538</c:v>
                </c:pt>
                <c:pt idx="2428">
                  <c:v>0.50575657866099277</c:v>
                </c:pt>
                <c:pt idx="2429">
                  <c:v>0.50587227245606958</c:v>
                </c:pt>
                <c:pt idx="2430">
                  <c:v>0.50596899253309513</c:v>
                </c:pt>
                <c:pt idx="2431">
                  <c:v>0.50604591602912519</c:v>
                </c:pt>
                <c:pt idx="2432">
                  <c:v>0.50610783871616971</c:v>
                </c:pt>
                <c:pt idx="2433">
                  <c:v>0.50615206379155997</c:v>
                </c:pt>
                <c:pt idx="2434">
                  <c:v>0.50617610264599933</c:v>
                </c:pt>
                <c:pt idx="2435">
                  <c:v>0.50618754449853787</c:v>
                </c:pt>
                <c:pt idx="2436">
                  <c:v>0.5061940564725208</c:v>
                </c:pt>
                <c:pt idx="2437">
                  <c:v>0.50617775713359847</c:v>
                </c:pt>
                <c:pt idx="2438">
                  <c:v>0.5061473496857507</c:v>
                </c:pt>
                <c:pt idx="2439">
                  <c:v>0.50610032183046094</c:v>
                </c:pt>
                <c:pt idx="2440">
                  <c:v>0.50604249860253248</c:v>
                </c:pt>
                <c:pt idx="2441">
                  <c:v>0.50597779861669812</c:v>
                </c:pt>
                <c:pt idx="2442">
                  <c:v>0.50587632017345752</c:v>
                </c:pt>
                <c:pt idx="2443">
                  <c:v>0.50576823116227454</c:v>
                </c:pt>
                <c:pt idx="2444">
                  <c:v>0.50564227374859139</c:v>
                </c:pt>
                <c:pt idx="2445">
                  <c:v>0.50550284406812207</c:v>
                </c:pt>
                <c:pt idx="2446">
                  <c:v>0.50535215022142521</c:v>
                </c:pt>
                <c:pt idx="2447">
                  <c:v>0.50520685923448516</c:v>
                </c:pt>
                <c:pt idx="2448">
                  <c:v>0.50505579429262282</c:v>
                </c:pt>
                <c:pt idx="2449">
                  <c:v>0.50490762990670746</c:v>
                </c:pt>
                <c:pt idx="2450">
                  <c:v>0.50477472895475539</c:v>
                </c:pt>
                <c:pt idx="2451">
                  <c:v>0.50465868728553787</c:v>
                </c:pt>
                <c:pt idx="2452">
                  <c:v>0.50456758630839382</c:v>
                </c:pt>
                <c:pt idx="2453">
                  <c:v>0.50451282412042098</c:v>
                </c:pt>
                <c:pt idx="2454">
                  <c:v>0.50449088043501356</c:v>
                </c:pt>
                <c:pt idx="2455">
                  <c:v>0.50451120185414888</c:v>
                </c:pt>
                <c:pt idx="2456">
                  <c:v>0.50457521221010981</c:v>
                </c:pt>
                <c:pt idx="2457">
                  <c:v>0.50467576366634703</c:v>
                </c:pt>
                <c:pt idx="2458">
                  <c:v>0.50480386000368616</c:v>
                </c:pt>
                <c:pt idx="2459">
                  <c:v>0.50495976994426828</c:v>
                </c:pt>
                <c:pt idx="2460">
                  <c:v>0.50514398904644842</c:v>
                </c:pt>
                <c:pt idx="2461">
                  <c:v>0.50534011928092737</c:v>
                </c:pt>
                <c:pt idx="2462">
                  <c:v>0.50554534536053153</c:v>
                </c:pt>
                <c:pt idx="2463">
                  <c:v>0.50575850218204621</c:v>
                </c:pt>
                <c:pt idx="2464">
                  <c:v>0.50596893594027348</c:v>
                </c:pt>
                <c:pt idx="2465">
                  <c:v>0.50616426602868536</c:v>
                </c:pt>
                <c:pt idx="2466">
                  <c:v>0.50633913375314776</c:v>
                </c:pt>
                <c:pt idx="2467">
                  <c:v>0.50649481457618672</c:v>
                </c:pt>
                <c:pt idx="2468">
                  <c:v>0.506636679643648</c:v>
                </c:pt>
                <c:pt idx="2469">
                  <c:v>0.50675209528812359</c:v>
                </c:pt>
                <c:pt idx="2470">
                  <c:v>0.50684499947234041</c:v>
                </c:pt>
                <c:pt idx="2471">
                  <c:v>0.50689374731030179</c:v>
                </c:pt>
                <c:pt idx="2472">
                  <c:v>0.50692907092176442</c:v>
                </c:pt>
                <c:pt idx="2473">
                  <c:v>0.50693574449182222</c:v>
                </c:pt>
                <c:pt idx="2474">
                  <c:v>0.50692082922370263</c:v>
                </c:pt>
                <c:pt idx="2475">
                  <c:v>0.50691807569175706</c:v>
                </c:pt>
                <c:pt idx="2476">
                  <c:v>0.50694100839230583</c:v>
                </c:pt>
                <c:pt idx="2477">
                  <c:v>0.50701233447252314</c:v>
                </c:pt>
                <c:pt idx="2478">
                  <c:v>0.50715840793584954</c:v>
                </c:pt>
                <c:pt idx="2479">
                  <c:v>0.50737260393560624</c:v>
                </c:pt>
                <c:pt idx="2480">
                  <c:v>0.50764561023047805</c:v>
                </c:pt>
                <c:pt idx="2481">
                  <c:v>0.50794050630617837</c:v>
                </c:pt>
                <c:pt idx="2482">
                  <c:v>0.50822768655639894</c:v>
                </c:pt>
                <c:pt idx="2483">
                  <c:v>0.50850408263390301</c:v>
                </c:pt>
                <c:pt idx="2484">
                  <c:v>0.50872900561135548</c:v>
                </c:pt>
                <c:pt idx="2485">
                  <c:v>0.5089259181612531</c:v>
                </c:pt>
                <c:pt idx="2486">
                  <c:v>0.50909822716966202</c:v>
                </c:pt>
                <c:pt idx="2487">
                  <c:v>0.50925953815196434</c:v>
                </c:pt>
                <c:pt idx="2488">
                  <c:v>0.50943903034935811</c:v>
                </c:pt>
                <c:pt idx="2489">
                  <c:v>0.50963026222554086</c:v>
                </c:pt>
                <c:pt idx="2490">
                  <c:v>0.50982876841315061</c:v>
                </c:pt>
                <c:pt idx="2491">
                  <c:v>0.51003723511223065</c:v>
                </c:pt>
                <c:pt idx="2492">
                  <c:v>0.51023969844223971</c:v>
                </c:pt>
                <c:pt idx="2493">
                  <c:v>0.5104138458900439</c:v>
                </c:pt>
                <c:pt idx="2494">
                  <c:v>0.51054969070725009</c:v>
                </c:pt>
                <c:pt idx="2495">
                  <c:v>0.51065568481904233</c:v>
                </c:pt>
                <c:pt idx="2496">
                  <c:v>0.51071851380832856</c:v>
                </c:pt>
                <c:pt idx="2497">
                  <c:v>0.51074463480158494</c:v>
                </c:pt>
                <c:pt idx="2498">
                  <c:v>0.51072251995191931</c:v>
                </c:pt>
                <c:pt idx="2499">
                  <c:v>0.51065535732733824</c:v>
                </c:pt>
                <c:pt idx="2500">
                  <c:v>0.51055621328304146</c:v>
                </c:pt>
                <c:pt idx="2501">
                  <c:v>0.51041461724413206</c:v>
                </c:pt>
                <c:pt idx="2502">
                  <c:v>0.51024692463493793</c:v>
                </c:pt>
                <c:pt idx="2503">
                  <c:v>0.5100527863189066</c:v>
                </c:pt>
                <c:pt idx="2504">
                  <c:v>0.50984114424947757</c:v>
                </c:pt>
                <c:pt idx="2505">
                  <c:v>0.50962992976589871</c:v>
                </c:pt>
                <c:pt idx="2506">
                  <c:v>0.50942630876742312</c:v>
                </c:pt>
                <c:pt idx="2507">
                  <c:v>0.50922647294551848</c:v>
                </c:pt>
                <c:pt idx="2508">
                  <c:v>0.50905238570945011</c:v>
                </c:pt>
                <c:pt idx="2509">
                  <c:v>0.50889837168844998</c:v>
                </c:pt>
                <c:pt idx="2510">
                  <c:v>0.50877992284163076</c:v>
                </c:pt>
                <c:pt idx="2511">
                  <c:v>0.50869153148247492</c:v>
                </c:pt>
                <c:pt idx="2512">
                  <c:v>0.50864903683549967</c:v>
                </c:pt>
                <c:pt idx="2513">
                  <c:v>0.5086362623956846</c:v>
                </c:pt>
                <c:pt idx="2514">
                  <c:v>0.50865700718119122</c:v>
                </c:pt>
                <c:pt idx="2515">
                  <c:v>0.50871072818331953</c:v>
                </c:pt>
                <c:pt idx="2516">
                  <c:v>0.50878064299654191</c:v>
                </c:pt>
                <c:pt idx="2517">
                  <c:v>0.50887227243809352</c:v>
                </c:pt>
                <c:pt idx="2518">
                  <c:v>0.50896954414172069</c:v>
                </c:pt>
                <c:pt idx="2519">
                  <c:v>0.50906708695749214</c:v>
                </c:pt>
                <c:pt idx="2520">
                  <c:v>0.50915775738273072</c:v>
                </c:pt>
                <c:pt idx="2521">
                  <c:v>0.50922290598235709</c:v>
                </c:pt>
                <c:pt idx="2522">
                  <c:v>0.50927370274013528</c:v>
                </c:pt>
                <c:pt idx="2523">
                  <c:v>0.50931230581659048</c:v>
                </c:pt>
                <c:pt idx="2524">
                  <c:v>0.50931925412342638</c:v>
                </c:pt>
                <c:pt idx="2525">
                  <c:v>0.50931493887277057</c:v>
                </c:pt>
                <c:pt idx="2526">
                  <c:v>0.50929127401826957</c:v>
                </c:pt>
                <c:pt idx="2527">
                  <c:v>0.50924398745188737</c:v>
                </c:pt>
                <c:pt idx="2528">
                  <c:v>0.50919025115373928</c:v>
                </c:pt>
                <c:pt idx="2529">
                  <c:v>0.50911818577080492</c:v>
                </c:pt>
                <c:pt idx="2530">
                  <c:v>0.5090449264894088</c:v>
                </c:pt>
                <c:pt idx="2531">
                  <c:v>0.50896201638374483</c:v>
                </c:pt>
                <c:pt idx="2532">
                  <c:v>0.50885790581499557</c:v>
                </c:pt>
                <c:pt idx="2533">
                  <c:v>0.50873312032236817</c:v>
                </c:pt>
                <c:pt idx="2534">
                  <c:v>0.50858609141016586</c:v>
                </c:pt>
                <c:pt idx="2535">
                  <c:v>0.50841480866499411</c:v>
                </c:pt>
                <c:pt idx="2536">
                  <c:v>0.50823678508976677</c:v>
                </c:pt>
                <c:pt idx="2537">
                  <c:v>0.50804721056428426</c:v>
                </c:pt>
                <c:pt idx="2538">
                  <c:v>0.50787656532240599</c:v>
                </c:pt>
                <c:pt idx="2539">
                  <c:v>0.50776528831266965</c:v>
                </c:pt>
                <c:pt idx="2540">
                  <c:v>0.50773284752864223</c:v>
                </c:pt>
                <c:pt idx="2541">
                  <c:v>0.50780013039121419</c:v>
                </c:pt>
                <c:pt idx="2542">
                  <c:v>0.5079900647122545</c:v>
                </c:pt>
                <c:pt idx="2543">
                  <c:v>0.50831147338873128</c:v>
                </c:pt>
                <c:pt idx="2544">
                  <c:v>0.50878744132557763</c:v>
                </c:pt>
                <c:pt idx="2545">
                  <c:v>0.50937961858239078</c:v>
                </c:pt>
                <c:pt idx="2546">
                  <c:v>0.51002450497531027</c:v>
                </c:pt>
                <c:pt idx="2547">
                  <c:v>0.51067402684661456</c:v>
                </c:pt>
                <c:pt idx="2548">
                  <c:v>0.51128542498211549</c:v>
                </c:pt>
                <c:pt idx="2549">
                  <c:v>0.5118136111688627</c:v>
                </c:pt>
                <c:pt idx="2550">
                  <c:v>0.51225664040192187</c:v>
                </c:pt>
                <c:pt idx="2551">
                  <c:v>0.51261670827294337</c:v>
                </c:pt>
                <c:pt idx="2552">
                  <c:v>0.51292042000206406</c:v>
                </c:pt>
                <c:pt idx="2553">
                  <c:v>0.51318473189715552</c:v>
                </c:pt>
                <c:pt idx="2554">
                  <c:v>0.51343248264789332</c:v>
                </c:pt>
                <c:pt idx="2555">
                  <c:v>0.513680153527588</c:v>
                </c:pt>
                <c:pt idx="2556">
                  <c:v>0.51392139214500931</c:v>
                </c:pt>
                <c:pt idx="2557">
                  <c:v>0.5141502937381196</c:v>
                </c:pt>
                <c:pt idx="2558">
                  <c:v>0.51434078295659302</c:v>
                </c:pt>
                <c:pt idx="2559">
                  <c:v>0.51448167237168574</c:v>
                </c:pt>
                <c:pt idx="2560">
                  <c:v>0.51458814163243227</c:v>
                </c:pt>
                <c:pt idx="2561">
                  <c:v>0.51467519335604961</c:v>
                </c:pt>
                <c:pt idx="2562">
                  <c:v>0.5147683592468294</c:v>
                </c:pt>
                <c:pt idx="2563">
                  <c:v>0.51487073383990534</c:v>
                </c:pt>
                <c:pt idx="2564">
                  <c:v>0.51497225554914694</c:v>
                </c:pt>
                <c:pt idx="2565">
                  <c:v>0.51510090108059559</c:v>
                </c:pt>
                <c:pt idx="2566">
                  <c:v>0.51521910841862484</c:v>
                </c:pt>
                <c:pt idx="2567">
                  <c:v>0.51531936693974267</c:v>
                </c:pt>
                <c:pt idx="2568">
                  <c:v>0.5153955660883468</c:v>
                </c:pt>
                <c:pt idx="2569">
                  <c:v>0.51543229311452088</c:v>
                </c:pt>
                <c:pt idx="2570">
                  <c:v>0.51543843011949042</c:v>
                </c:pt>
                <c:pt idx="2571">
                  <c:v>0.51542516454834153</c:v>
                </c:pt>
                <c:pt idx="2572">
                  <c:v>0.51541927364423612</c:v>
                </c:pt>
                <c:pt idx="2573">
                  <c:v>0.51544504610559028</c:v>
                </c:pt>
                <c:pt idx="2574">
                  <c:v>0.51550326865605045</c:v>
                </c:pt>
                <c:pt idx="2575">
                  <c:v>0.51560500775343554</c:v>
                </c:pt>
                <c:pt idx="2576">
                  <c:v>0.51574322534118711</c:v>
                </c:pt>
                <c:pt idx="2577">
                  <c:v>0.51590717902956229</c:v>
                </c:pt>
                <c:pt idx="2578">
                  <c:v>0.51611032420089464</c:v>
                </c:pt>
                <c:pt idx="2579">
                  <c:v>0.51634338846849825</c:v>
                </c:pt>
                <c:pt idx="2580">
                  <c:v>0.51660359899573949</c:v>
                </c:pt>
                <c:pt idx="2581">
                  <c:v>0.51688656081616746</c:v>
                </c:pt>
                <c:pt idx="2582">
                  <c:v>0.51719870866785356</c:v>
                </c:pt>
                <c:pt idx="2583">
                  <c:v>0.51752051652795594</c:v>
                </c:pt>
                <c:pt idx="2584">
                  <c:v>0.5178764526597035</c:v>
                </c:pt>
                <c:pt idx="2585">
                  <c:v>0.51823228648297726</c:v>
                </c:pt>
                <c:pt idx="2586">
                  <c:v>0.51860715246049038</c:v>
                </c:pt>
                <c:pt idx="2587">
                  <c:v>0.51900068403522348</c:v>
                </c:pt>
                <c:pt idx="2588">
                  <c:v>0.51942808327730006</c:v>
                </c:pt>
                <c:pt idx="2589">
                  <c:v>0.51989380748118275</c:v>
                </c:pt>
                <c:pt idx="2590">
                  <c:v>0.5203993078894259</c:v>
                </c:pt>
                <c:pt idx="2591">
                  <c:v>0.52092943106540468</c:v>
                </c:pt>
                <c:pt idx="2592">
                  <c:v>0.52148126946619211</c:v>
                </c:pt>
                <c:pt idx="2593">
                  <c:v>0.52202997086741498</c:v>
                </c:pt>
                <c:pt idx="2594">
                  <c:v>0.52257020400972332</c:v>
                </c:pt>
                <c:pt idx="2595">
                  <c:v>0.52307943198933493</c:v>
                </c:pt>
                <c:pt idx="2596">
                  <c:v>0.52355648524905007</c:v>
                </c:pt>
                <c:pt idx="2597">
                  <c:v>0.52400794937903206</c:v>
                </c:pt>
                <c:pt idx="2598">
                  <c:v>0.52444181127114753</c:v>
                </c:pt>
                <c:pt idx="2599">
                  <c:v>0.52486557910577436</c:v>
                </c:pt>
                <c:pt idx="2600">
                  <c:v>0.5252816018187948</c:v>
                </c:pt>
                <c:pt idx="2601">
                  <c:v>0.52565182493955465</c:v>
                </c:pt>
                <c:pt idx="2602">
                  <c:v>0.52596886998517656</c:v>
                </c:pt>
                <c:pt idx="2603">
                  <c:v>0.52622416155106932</c:v>
                </c:pt>
                <c:pt idx="2604">
                  <c:v>0.52640874769072077</c:v>
                </c:pt>
                <c:pt idx="2605">
                  <c:v>0.52651911495252557</c:v>
                </c:pt>
                <c:pt idx="2606">
                  <c:v>0.52654415197929083</c:v>
                </c:pt>
                <c:pt idx="2607">
                  <c:v>0.52651937974035412</c:v>
                </c:pt>
                <c:pt idx="2608">
                  <c:v>0.52645517899552208</c:v>
                </c:pt>
                <c:pt idx="2609">
                  <c:v>0.52637272771325294</c:v>
                </c:pt>
                <c:pt idx="2610">
                  <c:v>0.52628648363908681</c:v>
                </c:pt>
                <c:pt idx="2611">
                  <c:v>0.52624617861896794</c:v>
                </c:pt>
                <c:pt idx="2612">
                  <c:v>0.5262520695557571</c:v>
                </c:pt>
                <c:pt idx="2613">
                  <c:v>0.52632122242782653</c:v>
                </c:pt>
                <c:pt idx="2614">
                  <c:v>0.5264516299594264</c:v>
                </c:pt>
                <c:pt idx="2615">
                  <c:v>0.52664536923890937</c:v>
                </c:pt>
                <c:pt idx="2616">
                  <c:v>0.5268931741875631</c:v>
                </c:pt>
                <c:pt idx="2617">
                  <c:v>0.52718546448008263</c:v>
                </c:pt>
                <c:pt idx="2618">
                  <c:v>0.52752175383867894</c:v>
                </c:pt>
                <c:pt idx="2619">
                  <c:v>0.52789638934635663</c:v>
                </c:pt>
                <c:pt idx="2620">
                  <c:v>0.52831006172626227</c:v>
                </c:pt>
                <c:pt idx="2621">
                  <c:v>0.52877015196975541</c:v>
                </c:pt>
                <c:pt idx="2622">
                  <c:v>0.52927338598506035</c:v>
                </c:pt>
                <c:pt idx="2623">
                  <c:v>0.52981461206129798</c:v>
                </c:pt>
                <c:pt idx="2624">
                  <c:v>0.53038486329911638</c:v>
                </c:pt>
                <c:pt idx="2625">
                  <c:v>0.53097959390448546</c:v>
                </c:pt>
                <c:pt idx="2626">
                  <c:v>0.53161208966348628</c:v>
                </c:pt>
                <c:pt idx="2627">
                  <c:v>0.53226369111528282</c:v>
                </c:pt>
                <c:pt idx="2628">
                  <c:v>0.53292906952534891</c:v>
                </c:pt>
                <c:pt idx="2629">
                  <c:v>0.53360572133890227</c:v>
                </c:pt>
                <c:pt idx="2630">
                  <c:v>0.53429202071651405</c:v>
                </c:pt>
                <c:pt idx="2631">
                  <c:v>0.53498707246516708</c:v>
                </c:pt>
                <c:pt idx="2632">
                  <c:v>0.53568015673060065</c:v>
                </c:pt>
                <c:pt idx="2633">
                  <c:v>0.53635350924499559</c:v>
                </c:pt>
                <c:pt idx="2634">
                  <c:v>0.53701091777511434</c:v>
                </c:pt>
                <c:pt idx="2635">
                  <c:v>0.5376440861994608</c:v>
                </c:pt>
                <c:pt idx="2636">
                  <c:v>0.53826118094203046</c:v>
                </c:pt>
                <c:pt idx="2637">
                  <c:v>0.53886421684487329</c:v>
                </c:pt>
                <c:pt idx="2638">
                  <c:v>0.53945293456201393</c:v>
                </c:pt>
                <c:pt idx="2639">
                  <c:v>0.54003053084717945</c:v>
                </c:pt>
                <c:pt idx="2640">
                  <c:v>0.54058917090257941</c:v>
                </c:pt>
                <c:pt idx="2641">
                  <c:v>0.54114188367680149</c:v>
                </c:pt>
                <c:pt idx="2642">
                  <c:v>0.5416952172716869</c:v>
                </c:pt>
                <c:pt idx="2643">
                  <c:v>0.54225391947533808</c:v>
                </c:pt>
                <c:pt idx="2644">
                  <c:v>0.5428329342865712</c:v>
                </c:pt>
                <c:pt idx="2645">
                  <c:v>0.54342561881234586</c:v>
                </c:pt>
                <c:pt idx="2646">
                  <c:v>0.54404280514310199</c:v>
                </c:pt>
                <c:pt idx="2647">
                  <c:v>0.54467985025049626</c:v>
                </c:pt>
                <c:pt idx="2648">
                  <c:v>0.54532932329219908</c:v>
                </c:pt>
                <c:pt idx="2649">
                  <c:v>0.54600691380908195</c:v>
                </c:pt>
                <c:pt idx="2650">
                  <c:v>0.54670403895281761</c:v>
                </c:pt>
                <c:pt idx="2651">
                  <c:v>0.54741485374821464</c:v>
                </c:pt>
                <c:pt idx="2652">
                  <c:v>0.5481120485738179</c:v>
                </c:pt>
                <c:pt idx="2653">
                  <c:v>0.5488229530045442</c:v>
                </c:pt>
                <c:pt idx="2654">
                  <c:v>0.54956277787794683</c:v>
                </c:pt>
                <c:pt idx="2655">
                  <c:v>0.55032586276792694</c:v>
                </c:pt>
                <c:pt idx="2656">
                  <c:v>0.55111187352345559</c:v>
                </c:pt>
                <c:pt idx="2657">
                  <c:v>0.55192641571086865</c:v>
                </c:pt>
                <c:pt idx="2658">
                  <c:v>0.55276754934219574</c:v>
                </c:pt>
                <c:pt idx="2659">
                  <c:v>0.5536105231615015</c:v>
                </c:pt>
                <c:pt idx="2660">
                  <c:v>0.55443347848659563</c:v>
                </c:pt>
                <c:pt idx="2661">
                  <c:v>0.55520665197586927</c:v>
                </c:pt>
                <c:pt idx="2662">
                  <c:v>0.55591654342932406</c:v>
                </c:pt>
                <c:pt idx="2663">
                  <c:v>0.55658620344207099</c:v>
                </c:pt>
                <c:pt idx="2664">
                  <c:v>0.55721314345302231</c:v>
                </c:pt>
                <c:pt idx="2665">
                  <c:v>0.5578452700484704</c:v>
                </c:pt>
                <c:pt idx="2666">
                  <c:v>0.5585156380414118</c:v>
                </c:pt>
                <c:pt idx="2667">
                  <c:v>0.55925467906734272</c:v>
                </c:pt>
                <c:pt idx="2668">
                  <c:v>0.56007660651952229</c:v>
                </c:pt>
                <c:pt idx="2669">
                  <c:v>0.56099066155526311</c:v>
                </c:pt>
                <c:pt idx="2670">
                  <c:v>0.5619865058301633</c:v>
                </c:pt>
                <c:pt idx="2671">
                  <c:v>0.56303595196655976</c:v>
                </c:pt>
                <c:pt idx="2672">
                  <c:v>0.56412047766119477</c:v>
                </c:pt>
                <c:pt idx="2673">
                  <c:v>0.56520551696544907</c:v>
                </c:pt>
                <c:pt idx="2674">
                  <c:v>0.56631141745857372</c:v>
                </c:pt>
                <c:pt idx="2675">
                  <c:v>0.56739586315143054</c:v>
                </c:pt>
                <c:pt idx="2676">
                  <c:v>0.56843886556170986</c:v>
                </c:pt>
                <c:pt idx="2677">
                  <c:v>0.56943631026438224</c:v>
                </c:pt>
                <c:pt idx="2678">
                  <c:v>0.57039110975397067</c:v>
                </c:pt>
                <c:pt idx="2679">
                  <c:v>0.57134206406769728</c:v>
                </c:pt>
                <c:pt idx="2680">
                  <c:v>0.57233713470064307</c:v>
                </c:pt>
                <c:pt idx="2681">
                  <c:v>0.57345656488272712</c:v>
                </c:pt>
                <c:pt idx="2682">
                  <c:v>0.57476774104904116</c:v>
                </c:pt>
                <c:pt idx="2683">
                  <c:v>0.57630930862607799</c:v>
                </c:pt>
                <c:pt idx="2684">
                  <c:v>0.57812606222818741</c:v>
                </c:pt>
                <c:pt idx="2685">
                  <c:v>0.58017448397657978</c:v>
                </c:pt>
                <c:pt idx="2686">
                  <c:v>0.58226053869713434</c:v>
                </c:pt>
                <c:pt idx="2687">
                  <c:v>0.58421767046612194</c:v>
                </c:pt>
                <c:pt idx="2688">
                  <c:v>0.58595898814361957</c:v>
                </c:pt>
                <c:pt idx="2689">
                  <c:v>0.58751308809605685</c:v>
                </c:pt>
                <c:pt idx="2690">
                  <c:v>0.58889619840349505</c:v>
                </c:pt>
                <c:pt idx="2691">
                  <c:v>0.59029702308692722</c:v>
                </c:pt>
                <c:pt idx="2692">
                  <c:v>0.59179628403056439</c:v>
                </c:pt>
                <c:pt idx="2693">
                  <c:v>0.5933809848470577</c:v>
                </c:pt>
                <c:pt idx="2694">
                  <c:v>0.59515939659800587</c:v>
                </c:pt>
                <c:pt idx="2695">
                  <c:v>0.59713464124025317</c:v>
                </c:pt>
                <c:pt idx="2696">
                  <c:v>0.59921609214485694</c:v>
                </c:pt>
                <c:pt idx="2697">
                  <c:v>0.60126841802252051</c:v>
                </c:pt>
                <c:pt idx="2698">
                  <c:v>0.60323250122781813</c:v>
                </c:pt>
                <c:pt idx="2699">
                  <c:v>0.60511522390739769</c:v>
                </c:pt>
                <c:pt idx="2700">
                  <c:v>0.60684773354516686</c:v>
                </c:pt>
                <c:pt idx="2701">
                  <c:v>0.6084757123740212</c:v>
                </c:pt>
                <c:pt idx="2702">
                  <c:v>0.61004912167202952</c:v>
                </c:pt>
                <c:pt idx="2703">
                  <c:v>0.61163055026789503</c:v>
                </c:pt>
                <c:pt idx="2704">
                  <c:v>0.61331755686171741</c:v>
                </c:pt>
                <c:pt idx="2705">
                  <c:v>0.61508935496345774</c:v>
                </c:pt>
                <c:pt idx="2706">
                  <c:v>0.61694499690625337</c:v>
                </c:pt>
                <c:pt idx="2707">
                  <c:v>0.61892928752631371</c:v>
                </c:pt>
                <c:pt idx="2708">
                  <c:v>0.62103476576513339</c:v>
                </c:pt>
                <c:pt idx="2709">
                  <c:v>0.62319251929526087</c:v>
                </c:pt>
                <c:pt idx="2710">
                  <c:v>0.62541130557823976</c:v>
                </c:pt>
                <c:pt idx="2711">
                  <c:v>0.62764553201650375</c:v>
                </c:pt>
                <c:pt idx="2712">
                  <c:v>0.62992259801391404</c:v>
                </c:pt>
                <c:pt idx="2713">
                  <c:v>0.63219311082715146</c:v>
                </c:pt>
                <c:pt idx="2714">
                  <c:v>0.63444335576059108</c:v>
                </c:pt>
                <c:pt idx="2715">
                  <c:v>0.6367407492040299</c:v>
                </c:pt>
                <c:pt idx="2716">
                  <c:v>0.63907178596501857</c:v>
                </c:pt>
                <c:pt idx="2717">
                  <c:v>0.64150817120195902</c:v>
                </c:pt>
                <c:pt idx="2718">
                  <c:v>0.64411077817074469</c:v>
                </c:pt>
                <c:pt idx="2719">
                  <c:v>0.64695287815589841</c:v>
                </c:pt>
                <c:pt idx="2720">
                  <c:v>0.65009929408746459</c:v>
                </c:pt>
                <c:pt idx="2721">
                  <c:v>0.65354369233471554</c:v>
                </c:pt>
                <c:pt idx="2722">
                  <c:v>0.65722538928952356</c:v>
                </c:pt>
                <c:pt idx="2723">
                  <c:v>0.6609837885110541</c:v>
                </c:pt>
                <c:pt idx="2724">
                  <c:v>0.66465963032600794</c:v>
                </c:pt>
                <c:pt idx="2725">
                  <c:v>0.66815617394645055</c:v>
                </c:pt>
                <c:pt idx="2726">
                  <c:v>0.67142181246484167</c:v>
                </c:pt>
                <c:pt idx="2727">
                  <c:v>0.67446687902885838</c:v>
                </c:pt>
                <c:pt idx="2728">
                  <c:v>0.67741657123302657</c:v>
                </c:pt>
                <c:pt idx="2729">
                  <c:v>0.68035198020681975</c:v>
                </c:pt>
                <c:pt idx="2730">
                  <c:v>0.68333628316910111</c:v>
                </c:pt>
                <c:pt idx="2731">
                  <c:v>0.68648157134605126</c:v>
                </c:pt>
                <c:pt idx="2732">
                  <c:v>0.68985916104052791</c:v>
                </c:pt>
                <c:pt idx="2733">
                  <c:v>0.69340800944941039</c:v>
                </c:pt>
                <c:pt idx="2734">
                  <c:v>0.69701821973703848</c:v>
                </c:pt>
                <c:pt idx="2735">
                  <c:v>0.70063760632914329</c:v>
                </c:pt>
                <c:pt idx="2736">
                  <c:v>0.70415371888626066</c:v>
                </c:pt>
                <c:pt idx="2737">
                  <c:v>0.70744806268985427</c:v>
                </c:pt>
                <c:pt idx="2738">
                  <c:v>0.71058457305959355</c:v>
                </c:pt>
                <c:pt idx="2739">
                  <c:v>0.71362951926550633</c:v>
                </c:pt>
                <c:pt idx="2740">
                  <c:v>0.71672774807752948</c:v>
                </c:pt>
                <c:pt idx="2741">
                  <c:v>0.71991991487797713</c:v>
                </c:pt>
                <c:pt idx="2742">
                  <c:v>0.72325228040305456</c:v>
                </c:pt>
                <c:pt idx="2743">
                  <c:v>0.72673545741037182</c:v>
                </c:pt>
                <c:pt idx="2744">
                  <c:v>0.7303109166446633</c:v>
                </c:pt>
                <c:pt idx="2745">
                  <c:v>0.73387743881991474</c:v>
                </c:pt>
                <c:pt idx="2746">
                  <c:v>0.73735626675701127</c:v>
                </c:pt>
                <c:pt idx="2747">
                  <c:v>0.74072206593304357</c:v>
                </c:pt>
                <c:pt idx="2748">
                  <c:v>0.74397463664997654</c:v>
                </c:pt>
                <c:pt idx="2749">
                  <c:v>0.74719008297923195</c:v>
                </c:pt>
                <c:pt idx="2750">
                  <c:v>0.75048608172718079</c:v>
                </c:pt>
                <c:pt idx="2751">
                  <c:v>0.75402988212271937</c:v>
                </c:pt>
                <c:pt idx="2752">
                  <c:v>0.75802188768089418</c:v>
                </c:pt>
                <c:pt idx="2753">
                  <c:v>0.76267335441005546</c:v>
                </c:pt>
                <c:pt idx="2754">
                  <c:v>0.76774080946887679</c:v>
                </c:pt>
                <c:pt idx="2755">
                  <c:v>0.77321896649738209</c:v>
                </c:pt>
                <c:pt idx="2756">
                  <c:v>0.77889251996405318</c:v>
                </c:pt>
                <c:pt idx="2757">
                  <c:v>0.78460158201290053</c:v>
                </c:pt>
                <c:pt idx="2758">
                  <c:v>0.79025225436632018</c:v>
                </c:pt>
                <c:pt idx="2759">
                  <c:v>0.79582692241562603</c:v>
                </c:pt>
                <c:pt idx="2760">
                  <c:v>0.80144160736915815</c:v>
                </c:pt>
                <c:pt idx="2761">
                  <c:v>0.80685652687718412</c:v>
                </c:pt>
                <c:pt idx="2762">
                  <c:v>0.81213519733473061</c:v>
                </c:pt>
                <c:pt idx="2763">
                  <c:v>0.81737428966810377</c:v>
                </c:pt>
                <c:pt idx="2764">
                  <c:v>0.82250571926715765</c:v>
                </c:pt>
                <c:pt idx="2765">
                  <c:v>0.82758697808496684</c:v>
                </c:pt>
                <c:pt idx="2766">
                  <c:v>0.83257407944261563</c:v>
                </c:pt>
                <c:pt idx="2767">
                  <c:v>0.83768009436173396</c:v>
                </c:pt>
                <c:pt idx="2768">
                  <c:v>0.84299098140712836</c:v>
                </c:pt>
                <c:pt idx="2769">
                  <c:v>0.84850853606350607</c:v>
                </c:pt>
                <c:pt idx="2770">
                  <c:v>0.85411649771367193</c:v>
                </c:pt>
                <c:pt idx="2771">
                  <c:v>0.85962834692201251</c:v>
                </c:pt>
                <c:pt idx="2772">
                  <c:v>0.86503434873615148</c:v>
                </c:pt>
                <c:pt idx="2773">
                  <c:v>0.87019159134898794</c:v>
                </c:pt>
                <c:pt idx="2774">
                  <c:v>0.87519618703892832</c:v>
                </c:pt>
                <c:pt idx="2775">
                  <c:v>0.88019826926272315</c:v>
                </c:pt>
                <c:pt idx="2776">
                  <c:v>0.88533723876995674</c:v>
                </c:pt>
                <c:pt idx="2777">
                  <c:v>0.89073438311011532</c:v>
                </c:pt>
                <c:pt idx="2778">
                  <c:v>0.89631609190422246</c:v>
                </c:pt>
                <c:pt idx="2779">
                  <c:v>0.90214536285535407</c:v>
                </c:pt>
                <c:pt idx="2780">
                  <c:v>0.90825973935754001</c:v>
                </c:pt>
                <c:pt idx="2781">
                  <c:v>0.91457001113443193</c:v>
                </c:pt>
                <c:pt idx="2782">
                  <c:v>0.92093386481935857</c:v>
                </c:pt>
                <c:pt idx="2783">
                  <c:v>0.92716793283923016</c:v>
                </c:pt>
                <c:pt idx="2784">
                  <c:v>0.93320965627102348</c:v>
                </c:pt>
                <c:pt idx="2785">
                  <c:v>0.93871671697541437</c:v>
                </c:pt>
                <c:pt idx="2786">
                  <c:v>0.94372183070362925</c:v>
                </c:pt>
                <c:pt idx="2787">
                  <c:v>0.94825416227513815</c:v>
                </c:pt>
                <c:pt idx="2788">
                  <c:v>0.95248427236002819</c:v>
                </c:pt>
                <c:pt idx="2789">
                  <c:v>0.95640845052958556</c:v>
                </c:pt>
                <c:pt idx="2790">
                  <c:v>0.96011355292755174</c:v>
                </c:pt>
                <c:pt idx="2791">
                  <c:v>0.96369321848555523</c:v>
                </c:pt>
                <c:pt idx="2792">
                  <c:v>0.96722365079719741</c:v>
                </c:pt>
                <c:pt idx="2793">
                  <c:v>0.97076681026336287</c:v>
                </c:pt>
                <c:pt idx="2794">
                  <c:v>0.97457373022435356</c:v>
                </c:pt>
                <c:pt idx="2795">
                  <c:v>0.97850692479288237</c:v>
                </c:pt>
                <c:pt idx="2796">
                  <c:v>0.98274178220013053</c:v>
                </c:pt>
                <c:pt idx="2797">
                  <c:v>0.98723497401897098</c:v>
                </c:pt>
                <c:pt idx="2798">
                  <c:v>0.99198757750754463</c:v>
                </c:pt>
                <c:pt idx="2799">
                  <c:v>0.99699165319818217</c:v>
                </c:pt>
                <c:pt idx="2800">
                  <c:v>1.0023336182911535</c:v>
                </c:pt>
                <c:pt idx="2801">
                  <c:v>1.0082783505770829</c:v>
                </c:pt>
                <c:pt idx="2802">
                  <c:v>1.0147416668753322</c:v>
                </c:pt>
                <c:pt idx="2803">
                  <c:v>1.021939450975601</c:v>
                </c:pt>
                <c:pt idx="2804">
                  <c:v>1.0298653194860723</c:v>
                </c:pt>
                <c:pt idx="2805">
                  <c:v>1.0381098071104504</c:v>
                </c:pt>
                <c:pt idx="2806">
                  <c:v>1.0462691539187681</c:v>
                </c:pt>
                <c:pt idx="2807">
                  <c:v>1.0538535020198325</c:v>
                </c:pt>
                <c:pt idx="2808">
                  <c:v>1.0607671378776313</c:v>
                </c:pt>
                <c:pt idx="2809">
                  <c:v>1.0670866642367076</c:v>
                </c:pt>
                <c:pt idx="2810">
                  <c:v>1.0728043807931198</c:v>
                </c:pt>
                <c:pt idx="2811">
                  <c:v>1.0780955960295699</c:v>
                </c:pt>
                <c:pt idx="2812">
                  <c:v>1.0831742387540928</c:v>
                </c:pt>
                <c:pt idx="2813">
                  <c:v>1.0881499067455525</c:v>
                </c:pt>
                <c:pt idx="2814">
                  <c:v>1.0930631356001257</c:v>
                </c:pt>
                <c:pt idx="2815">
                  <c:v>1.097728642473879</c:v>
                </c:pt>
                <c:pt idx="2816">
                  <c:v>1.1020665133444965</c:v>
                </c:pt>
                <c:pt idx="2817">
                  <c:v>1.1059902509363919</c:v>
                </c:pt>
                <c:pt idx="2818">
                  <c:v>1.1093887018033972</c:v>
                </c:pt>
                <c:pt idx="2819">
                  <c:v>1.1123029598627499</c:v>
                </c:pt>
                <c:pt idx="2820">
                  <c:v>1.1147445155955853</c:v>
                </c:pt>
                <c:pt idx="2821">
                  <c:v>1.1169650407385832</c:v>
                </c:pt>
                <c:pt idx="2822">
                  <c:v>1.1190491172964854</c:v>
                </c:pt>
                <c:pt idx="2823">
                  <c:v>1.1211088963068319</c:v>
                </c:pt>
                <c:pt idx="2824">
                  <c:v>1.123179407697507</c:v>
                </c:pt>
                <c:pt idx="2825">
                  <c:v>1.1253564845455313</c:v>
                </c:pt>
                <c:pt idx="2826">
                  <c:v>1.1274711220932501</c:v>
                </c:pt>
                <c:pt idx="2827">
                  <c:v>1.1296396607880475</c:v>
                </c:pt>
                <c:pt idx="2828">
                  <c:v>1.1318418727060746</c:v>
                </c:pt>
                <c:pt idx="2829">
                  <c:v>1.1340561733822465</c:v>
                </c:pt>
                <c:pt idx="2830">
                  <c:v>1.1362309757644331</c:v>
                </c:pt>
                <c:pt idx="2831">
                  <c:v>1.1382868045286627</c:v>
                </c:pt>
                <c:pt idx="2832">
                  <c:v>1.1401627367396614</c:v>
                </c:pt>
                <c:pt idx="2833">
                  <c:v>1.1418134889069274</c:v>
                </c:pt>
                <c:pt idx="2834">
                  <c:v>1.1432005204536075</c:v>
                </c:pt>
                <c:pt idx="2835">
                  <c:v>1.144361853346314</c:v>
                </c:pt>
                <c:pt idx="2836">
                  <c:v>1.1452851992922861</c:v>
                </c:pt>
                <c:pt idx="2837">
                  <c:v>1.1459892301395207</c:v>
                </c:pt>
                <c:pt idx="2838">
                  <c:v>1.1465058636641985</c:v>
                </c:pt>
                <c:pt idx="2839">
                  <c:v>1.1468600756027836</c:v>
                </c:pt>
                <c:pt idx="2840">
                  <c:v>1.1470055851185319</c:v>
                </c:pt>
                <c:pt idx="2841">
                  <c:v>1.1469637371859629</c:v>
                </c:pt>
                <c:pt idx="2842">
                  <c:v>1.1467261136014057</c:v>
                </c:pt>
                <c:pt idx="2843">
                  <c:v>1.1462746009196347</c:v>
                </c:pt>
                <c:pt idx="2844">
                  <c:v>1.1456132686826468</c:v>
                </c:pt>
                <c:pt idx="2845">
                  <c:v>1.1447656563371917</c:v>
                </c:pt>
                <c:pt idx="2846">
                  <c:v>1.1437720200329322</c:v>
                </c:pt>
                <c:pt idx="2847">
                  <c:v>1.142622744685339</c:v>
                </c:pt>
                <c:pt idx="2848">
                  <c:v>1.1413179498354205</c:v>
                </c:pt>
                <c:pt idx="2849">
                  <c:v>1.1398093200797081</c:v>
                </c:pt>
                <c:pt idx="2850">
                  <c:v>1.1381108592837723</c:v>
                </c:pt>
                <c:pt idx="2851">
                  <c:v>1.1362394440560315</c:v>
                </c:pt>
                <c:pt idx="2852">
                  <c:v>1.1342199700576328</c:v>
                </c:pt>
                <c:pt idx="2853">
                  <c:v>1.1320287784642371</c:v>
                </c:pt>
                <c:pt idx="2854">
                  <c:v>1.1296717340574201</c:v>
                </c:pt>
                <c:pt idx="2855">
                  <c:v>1.1271742114794594</c:v>
                </c:pt>
                <c:pt idx="2856">
                  <c:v>1.1246006047671966</c:v>
                </c:pt>
                <c:pt idx="2857">
                  <c:v>1.1219355138030052</c:v>
                </c:pt>
                <c:pt idx="2858">
                  <c:v>1.1191702008990423</c:v>
                </c:pt>
                <c:pt idx="2859">
                  <c:v>1.1162853957668812</c:v>
                </c:pt>
                <c:pt idx="2860">
                  <c:v>1.1132449116354375</c:v>
                </c:pt>
                <c:pt idx="2861">
                  <c:v>1.1099935306906361</c:v>
                </c:pt>
                <c:pt idx="2862">
                  <c:v>1.10654342168423</c:v>
                </c:pt>
                <c:pt idx="2863">
                  <c:v>1.1029393093771109</c:v>
                </c:pt>
                <c:pt idx="2864">
                  <c:v>1.0992290703926955</c:v>
                </c:pt>
                <c:pt idx="2865">
                  <c:v>1.0955814699980726</c:v>
                </c:pt>
                <c:pt idx="2866">
                  <c:v>1.0919782351693497</c:v>
                </c:pt>
                <c:pt idx="2867">
                  <c:v>1.0884230765803684</c:v>
                </c:pt>
                <c:pt idx="2868">
                  <c:v>1.0848624518704959</c:v>
                </c:pt>
                <c:pt idx="2869">
                  <c:v>1.0812606133755382</c:v>
                </c:pt>
                <c:pt idx="2870">
                  <c:v>1.0775915479751303</c:v>
                </c:pt>
                <c:pt idx="2871">
                  <c:v>1.0738810692550211</c:v>
                </c:pt>
                <c:pt idx="2872">
                  <c:v>1.070199795146912</c:v>
                </c:pt>
                <c:pt idx="2873">
                  <c:v>1.0666117210269599</c:v>
                </c:pt>
                <c:pt idx="2874">
                  <c:v>1.0631729022316865</c:v>
                </c:pt>
                <c:pt idx="2875">
                  <c:v>1.0599224382309731</c:v>
                </c:pt>
                <c:pt idx="2876">
                  <c:v>1.0568332786022627</c:v>
                </c:pt>
                <c:pt idx="2877">
                  <c:v>1.0538215594039615</c:v>
                </c:pt>
                <c:pt idx="2878">
                  <c:v>1.0507900910995227</c:v>
                </c:pt>
                <c:pt idx="2879">
                  <c:v>1.0476116812385154</c:v>
                </c:pt>
                <c:pt idx="2880">
                  <c:v>1.0440262397988795</c:v>
                </c:pt>
                <c:pt idx="2881">
                  <c:v>1.0398827560088875</c:v>
                </c:pt>
                <c:pt idx="2882">
                  <c:v>1.0352077613540169</c:v>
                </c:pt>
                <c:pt idx="2883">
                  <c:v>1.0300016946960304</c:v>
                </c:pt>
                <c:pt idx="2884">
                  <c:v>1.0243704433850778</c:v>
                </c:pt>
                <c:pt idx="2885">
                  <c:v>1.0183681877696238</c:v>
                </c:pt>
                <c:pt idx="2886">
                  <c:v>1.0119685158234892</c:v>
                </c:pt>
                <c:pt idx="2887">
                  <c:v>1.0054279269261583</c:v>
                </c:pt>
                <c:pt idx="2888">
                  <c:v>0.99843801540697308</c:v>
                </c:pt>
                <c:pt idx="2889">
                  <c:v>0.99097823426645959</c:v>
                </c:pt>
                <c:pt idx="2890">
                  <c:v>0.98283485414949001</c:v>
                </c:pt>
                <c:pt idx="2891">
                  <c:v>0.97439898741656839</c:v>
                </c:pt>
                <c:pt idx="2892">
                  <c:v>0.96599727272458735</c:v>
                </c:pt>
                <c:pt idx="2893">
                  <c:v>0.95774178119918907</c:v>
                </c:pt>
                <c:pt idx="2894">
                  <c:v>0.94985418199000793</c:v>
                </c:pt>
                <c:pt idx="2895">
                  <c:v>0.94246023093092224</c:v>
                </c:pt>
                <c:pt idx="2896">
                  <c:v>0.93539722731616315</c:v>
                </c:pt>
                <c:pt idx="2897">
                  <c:v>0.92872445833838346</c:v>
                </c:pt>
                <c:pt idx="2898">
                  <c:v>0.92232127484447513</c:v>
                </c:pt>
                <c:pt idx="2899">
                  <c:v>0.91600841859587612</c:v>
                </c:pt>
                <c:pt idx="2900">
                  <c:v>0.90970824962756092</c:v>
                </c:pt>
                <c:pt idx="2901">
                  <c:v>0.90338490024406992</c:v>
                </c:pt>
                <c:pt idx="2902">
                  <c:v>0.89728341929970146</c:v>
                </c:pt>
                <c:pt idx="2903">
                  <c:v>0.89145571308562932</c:v>
                </c:pt>
                <c:pt idx="2904">
                  <c:v>0.88586328065411102</c:v>
                </c:pt>
                <c:pt idx="2905">
                  <c:v>0.88067065823328128</c:v>
                </c:pt>
                <c:pt idx="2906">
                  <c:v>0.87594120255779029</c:v>
                </c:pt>
                <c:pt idx="2907">
                  <c:v>0.87127937261185329</c:v>
                </c:pt>
                <c:pt idx="2908">
                  <c:v>0.86654748313698593</c:v>
                </c:pt>
                <c:pt idx="2909">
                  <c:v>0.86161283593275573</c:v>
                </c:pt>
                <c:pt idx="2910">
                  <c:v>0.85641367013289416</c:v>
                </c:pt>
                <c:pt idx="2911">
                  <c:v>0.8509939922717269</c:v>
                </c:pt>
                <c:pt idx="2912">
                  <c:v>0.84549783145215374</c:v>
                </c:pt>
                <c:pt idx="2913">
                  <c:v>0.83975833743280137</c:v>
                </c:pt>
                <c:pt idx="2914">
                  <c:v>0.83383824857077093</c:v>
                </c:pt>
                <c:pt idx="2915">
                  <c:v>0.82768906978338752</c:v>
                </c:pt>
                <c:pt idx="2916">
                  <c:v>0.82127840464017832</c:v>
                </c:pt>
                <c:pt idx="2917">
                  <c:v>0.81465235421697191</c:v>
                </c:pt>
                <c:pt idx="2918">
                  <c:v>0.8081192044799983</c:v>
                </c:pt>
                <c:pt idx="2919">
                  <c:v>0.80188476509041706</c:v>
                </c:pt>
                <c:pt idx="2920">
                  <c:v>0.79620302196156678</c:v>
                </c:pt>
                <c:pt idx="2921">
                  <c:v>0.79109326523728385</c:v>
                </c:pt>
                <c:pt idx="2922">
                  <c:v>0.78655188417445321</c:v>
                </c:pt>
                <c:pt idx="2923">
                  <c:v>0.78245719248119405</c:v>
                </c:pt>
                <c:pt idx="2924">
                  <c:v>0.77862294967815004</c:v>
                </c:pt>
                <c:pt idx="2925">
                  <c:v>0.77488663457533946</c:v>
                </c:pt>
                <c:pt idx="2926">
                  <c:v>0.77113068998910927</c:v>
                </c:pt>
                <c:pt idx="2927">
                  <c:v>0.76736299565747879</c:v>
                </c:pt>
                <c:pt idx="2928">
                  <c:v>0.76367950436189658</c:v>
                </c:pt>
                <c:pt idx="2929">
                  <c:v>0.75999040738558499</c:v>
                </c:pt>
                <c:pt idx="2930">
                  <c:v>0.75631118500319716</c:v>
                </c:pt>
                <c:pt idx="2931">
                  <c:v>0.75254153544477309</c:v>
                </c:pt>
                <c:pt idx="2932">
                  <c:v>0.748703741383135</c:v>
                </c:pt>
                <c:pt idx="2933">
                  <c:v>0.74493245600038027</c:v>
                </c:pt>
                <c:pt idx="2934">
                  <c:v>0.74100505267487127</c:v>
                </c:pt>
                <c:pt idx="2935">
                  <c:v>0.73696829106106287</c:v>
                </c:pt>
                <c:pt idx="2936">
                  <c:v>0.73283364153955111</c:v>
                </c:pt>
                <c:pt idx="2937">
                  <c:v>0.7287017448930404</c:v>
                </c:pt>
                <c:pt idx="2938">
                  <c:v>0.7247307736498394</c:v>
                </c:pt>
                <c:pt idx="2939">
                  <c:v>0.72097983548681399</c:v>
                </c:pt>
                <c:pt idx="2940">
                  <c:v>0.71735980012122336</c:v>
                </c:pt>
                <c:pt idx="2941">
                  <c:v>0.71378891800838673</c:v>
                </c:pt>
                <c:pt idx="2942">
                  <c:v>0.71014127357233991</c:v>
                </c:pt>
                <c:pt idx="2943">
                  <c:v>0.7064993344209114</c:v>
                </c:pt>
                <c:pt idx="2944">
                  <c:v>0.70281524378609517</c:v>
                </c:pt>
                <c:pt idx="2945">
                  <c:v>0.69907719219284126</c:v>
                </c:pt>
                <c:pt idx="2946">
                  <c:v>0.69548851562869385</c:v>
                </c:pt>
                <c:pt idx="2947">
                  <c:v>0.69205248590573309</c:v>
                </c:pt>
                <c:pt idx="2948">
                  <c:v>0.6888118326838184</c:v>
                </c:pt>
                <c:pt idx="2949">
                  <c:v>0.68566531698494415</c:v>
                </c:pt>
                <c:pt idx="2950">
                  <c:v>0.68267112880650327</c:v>
                </c:pt>
                <c:pt idx="2951">
                  <c:v>0.67992772589830097</c:v>
                </c:pt>
                <c:pt idx="2952">
                  <c:v>0.67717449832068377</c:v>
                </c:pt>
                <c:pt idx="2953">
                  <c:v>0.67442318601391116</c:v>
                </c:pt>
                <c:pt idx="2954">
                  <c:v>0.67150573678976144</c:v>
                </c:pt>
                <c:pt idx="2955">
                  <c:v>0.66844442302565898</c:v>
                </c:pt>
                <c:pt idx="2956">
                  <c:v>0.66520792056499145</c:v>
                </c:pt>
                <c:pt idx="2957">
                  <c:v>0.66184149279772164</c:v>
                </c:pt>
                <c:pt idx="2958">
                  <c:v>0.65845821849113184</c:v>
                </c:pt>
                <c:pt idx="2959">
                  <c:v>0.6552119810780882</c:v>
                </c:pt>
                <c:pt idx="2960">
                  <c:v>0.65211761246830535</c:v>
                </c:pt>
                <c:pt idx="2961">
                  <c:v>0.64919571955432576</c:v>
                </c:pt>
                <c:pt idx="2962">
                  <c:v>0.64642294248689636</c:v>
                </c:pt>
                <c:pt idx="2963">
                  <c:v>0.64372222977286153</c:v>
                </c:pt>
                <c:pt idx="2964">
                  <c:v>0.6411591026317125</c:v>
                </c:pt>
                <c:pt idx="2965">
                  <c:v>0.63871881895248261</c:v>
                </c:pt>
                <c:pt idx="2966">
                  <c:v>0.63636229961095769</c:v>
                </c:pt>
                <c:pt idx="2967">
                  <c:v>0.63407750536495433</c:v>
                </c:pt>
                <c:pt idx="2968">
                  <c:v>0.63180498960657117</c:v>
                </c:pt>
                <c:pt idx="2969">
                  <c:v>0.62950362810434279</c:v>
                </c:pt>
                <c:pt idx="2970">
                  <c:v>0.62716688769292595</c:v>
                </c:pt>
                <c:pt idx="2971">
                  <c:v>0.62486093803845932</c:v>
                </c:pt>
                <c:pt idx="2972">
                  <c:v>0.62258015352309393</c:v>
                </c:pt>
                <c:pt idx="2973">
                  <c:v>0.62039204025366568</c:v>
                </c:pt>
                <c:pt idx="2974">
                  <c:v>0.61836080286437911</c:v>
                </c:pt>
                <c:pt idx="2975">
                  <c:v>0.61644988550230628</c:v>
                </c:pt>
                <c:pt idx="2976">
                  <c:v>0.61465748287759914</c:v>
                </c:pt>
                <c:pt idx="2977">
                  <c:v>0.61293327451719604</c:v>
                </c:pt>
                <c:pt idx="2978">
                  <c:v>0.61127059766447511</c:v>
                </c:pt>
                <c:pt idx="2979">
                  <c:v>0.60966995099255783</c:v>
                </c:pt>
                <c:pt idx="2980">
                  <c:v>0.60815310845087567</c:v>
                </c:pt>
                <c:pt idx="2981">
                  <c:v>0.60665009034068651</c:v>
                </c:pt>
                <c:pt idx="2982">
                  <c:v>0.60514973530675031</c:v>
                </c:pt>
                <c:pt idx="2983">
                  <c:v>0.60359409267882036</c:v>
                </c:pt>
                <c:pt idx="2984">
                  <c:v>0.60202209221613212</c:v>
                </c:pt>
                <c:pt idx="2985">
                  <c:v>0.60038435114392641</c:v>
                </c:pt>
                <c:pt idx="2986">
                  <c:v>0.59868231563876784</c:v>
                </c:pt>
                <c:pt idx="2987">
                  <c:v>0.59697520319509989</c:v>
                </c:pt>
                <c:pt idx="2988">
                  <c:v>0.59522197954362455</c:v>
                </c:pt>
                <c:pt idx="2989">
                  <c:v>0.5934577144047557</c:v>
                </c:pt>
                <c:pt idx="2990">
                  <c:v>0.59169508500850798</c:v>
                </c:pt>
                <c:pt idx="2991">
                  <c:v>0.58997280164238075</c:v>
                </c:pt>
                <c:pt idx="2992">
                  <c:v>0.5882838524050289</c:v>
                </c:pt>
                <c:pt idx="2993">
                  <c:v>0.58661268732358995</c:v>
                </c:pt>
                <c:pt idx="2994">
                  <c:v>0.58496089237959525</c:v>
                </c:pt>
                <c:pt idx="2995">
                  <c:v>0.58330714743821555</c:v>
                </c:pt>
                <c:pt idx="2996">
                  <c:v>0.58163255621995047</c:v>
                </c:pt>
                <c:pt idx="2997">
                  <c:v>0.57999426646023411</c:v>
                </c:pt>
                <c:pt idx="2998">
                  <c:v>0.57841966262642974</c:v>
                </c:pt>
                <c:pt idx="2999">
                  <c:v>0.5769453703758971</c:v>
                </c:pt>
                <c:pt idx="3000">
                  <c:v>0.575604584187693</c:v>
                </c:pt>
                <c:pt idx="3001">
                  <c:v>0.57439615203947803</c:v>
                </c:pt>
                <c:pt idx="3002">
                  <c:v>0.57331802919169372</c:v>
                </c:pt>
                <c:pt idx="3003">
                  <c:v>0.5723560920253159</c:v>
                </c:pt>
                <c:pt idx="3004">
                  <c:v>0.57146689247415772</c:v>
                </c:pt>
                <c:pt idx="3005">
                  <c:v>0.57062195887683886</c:v>
                </c:pt>
                <c:pt idx="3006">
                  <c:v>0.56977083621742364</c:v>
                </c:pt>
                <c:pt idx="3007">
                  <c:v>0.56889058858009378</c:v>
                </c:pt>
                <c:pt idx="3008">
                  <c:v>0.56795498852044757</c:v>
                </c:pt>
                <c:pt idx="3009">
                  <c:v>0.56695137367142945</c:v>
                </c:pt>
                <c:pt idx="3010">
                  <c:v>0.56592099775773175</c:v>
                </c:pt>
                <c:pt idx="3011">
                  <c:v>0.56485713808063853</c:v>
                </c:pt>
                <c:pt idx="3012">
                  <c:v>0.56379850493582007</c:v>
                </c:pt>
                <c:pt idx="3013">
                  <c:v>0.56274983112585497</c:v>
                </c:pt>
                <c:pt idx="3014">
                  <c:v>0.56172809790452738</c:v>
                </c:pt>
                <c:pt idx="3015">
                  <c:v>0.56073243250808003</c:v>
                </c:pt>
                <c:pt idx="3016">
                  <c:v>0.55975319479167751</c:v>
                </c:pt>
                <c:pt idx="3017">
                  <c:v>0.55880088269473083</c:v>
                </c:pt>
                <c:pt idx="3018">
                  <c:v>0.55786539724083906</c:v>
                </c:pt>
                <c:pt idx="3019">
                  <c:v>0.55694114782467696</c:v>
                </c:pt>
                <c:pt idx="3020">
                  <c:v>0.55604969890067091</c:v>
                </c:pt>
                <c:pt idx="3021">
                  <c:v>0.55520021684559229</c:v>
                </c:pt>
                <c:pt idx="3022">
                  <c:v>0.55440603732100524</c:v>
                </c:pt>
                <c:pt idx="3023">
                  <c:v>0.55365876194596564</c:v>
                </c:pt>
                <c:pt idx="3024">
                  <c:v>0.55296155756035004</c:v>
                </c:pt>
                <c:pt idx="3025">
                  <c:v>0.55231564104750464</c:v>
                </c:pt>
                <c:pt idx="3026">
                  <c:v>0.55172831357677121</c:v>
                </c:pt>
                <c:pt idx="3027">
                  <c:v>0.55120494133831399</c:v>
                </c:pt>
                <c:pt idx="3028">
                  <c:v>0.5507365374793195</c:v>
                </c:pt>
                <c:pt idx="3029">
                  <c:v>0.55031406028721075</c:v>
                </c:pt>
                <c:pt idx="3030">
                  <c:v>0.54992725119057795</c:v>
                </c:pt>
                <c:pt idx="3031">
                  <c:v>0.54954060665689231</c:v>
                </c:pt>
                <c:pt idx="3032">
                  <c:v>0.54912641306838328</c:v>
                </c:pt>
                <c:pt idx="3033">
                  <c:v>0.54865279254762234</c:v>
                </c:pt>
                <c:pt idx="3034">
                  <c:v>0.54811901198874158</c:v>
                </c:pt>
                <c:pt idx="3035">
                  <c:v>0.54753612790551298</c:v>
                </c:pt>
                <c:pt idx="3036">
                  <c:v>0.54689328824586392</c:v>
                </c:pt>
                <c:pt idx="3037">
                  <c:v>0.54622437573620009</c:v>
                </c:pt>
                <c:pt idx="3038">
                  <c:v>0.54555583225118287</c:v>
                </c:pt>
                <c:pt idx="3039">
                  <c:v>0.5449221738721195</c:v>
                </c:pt>
                <c:pt idx="3040">
                  <c:v>0.54432828301986691</c:v>
                </c:pt>
                <c:pt idx="3041">
                  <c:v>0.5437745187750247</c:v>
                </c:pt>
                <c:pt idx="3042">
                  <c:v>0.54324325154338327</c:v>
                </c:pt>
                <c:pt idx="3043">
                  <c:v>0.54272062702045398</c:v>
                </c:pt>
                <c:pt idx="3044">
                  <c:v>0.54218421299684572</c:v>
                </c:pt>
                <c:pt idx="3045">
                  <c:v>0.54161999556488971</c:v>
                </c:pt>
                <c:pt idx="3046">
                  <c:v>0.54102217466511027</c:v>
                </c:pt>
                <c:pt idx="3047">
                  <c:v>0.54039995408906216</c:v>
                </c:pt>
                <c:pt idx="3048">
                  <c:v>0.5397589792936629</c:v>
                </c:pt>
                <c:pt idx="3049">
                  <c:v>0.53909497629155756</c:v>
                </c:pt>
                <c:pt idx="3050">
                  <c:v>0.53842212355336228</c:v>
                </c:pt>
                <c:pt idx="3051">
                  <c:v>0.53774703652589417</c:v>
                </c:pt>
                <c:pt idx="3052">
                  <c:v>0.53707512379020961</c:v>
                </c:pt>
                <c:pt idx="3053">
                  <c:v>0.53642236916396946</c:v>
                </c:pt>
                <c:pt idx="3054">
                  <c:v>0.53579688673623016</c:v>
                </c:pt>
                <c:pt idx="3055">
                  <c:v>0.53521672751798355</c:v>
                </c:pt>
                <c:pt idx="3056">
                  <c:v>0.53467064047780544</c:v>
                </c:pt>
                <c:pt idx="3057">
                  <c:v>0.53418659107850908</c:v>
                </c:pt>
                <c:pt idx="3058">
                  <c:v>0.53377003026753012</c:v>
                </c:pt>
                <c:pt idx="3059">
                  <c:v>0.53341468671764036</c:v>
                </c:pt>
                <c:pt idx="3060">
                  <c:v>0.5331191640133649</c:v>
                </c:pt>
                <c:pt idx="3061">
                  <c:v>0.53288063941807406</c:v>
                </c:pt>
                <c:pt idx="3062">
                  <c:v>0.53269429286343573</c:v>
                </c:pt>
                <c:pt idx="3063">
                  <c:v>0.53254429511800527</c:v>
                </c:pt>
                <c:pt idx="3064">
                  <c:v>0.53242758655295042</c:v>
                </c:pt>
                <c:pt idx="3065">
                  <c:v>0.53233731732956224</c:v>
                </c:pt>
                <c:pt idx="3066">
                  <c:v>0.53226429610881476</c:v>
                </c:pt>
                <c:pt idx="3067">
                  <c:v>0.53219889021412181</c:v>
                </c:pt>
                <c:pt idx="3068">
                  <c:v>0.5321393566264504</c:v>
                </c:pt>
                <c:pt idx="3069">
                  <c:v>0.53208510935790021</c:v>
                </c:pt>
                <c:pt idx="3070">
                  <c:v>0.53203746251795958</c:v>
                </c:pt>
                <c:pt idx="3071">
                  <c:v>0.53198597800308978</c:v>
                </c:pt>
                <c:pt idx="3072">
                  <c:v>0.53193342865809545</c:v>
                </c:pt>
                <c:pt idx="3073">
                  <c:v>0.53188852454483526</c:v>
                </c:pt>
                <c:pt idx="3074">
                  <c:v>0.53183283564276884</c:v>
                </c:pt>
                <c:pt idx="3075">
                  <c:v>0.53175556475958674</c:v>
                </c:pt>
                <c:pt idx="3076">
                  <c:v>0.53165792876229356</c:v>
                </c:pt>
                <c:pt idx="3077">
                  <c:v>0.53153253668279887</c:v>
                </c:pt>
                <c:pt idx="3078">
                  <c:v>0.53138046325441968</c:v>
                </c:pt>
                <c:pt idx="3079">
                  <c:v>0.5312021797612505</c:v>
                </c:pt>
                <c:pt idx="3080">
                  <c:v>0.53099527739885333</c:v>
                </c:pt>
                <c:pt idx="3081">
                  <c:v>0.5307692542110598</c:v>
                </c:pt>
                <c:pt idx="3082">
                  <c:v>0.53052176372961479</c:v>
                </c:pt>
                <c:pt idx="3083">
                  <c:v>0.53024666426759381</c:v>
                </c:pt>
                <c:pt idx="3084">
                  <c:v>0.52991474608164002</c:v>
                </c:pt>
                <c:pt idx="3085">
                  <c:v>0.52951316973202534</c:v>
                </c:pt>
                <c:pt idx="3086">
                  <c:v>0.52904558084365383</c:v>
                </c:pt>
                <c:pt idx="3087">
                  <c:v>0.52851607633937847</c:v>
                </c:pt>
                <c:pt idx="3088">
                  <c:v>0.52796732131220614</c:v>
                </c:pt>
                <c:pt idx="3089">
                  <c:v>0.52744230252096014</c:v>
                </c:pt>
                <c:pt idx="3090">
                  <c:v>0.52696424513311313</c:v>
                </c:pt>
                <c:pt idx="3091">
                  <c:v>0.52654145275475206</c:v>
                </c:pt>
                <c:pt idx="3092">
                  <c:v>0.52616259954939903</c:v>
                </c:pt>
                <c:pt idx="3093">
                  <c:v>0.5258093178408676</c:v>
                </c:pt>
                <c:pt idx="3094">
                  <c:v>0.5254649630022008</c:v>
                </c:pt>
                <c:pt idx="3095">
                  <c:v>0.52512823338460968</c:v>
                </c:pt>
                <c:pt idx="3096">
                  <c:v>0.52480371964064376</c:v>
                </c:pt>
                <c:pt idx="3097">
                  <c:v>0.52450985181535581</c:v>
                </c:pt>
                <c:pt idx="3098">
                  <c:v>0.52425897308578306</c:v>
                </c:pt>
                <c:pt idx="3099">
                  <c:v>0.52400321676438533</c:v>
                </c:pt>
                <c:pt idx="3100">
                  <c:v>0.52374450289384233</c:v>
                </c:pt>
                <c:pt idx="3101">
                  <c:v>0.52346535151456475</c:v>
                </c:pt>
                <c:pt idx="3102">
                  <c:v>0.52315810234392746</c:v>
                </c:pt>
                <c:pt idx="3103">
                  <c:v>0.52284454175937789</c:v>
                </c:pt>
                <c:pt idx="3104">
                  <c:v>0.5225248467927337</c:v>
                </c:pt>
                <c:pt idx="3105">
                  <c:v>0.52220476513584768</c:v>
                </c:pt>
                <c:pt idx="3106">
                  <c:v>0.52189736561154654</c:v>
                </c:pt>
                <c:pt idx="3107">
                  <c:v>0.52160960281012725</c:v>
                </c:pt>
                <c:pt idx="3108">
                  <c:v>0.52135466025005173</c:v>
                </c:pt>
                <c:pt idx="3109">
                  <c:v>0.52111834948397318</c:v>
                </c:pt>
                <c:pt idx="3110">
                  <c:v>0.52090231377178731</c:v>
                </c:pt>
                <c:pt idx="3111">
                  <c:v>0.52071086574127468</c:v>
                </c:pt>
                <c:pt idx="3112">
                  <c:v>0.52054527586904709</c:v>
                </c:pt>
                <c:pt idx="3113">
                  <c:v>0.52041350863405367</c:v>
                </c:pt>
                <c:pt idx="3114">
                  <c:v>0.52031148952635897</c:v>
                </c:pt>
                <c:pt idx="3115">
                  <c:v>0.5202367660923064</c:v>
                </c:pt>
                <c:pt idx="3116">
                  <c:v>0.52018580619332655</c:v>
                </c:pt>
                <c:pt idx="3117">
                  <c:v>0.52015406775317186</c:v>
                </c:pt>
                <c:pt idx="3118">
                  <c:v>0.52013660353083369</c:v>
                </c:pt>
                <c:pt idx="3119">
                  <c:v>0.52012196424311086</c:v>
                </c:pt>
                <c:pt idx="3120">
                  <c:v>0.52010303447088369</c:v>
                </c:pt>
                <c:pt idx="3121">
                  <c:v>0.52006906689732602</c:v>
                </c:pt>
                <c:pt idx="3122">
                  <c:v>0.52001369914630602</c:v>
                </c:pt>
                <c:pt idx="3123">
                  <c:v>0.51994026262881821</c:v>
                </c:pt>
                <c:pt idx="3124">
                  <c:v>0.51983903238555906</c:v>
                </c:pt>
                <c:pt idx="3125">
                  <c:v>0.51969454575027441</c:v>
                </c:pt>
                <c:pt idx="3126">
                  <c:v>0.5194954394798742</c:v>
                </c:pt>
                <c:pt idx="3127">
                  <c:v>0.51921728898486108</c:v>
                </c:pt>
                <c:pt idx="3128">
                  <c:v>0.5188699214349608</c:v>
                </c:pt>
                <c:pt idx="3129">
                  <c:v>0.51845244537945179</c:v>
                </c:pt>
                <c:pt idx="3130">
                  <c:v>0.51799902902958617</c:v>
                </c:pt>
                <c:pt idx="3131">
                  <c:v>0.51756291023100631</c:v>
                </c:pt>
                <c:pt idx="3132">
                  <c:v>0.51718899453505984</c:v>
                </c:pt>
                <c:pt idx="3133">
                  <c:v>0.516908859332463</c:v>
                </c:pt>
                <c:pt idx="3134">
                  <c:v>0.51673251259156783</c:v>
                </c:pt>
                <c:pt idx="3135">
                  <c:v>0.51665242992083016</c:v>
                </c:pt>
                <c:pt idx="3136">
                  <c:v>0.51664062091969531</c:v>
                </c:pt>
                <c:pt idx="3137">
                  <c:v>0.51667018862423164</c:v>
                </c:pt>
                <c:pt idx="3138">
                  <c:v>0.51672650942677067</c:v>
                </c:pt>
                <c:pt idx="3139">
                  <c:v>0.51679142011282542</c:v>
                </c:pt>
                <c:pt idx="3140">
                  <c:v>0.51686292955244484</c:v>
                </c:pt>
                <c:pt idx="3141">
                  <c:v>0.5169379120301475</c:v>
                </c:pt>
                <c:pt idx="3142">
                  <c:v>0.5169953167664938</c:v>
                </c:pt>
                <c:pt idx="3143">
                  <c:v>0.51704125798584288</c:v>
                </c:pt>
                <c:pt idx="3144">
                  <c:v>0.51704583022106931</c:v>
                </c:pt>
                <c:pt idx="3145">
                  <c:v>0.51701188111386021</c:v>
                </c:pt>
                <c:pt idx="3146">
                  <c:v>0.51694053276453389</c:v>
                </c:pt>
                <c:pt idx="3147">
                  <c:v>0.51684341643970522</c:v>
                </c:pt>
                <c:pt idx="3148">
                  <c:v>0.51671353764215422</c:v>
                </c:pt>
                <c:pt idx="3149">
                  <c:v>0.51655365674781484</c:v>
                </c:pt>
                <c:pt idx="3150">
                  <c:v>0.51637017349857628</c:v>
                </c:pt>
                <c:pt idx="3151">
                  <c:v>0.51615940362093804</c:v>
                </c:pt>
                <c:pt idx="3152">
                  <c:v>0.51591681999966343</c:v>
                </c:pt>
                <c:pt idx="3153">
                  <c:v>0.5156585111876596</c:v>
                </c:pt>
                <c:pt idx="3154">
                  <c:v>0.51537745274934288</c:v>
                </c:pt>
                <c:pt idx="3155">
                  <c:v>0.51507370700455446</c:v>
                </c:pt>
                <c:pt idx="3156">
                  <c:v>0.51475335077921192</c:v>
                </c:pt>
                <c:pt idx="3157">
                  <c:v>0.51441777422984203</c:v>
                </c:pt>
                <c:pt idx="3158">
                  <c:v>0.51407688305717791</c:v>
                </c:pt>
                <c:pt idx="3159">
                  <c:v>0.51372862627905458</c:v>
                </c:pt>
                <c:pt idx="3160">
                  <c:v>0.51339249740610104</c:v>
                </c:pt>
                <c:pt idx="3161">
                  <c:v>0.5130696309829933</c:v>
                </c:pt>
                <c:pt idx="3162">
                  <c:v>0.51277080797453245</c:v>
                </c:pt>
                <c:pt idx="3163">
                  <c:v>0.51250944878321247</c:v>
                </c:pt>
                <c:pt idx="3164">
                  <c:v>0.51227855889547114</c:v>
                </c:pt>
                <c:pt idx="3165">
                  <c:v>0.51208670373099785</c:v>
                </c:pt>
                <c:pt idx="3166">
                  <c:v>0.51194306211909302</c:v>
                </c:pt>
                <c:pt idx="3167">
                  <c:v>0.51183672587325291</c:v>
                </c:pt>
                <c:pt idx="3168">
                  <c:v>0.51177759946039691</c:v>
                </c:pt>
                <c:pt idx="3169">
                  <c:v>0.51175679324568302</c:v>
                </c:pt>
                <c:pt idx="3170">
                  <c:v>0.51176641379657839</c:v>
                </c:pt>
                <c:pt idx="3171">
                  <c:v>0.51180208983421827</c:v>
                </c:pt>
                <c:pt idx="3172">
                  <c:v>0.51185619224815448</c:v>
                </c:pt>
                <c:pt idx="3173">
                  <c:v>0.51191881774808445</c:v>
                </c:pt>
                <c:pt idx="3174">
                  <c:v>0.51198361144246696</c:v>
                </c:pt>
                <c:pt idx="3175">
                  <c:v>0.51204770069467664</c:v>
                </c:pt>
                <c:pt idx="3176">
                  <c:v>0.51209899910797319</c:v>
                </c:pt>
                <c:pt idx="3177">
                  <c:v>0.51212621074338738</c:v>
                </c:pt>
                <c:pt idx="3178">
                  <c:v>0.51211439156941896</c:v>
                </c:pt>
                <c:pt idx="3179">
                  <c:v>0.5120439944168057</c:v>
                </c:pt>
                <c:pt idx="3180">
                  <c:v>0.5119158009677176</c:v>
                </c:pt>
                <c:pt idx="3181">
                  <c:v>0.51174475893875349</c:v>
                </c:pt>
                <c:pt idx="3182">
                  <c:v>0.5115470865149534</c:v>
                </c:pt>
                <c:pt idx="3183">
                  <c:v>0.51134115632409993</c:v>
                </c:pt>
                <c:pt idx="3184">
                  <c:v>0.51114783581401146</c:v>
                </c:pt>
                <c:pt idx="3185">
                  <c:v>0.51099050598036166</c:v>
                </c:pt>
                <c:pt idx="3186">
                  <c:v>0.51088135910724097</c:v>
                </c:pt>
                <c:pt idx="3187">
                  <c:v>0.5108140664664923</c:v>
                </c:pt>
                <c:pt idx="3188">
                  <c:v>0.51078853076660569</c:v>
                </c:pt>
                <c:pt idx="3189">
                  <c:v>0.51079707423912135</c:v>
                </c:pt>
                <c:pt idx="3190">
                  <c:v>0.51082027436263022</c:v>
                </c:pt>
                <c:pt idx="3191">
                  <c:v>0.51084180193338502</c:v>
                </c:pt>
                <c:pt idx="3192">
                  <c:v>0.51086242989063846</c:v>
                </c:pt>
                <c:pt idx="3193">
                  <c:v>0.51088754930509961</c:v>
                </c:pt>
                <c:pt idx="3194">
                  <c:v>0.51090424839961412</c:v>
                </c:pt>
                <c:pt idx="3195">
                  <c:v>0.51092258619463382</c:v>
                </c:pt>
                <c:pt idx="3196">
                  <c:v>0.51093835225645845</c:v>
                </c:pt>
                <c:pt idx="3197">
                  <c:v>0.5109491713795995</c:v>
                </c:pt>
                <c:pt idx="3198">
                  <c:v>0.51095506223467924</c:v>
                </c:pt>
                <c:pt idx="3199">
                  <c:v>0.51093645266566823</c:v>
                </c:pt>
                <c:pt idx="3200">
                  <c:v>0.51089376279833887</c:v>
                </c:pt>
                <c:pt idx="3201">
                  <c:v>0.51082472965521009</c:v>
                </c:pt>
                <c:pt idx="3202">
                  <c:v>0.5107335174469142</c:v>
                </c:pt>
                <c:pt idx="3203">
                  <c:v>0.51063798136760952</c:v>
                </c:pt>
                <c:pt idx="3204">
                  <c:v>0.51054951949314908</c:v>
                </c:pt>
                <c:pt idx="3205">
                  <c:v>0.51047342687740027</c:v>
                </c:pt>
                <c:pt idx="3206">
                  <c:v>0.51040884004697662</c:v>
                </c:pt>
                <c:pt idx="3207">
                  <c:v>0.51034629207302695</c:v>
                </c:pt>
                <c:pt idx="3208">
                  <c:v>0.51028074463295492</c:v>
                </c:pt>
                <c:pt idx="3209">
                  <c:v>0.51019560975717571</c:v>
                </c:pt>
                <c:pt idx="3210">
                  <c:v>0.51008190676194343</c:v>
                </c:pt>
                <c:pt idx="3211">
                  <c:v>0.50993283809446255</c:v>
                </c:pt>
                <c:pt idx="3212">
                  <c:v>0.50973741322955934</c:v>
                </c:pt>
                <c:pt idx="3213">
                  <c:v>0.50950010372000543</c:v>
                </c:pt>
                <c:pt idx="3214">
                  <c:v>0.50924378242639234</c:v>
                </c:pt>
                <c:pt idx="3215">
                  <c:v>0.50898103934566474</c:v>
                </c:pt>
                <c:pt idx="3216">
                  <c:v>0.50870817393595913</c:v>
                </c:pt>
                <c:pt idx="3217">
                  <c:v>0.50843245177395613</c:v>
                </c:pt>
                <c:pt idx="3218">
                  <c:v>0.50817490358758211</c:v>
                </c:pt>
                <c:pt idx="3219">
                  <c:v>0.50794246269978371</c:v>
                </c:pt>
                <c:pt idx="3220">
                  <c:v>0.50774021778255518</c:v>
                </c:pt>
                <c:pt idx="3221">
                  <c:v>0.50757460841117097</c:v>
                </c:pt>
                <c:pt idx="3222">
                  <c:v>0.50745534323653374</c:v>
                </c:pt>
                <c:pt idx="3223">
                  <c:v>0.50738870411005643</c:v>
                </c:pt>
                <c:pt idx="3224">
                  <c:v>0.50739098271938299</c:v>
                </c:pt>
                <c:pt idx="3225">
                  <c:v>0.50745088120128534</c:v>
                </c:pt>
                <c:pt idx="3226">
                  <c:v>0.50757688883853402</c:v>
                </c:pt>
                <c:pt idx="3227">
                  <c:v>0.50775850820158563</c:v>
                </c:pt>
                <c:pt idx="3228">
                  <c:v>0.50800894267575158</c:v>
                </c:pt>
                <c:pt idx="3229">
                  <c:v>0.50830019865337916</c:v>
                </c:pt>
                <c:pt idx="3230">
                  <c:v>0.5086293890818343</c:v>
                </c:pt>
                <c:pt idx="3231">
                  <c:v>0.50898891905100008</c:v>
                </c:pt>
                <c:pt idx="3232">
                  <c:v>0.50936376839245767</c:v>
                </c:pt>
                <c:pt idx="3233">
                  <c:v>0.50973859153784729</c:v>
                </c:pt>
                <c:pt idx="3234">
                  <c:v>0.51010198461811174</c:v>
                </c:pt>
                <c:pt idx="3235">
                  <c:v>0.51045931805596789</c:v>
                </c:pt>
                <c:pt idx="3236">
                  <c:v>0.51080749658906732</c:v>
                </c:pt>
                <c:pt idx="3237">
                  <c:v>0.5111458586645572</c:v>
                </c:pt>
                <c:pt idx="3238">
                  <c:v>0.51146636987649274</c:v>
                </c:pt>
                <c:pt idx="3239">
                  <c:v>0.51177058856407875</c:v>
                </c:pt>
                <c:pt idx="3240">
                  <c:v>0.51205457102612995</c:v>
                </c:pt>
                <c:pt idx="3241">
                  <c:v>0.51230623575213452</c:v>
                </c:pt>
                <c:pt idx="3242">
                  <c:v>0.51251164975134833</c:v>
                </c:pt>
                <c:pt idx="3243">
                  <c:v>0.51268476943246033</c:v>
                </c:pt>
                <c:pt idx="3244">
                  <c:v>0.51281157702294178</c:v>
                </c:pt>
                <c:pt idx="3245">
                  <c:v>0.51287041442110048</c:v>
                </c:pt>
                <c:pt idx="3246">
                  <c:v>0.51287010875400563</c:v>
                </c:pt>
                <c:pt idx="3247">
                  <c:v>0.51280803662354113</c:v>
                </c:pt>
                <c:pt idx="3248">
                  <c:v>0.51268476891769044</c:v>
                </c:pt>
                <c:pt idx="3249">
                  <c:v>0.51250729497780401</c:v>
                </c:pt>
                <c:pt idx="3250">
                  <c:v>0.51227236426895717</c:v>
                </c:pt>
                <c:pt idx="3251">
                  <c:v>0.51197759402753185</c:v>
                </c:pt>
                <c:pt idx="3252">
                  <c:v>0.51164449742706775</c:v>
                </c:pt>
                <c:pt idx="3253">
                  <c:v>0.51127776719980123</c:v>
                </c:pt>
                <c:pt idx="3254">
                  <c:v>0.51089193326527993</c:v>
                </c:pt>
                <c:pt idx="3255">
                  <c:v>0.51048492577461402</c:v>
                </c:pt>
                <c:pt idx="3256">
                  <c:v>0.51007175028656238</c:v>
                </c:pt>
                <c:pt idx="3257">
                  <c:v>0.50967037158407436</c:v>
                </c:pt>
                <c:pt idx="3258">
                  <c:v>0.50928784382048098</c:v>
                </c:pt>
                <c:pt idx="3259">
                  <c:v>0.50893938573464526</c:v>
                </c:pt>
                <c:pt idx="3260">
                  <c:v>0.50862523715214114</c:v>
                </c:pt>
                <c:pt idx="3261">
                  <c:v>0.50835748672489134</c:v>
                </c:pt>
                <c:pt idx="3262">
                  <c:v>0.50813832737918196</c:v>
                </c:pt>
                <c:pt idx="3263">
                  <c:v>0.5079666330624063</c:v>
                </c:pt>
                <c:pt idx="3264">
                  <c:v>0.50783653681297847</c:v>
                </c:pt>
                <c:pt idx="3265">
                  <c:v>0.50775917100295953</c:v>
                </c:pt>
                <c:pt idx="3266">
                  <c:v>0.50772589580471483</c:v>
                </c:pt>
                <c:pt idx="3267">
                  <c:v>0.50771609412100138</c:v>
                </c:pt>
                <c:pt idx="3268">
                  <c:v>0.50770824804321357</c:v>
                </c:pt>
                <c:pt idx="3269">
                  <c:v>0.50767934788165381</c:v>
                </c:pt>
                <c:pt idx="3270">
                  <c:v>0.50761805449590236</c:v>
                </c:pt>
                <c:pt idx="3271">
                  <c:v>0.50750743316573932</c:v>
                </c:pt>
                <c:pt idx="3272">
                  <c:v>0.50737315003619388</c:v>
                </c:pt>
                <c:pt idx="3273">
                  <c:v>0.50724314914012658</c:v>
                </c:pt>
                <c:pt idx="3274">
                  <c:v>0.50718565947410155</c:v>
                </c:pt>
                <c:pt idx="3275">
                  <c:v>0.5072326696376489</c:v>
                </c:pt>
                <c:pt idx="3276">
                  <c:v>0.50739532691726585</c:v>
                </c:pt>
                <c:pt idx="3277">
                  <c:v>0.50765454149222866</c:v>
                </c:pt>
                <c:pt idx="3278">
                  <c:v>0.50796136046231144</c:v>
                </c:pt>
                <c:pt idx="3279">
                  <c:v>0.50825620019195283</c:v>
                </c:pt>
                <c:pt idx="3280">
                  <c:v>0.5084910453509458</c:v>
                </c:pt>
                <c:pt idx="3281">
                  <c:v>0.50865279567709643</c:v>
                </c:pt>
                <c:pt idx="3282">
                  <c:v>0.50874351245613836</c:v>
                </c:pt>
                <c:pt idx="3283">
                  <c:v>0.50877049972541721</c:v>
                </c:pt>
                <c:pt idx="3284">
                  <c:v>0.50875312855386567</c:v>
                </c:pt>
                <c:pt idx="3285">
                  <c:v>0.50870118467631831</c:v>
                </c:pt>
                <c:pt idx="3286">
                  <c:v>0.50866039627092685</c:v>
                </c:pt>
                <c:pt idx="3287">
                  <c:v>0.50862832368791411</c:v>
                </c:pt>
                <c:pt idx="3288">
                  <c:v>0.50860405523711383</c:v>
                </c:pt>
                <c:pt idx="3289">
                  <c:v>0.50858166710183106</c:v>
                </c:pt>
                <c:pt idx="3290">
                  <c:v>0.50854234308605339</c:v>
                </c:pt>
                <c:pt idx="3291">
                  <c:v>0.50848605419107695</c:v>
                </c:pt>
                <c:pt idx="3292">
                  <c:v>0.50841394589430955</c:v>
                </c:pt>
                <c:pt idx="3293">
                  <c:v>0.5083194765979866</c:v>
                </c:pt>
                <c:pt idx="3294">
                  <c:v>0.50822114892971637</c:v>
                </c:pt>
                <c:pt idx="3295">
                  <c:v>0.50811682555019022</c:v>
                </c:pt>
                <c:pt idx="3296">
                  <c:v>0.50801943219826617</c:v>
                </c:pt>
                <c:pt idx="3297">
                  <c:v>0.50794461197685126</c:v>
                </c:pt>
                <c:pt idx="3298">
                  <c:v>0.50790060829745576</c:v>
                </c:pt>
                <c:pt idx="3299">
                  <c:v>0.5078916274609131</c:v>
                </c:pt>
                <c:pt idx="3300">
                  <c:v>0.5079130485102521</c:v>
                </c:pt>
                <c:pt idx="3301">
                  <c:v>0.50796317481374387</c:v>
                </c:pt>
                <c:pt idx="3302">
                  <c:v>0.50803318185575519</c:v>
                </c:pt>
                <c:pt idx="3303">
                  <c:v>0.50811436044054803</c:v>
                </c:pt>
                <c:pt idx="3304">
                  <c:v>0.50820056600257224</c:v>
                </c:pt>
                <c:pt idx="3305">
                  <c:v>0.50828907767080633</c:v>
                </c:pt>
                <c:pt idx="3306">
                  <c:v>0.50837603247877727</c:v>
                </c:pt>
                <c:pt idx="3307">
                  <c:v>0.50846677002020502</c:v>
                </c:pt>
                <c:pt idx="3308">
                  <c:v>0.50855683947201946</c:v>
                </c:pt>
                <c:pt idx="3309">
                  <c:v>0.5086457523012492</c:v>
                </c:pt>
                <c:pt idx="3310">
                  <c:v>0.50873580155447351</c:v>
                </c:pt>
                <c:pt idx="3311">
                  <c:v>0.50881586231889231</c:v>
                </c:pt>
                <c:pt idx="3312">
                  <c:v>0.50888426722213442</c:v>
                </c:pt>
                <c:pt idx="3313">
                  <c:v>0.50892619335887268</c:v>
                </c:pt>
                <c:pt idx="3314">
                  <c:v>0.50895449903556023</c:v>
                </c:pt>
                <c:pt idx="3315">
                  <c:v>0.50897380377271506</c:v>
                </c:pt>
                <c:pt idx="3316">
                  <c:v>0.50899789783091454</c:v>
                </c:pt>
                <c:pt idx="3317">
                  <c:v>0.50904242855624049</c:v>
                </c:pt>
                <c:pt idx="3318">
                  <c:v>0.50913817055167387</c:v>
                </c:pt>
                <c:pt idx="3319">
                  <c:v>0.50927357621296365</c:v>
                </c:pt>
                <c:pt idx="3320">
                  <c:v>0.5094469101527449</c:v>
                </c:pt>
                <c:pt idx="3321">
                  <c:v>0.50963196375248609</c:v>
                </c:pt>
                <c:pt idx="3322">
                  <c:v>0.50979820328883296</c:v>
                </c:pt>
                <c:pt idx="3323">
                  <c:v>0.50989768676259284</c:v>
                </c:pt>
                <c:pt idx="3324">
                  <c:v>0.5099142066354746</c:v>
                </c:pt>
                <c:pt idx="3325">
                  <c:v>0.50983508381448694</c:v>
                </c:pt>
                <c:pt idx="3326">
                  <c:v>0.50968095334926844</c:v>
                </c:pt>
                <c:pt idx="3327">
                  <c:v>0.5094830080892534</c:v>
                </c:pt>
                <c:pt idx="3328">
                  <c:v>0.50930345659527054</c:v>
                </c:pt>
                <c:pt idx="3329">
                  <c:v>0.50919911695391828</c:v>
                </c:pt>
                <c:pt idx="3330">
                  <c:v>0.50919990527090009</c:v>
                </c:pt>
                <c:pt idx="3331">
                  <c:v>0.50929891128332672</c:v>
                </c:pt>
                <c:pt idx="3332">
                  <c:v>0.50947164375125586</c:v>
                </c:pt>
                <c:pt idx="3333">
                  <c:v>0.50968902137867556</c:v>
                </c:pt>
                <c:pt idx="3334">
                  <c:v>0.50991843381962376</c:v>
                </c:pt>
                <c:pt idx="3335">
                  <c:v>0.51012422047138628</c:v>
                </c:pt>
                <c:pt idx="3336">
                  <c:v>0.51030629656852056</c:v>
                </c:pt>
                <c:pt idx="3337">
                  <c:v>0.51044960650519455</c:v>
                </c:pt>
                <c:pt idx="3338">
                  <c:v>0.51055108320066878</c:v>
                </c:pt>
                <c:pt idx="3339">
                  <c:v>0.51060603062164278</c:v>
                </c:pt>
                <c:pt idx="3340">
                  <c:v>0.5106252589930923</c:v>
                </c:pt>
                <c:pt idx="3341">
                  <c:v>0.51061137597588269</c:v>
                </c:pt>
                <c:pt idx="3342">
                  <c:v>0.5105714115455019</c:v>
                </c:pt>
                <c:pt idx="3343">
                  <c:v>0.51051767456916486</c:v>
                </c:pt>
                <c:pt idx="3344">
                  <c:v>0.51046995464007028</c:v>
                </c:pt>
                <c:pt idx="3345">
                  <c:v>0.51045093514263351</c:v>
                </c:pt>
                <c:pt idx="3346">
                  <c:v>0.51048558729478288</c:v>
                </c:pt>
                <c:pt idx="3347">
                  <c:v>0.51059635632223366</c:v>
                </c:pt>
                <c:pt idx="3348">
                  <c:v>0.51078469902378665</c:v>
                </c:pt>
                <c:pt idx="3349">
                  <c:v>0.5110525683955659</c:v>
                </c:pt>
                <c:pt idx="3350">
                  <c:v>0.51137433347257044</c:v>
                </c:pt>
                <c:pt idx="3351">
                  <c:v>0.51171926021241887</c:v>
                </c:pt>
                <c:pt idx="3352">
                  <c:v>0.51204971480134098</c:v>
                </c:pt>
                <c:pt idx="3353">
                  <c:v>0.51234009496254396</c:v>
                </c:pt>
                <c:pt idx="3354">
                  <c:v>0.51257388995009789</c:v>
                </c:pt>
                <c:pt idx="3355">
                  <c:v>0.51274451969740242</c:v>
                </c:pt>
                <c:pt idx="3356">
                  <c:v>0.512859924203238</c:v>
                </c:pt>
                <c:pt idx="3357">
                  <c:v>0.51296379141656256</c:v>
                </c:pt>
                <c:pt idx="3358">
                  <c:v>0.51304578339335083</c:v>
                </c:pt>
                <c:pt idx="3359">
                  <c:v>0.5131131319560861</c:v>
                </c:pt>
                <c:pt idx="3360">
                  <c:v>0.51316733866403708</c:v>
                </c:pt>
                <c:pt idx="3361">
                  <c:v>0.51319800449532205</c:v>
                </c:pt>
                <c:pt idx="3362">
                  <c:v>0.51319111220852431</c:v>
                </c:pt>
                <c:pt idx="3363">
                  <c:v>0.51313337021618766</c:v>
                </c:pt>
                <c:pt idx="3364">
                  <c:v>0.51303511227881082</c:v>
                </c:pt>
                <c:pt idx="3365">
                  <c:v>0.5129017112050277</c:v>
                </c:pt>
                <c:pt idx="3366">
                  <c:v>0.51275369074795774</c:v>
                </c:pt>
                <c:pt idx="3367">
                  <c:v>0.51261931221602597</c:v>
                </c:pt>
                <c:pt idx="3368">
                  <c:v>0.51250555798893271</c:v>
                </c:pt>
                <c:pt idx="3369">
                  <c:v>0.51243800127939931</c:v>
                </c:pt>
                <c:pt idx="3370">
                  <c:v>0.51242779871985633</c:v>
                </c:pt>
                <c:pt idx="3371">
                  <c:v>0.51246052402292397</c:v>
                </c:pt>
                <c:pt idx="3372">
                  <c:v>0.5125385738346655</c:v>
                </c:pt>
                <c:pt idx="3373">
                  <c:v>0.51264477275950804</c:v>
                </c:pt>
                <c:pt idx="3374">
                  <c:v>0.51277111543106546</c:v>
                </c:pt>
                <c:pt idx="3375">
                  <c:v>0.51292033136359083</c:v>
                </c:pt>
                <c:pt idx="3376">
                  <c:v>0.51309010681348655</c:v>
                </c:pt>
                <c:pt idx="3377">
                  <c:v>0.51326252448736898</c:v>
                </c:pt>
                <c:pt idx="3378">
                  <c:v>0.51343418961669163</c:v>
                </c:pt>
                <c:pt idx="3379">
                  <c:v>0.51357967297722673</c:v>
                </c:pt>
                <c:pt idx="3380">
                  <c:v>0.51369104901643425</c:v>
                </c:pt>
                <c:pt idx="3381">
                  <c:v>0.51373986495600132</c:v>
                </c:pt>
                <c:pt idx="3382">
                  <c:v>0.51370118904369155</c:v>
                </c:pt>
                <c:pt idx="3383">
                  <c:v>0.51356655083077551</c:v>
                </c:pt>
                <c:pt idx="3384">
                  <c:v>0.51333795908011581</c:v>
                </c:pt>
                <c:pt idx="3385">
                  <c:v>0.513049797920337</c:v>
                </c:pt>
                <c:pt idx="3386">
                  <c:v>0.51275328935817543</c:v>
                </c:pt>
                <c:pt idx="3387">
                  <c:v>0.51250457642079583</c:v>
                </c:pt>
                <c:pt idx="3388">
                  <c:v>0.51235185389209281</c:v>
                </c:pt>
                <c:pt idx="3389">
                  <c:v>0.51235094565006756</c:v>
                </c:pt>
                <c:pt idx="3390">
                  <c:v>0.51251960730950208</c:v>
                </c:pt>
                <c:pt idx="3391">
                  <c:v>0.51283155301186778</c:v>
                </c:pt>
                <c:pt idx="3392">
                  <c:v>0.51322876113038218</c:v>
                </c:pt>
                <c:pt idx="3393">
                  <c:v>0.51365070022453241</c:v>
                </c:pt>
                <c:pt idx="3394">
                  <c:v>0.51403530151394361</c:v>
                </c:pt>
                <c:pt idx="3395">
                  <c:v>0.51434330879355794</c:v>
                </c:pt>
                <c:pt idx="3396">
                  <c:v>0.51456821764343663</c:v>
                </c:pt>
                <c:pt idx="3397">
                  <c:v>0.51473078720544652</c:v>
                </c:pt>
                <c:pt idx="3398">
                  <c:v>0.51485522892166502</c:v>
                </c:pt>
                <c:pt idx="3399">
                  <c:v>0.51498330776499868</c:v>
                </c:pt>
                <c:pt idx="3400">
                  <c:v>0.51513416699827452</c:v>
                </c:pt>
                <c:pt idx="3401">
                  <c:v>0.51531813507087287</c:v>
                </c:pt>
                <c:pt idx="3402">
                  <c:v>0.51552649697751018</c:v>
                </c:pt>
                <c:pt idx="3403">
                  <c:v>0.5157521074178999</c:v>
                </c:pt>
                <c:pt idx="3404">
                  <c:v>0.5159832117604134</c:v>
                </c:pt>
                <c:pt idx="3405">
                  <c:v>0.51620430614086288</c:v>
                </c:pt>
                <c:pt idx="3406">
                  <c:v>0.51639888932430522</c:v>
                </c:pt>
                <c:pt idx="3407">
                  <c:v>0.51657057084455504</c:v>
                </c:pt>
                <c:pt idx="3408">
                  <c:v>0.5167158733656092</c:v>
                </c:pt>
                <c:pt idx="3409">
                  <c:v>0.51683625687293899</c:v>
                </c:pt>
                <c:pt idx="3410">
                  <c:v>0.51692572802323022</c:v>
                </c:pt>
                <c:pt idx="3411">
                  <c:v>0.51698596877400105</c:v>
                </c:pt>
                <c:pt idx="3412">
                  <c:v>0.51704007824763865</c:v>
                </c:pt>
                <c:pt idx="3413">
                  <c:v>0.51709385151933862</c:v>
                </c:pt>
                <c:pt idx="3414">
                  <c:v>0.51716067527825227</c:v>
                </c:pt>
                <c:pt idx="3415">
                  <c:v>0.5172654329045876</c:v>
                </c:pt>
                <c:pt idx="3416">
                  <c:v>0.51740569934188585</c:v>
                </c:pt>
                <c:pt idx="3417">
                  <c:v>0.51758290078056646</c:v>
                </c:pt>
                <c:pt idx="3418">
                  <c:v>0.51779159245860307</c:v>
                </c:pt>
                <c:pt idx="3419">
                  <c:v>0.51801462847755508</c:v>
                </c:pt>
                <c:pt idx="3420">
                  <c:v>0.51821198183390116</c:v>
                </c:pt>
                <c:pt idx="3421">
                  <c:v>0.51836386092438891</c:v>
                </c:pt>
                <c:pt idx="3422">
                  <c:v>0.51846262536265797</c:v>
                </c:pt>
                <c:pt idx="3423">
                  <c:v>0.51850565919432812</c:v>
                </c:pt>
                <c:pt idx="3424">
                  <c:v>0.51851088245822263</c:v>
                </c:pt>
                <c:pt idx="3425">
                  <c:v>0.51849907397185779</c:v>
                </c:pt>
                <c:pt idx="3426">
                  <c:v>0.51849373054596226</c:v>
                </c:pt>
                <c:pt idx="3427">
                  <c:v>0.51849767484362708</c:v>
                </c:pt>
                <c:pt idx="3428">
                  <c:v>0.5185275525213493</c:v>
                </c:pt>
                <c:pt idx="3429">
                  <c:v>0.51859021959507634</c:v>
                </c:pt>
                <c:pt idx="3430">
                  <c:v>0.51867180033608673</c:v>
                </c:pt>
                <c:pt idx="3431">
                  <c:v>0.51874900460967865</c:v>
                </c:pt>
                <c:pt idx="3432">
                  <c:v>0.51882504898413451</c:v>
                </c:pt>
                <c:pt idx="3433">
                  <c:v>0.51889816781505904</c:v>
                </c:pt>
                <c:pt idx="3434">
                  <c:v>0.51897933142086516</c:v>
                </c:pt>
                <c:pt idx="3435">
                  <c:v>0.51905699809672823</c:v>
                </c:pt>
                <c:pt idx="3436">
                  <c:v>0.51914499332819408</c:v>
                </c:pt>
                <c:pt idx="3437">
                  <c:v>0.51924873296029428</c:v>
                </c:pt>
                <c:pt idx="3438">
                  <c:v>0.5193746078694369</c:v>
                </c:pt>
                <c:pt idx="3439">
                  <c:v>0.51952056682832848</c:v>
                </c:pt>
                <c:pt idx="3440">
                  <c:v>0.51969656900840355</c:v>
                </c:pt>
                <c:pt idx="3441">
                  <c:v>0.51989883022994698</c:v>
                </c:pt>
                <c:pt idx="3442">
                  <c:v>0.52012411860414387</c:v>
                </c:pt>
                <c:pt idx="3443">
                  <c:v>0.52035778540582323</c:v>
                </c:pt>
                <c:pt idx="3444">
                  <c:v>0.52059874576151843</c:v>
                </c:pt>
                <c:pt idx="3445">
                  <c:v>0.52084186507849206</c:v>
                </c:pt>
                <c:pt idx="3446">
                  <c:v>0.521077102908863</c:v>
                </c:pt>
                <c:pt idx="3447">
                  <c:v>0.52130273454469889</c:v>
                </c:pt>
                <c:pt idx="3448">
                  <c:v>0.52150419867365938</c:v>
                </c:pt>
                <c:pt idx="3449">
                  <c:v>0.52168677022456045</c:v>
                </c:pt>
                <c:pt idx="3450">
                  <c:v>0.52186154911526395</c:v>
                </c:pt>
                <c:pt idx="3451">
                  <c:v>0.52201372444356942</c:v>
                </c:pt>
                <c:pt idx="3452">
                  <c:v>0.52214984300396605</c:v>
                </c:pt>
                <c:pt idx="3453">
                  <c:v>0.5222702497739925</c:v>
                </c:pt>
                <c:pt idx="3454">
                  <c:v>0.52238357619461984</c:v>
                </c:pt>
                <c:pt idx="3455">
                  <c:v>0.52249015242128205</c:v>
                </c:pt>
                <c:pt idx="3456">
                  <c:v>0.52258469800160079</c:v>
                </c:pt>
                <c:pt idx="3457">
                  <c:v>0.52269103515441639</c:v>
                </c:pt>
                <c:pt idx="3458">
                  <c:v>0.52280840934962836</c:v>
                </c:pt>
                <c:pt idx="3459">
                  <c:v>0.5229310888614217</c:v>
                </c:pt>
                <c:pt idx="3460">
                  <c:v>0.52307574683337155</c:v>
                </c:pt>
                <c:pt idx="3461">
                  <c:v>0.52325097456256808</c:v>
                </c:pt>
                <c:pt idx="3462">
                  <c:v>0.52344991823922027</c:v>
                </c:pt>
                <c:pt idx="3463">
                  <c:v>0.52367115019396671</c:v>
                </c:pt>
                <c:pt idx="3464">
                  <c:v>0.52391971587447272</c:v>
                </c:pt>
                <c:pt idx="3465">
                  <c:v>0.52418901330781908</c:v>
                </c:pt>
                <c:pt idx="3466">
                  <c:v>0.52447831802483247</c:v>
                </c:pt>
                <c:pt idx="3467">
                  <c:v>0.5247741781240044</c:v>
                </c:pt>
                <c:pt idx="3468">
                  <c:v>0.52509012981471281</c:v>
                </c:pt>
                <c:pt idx="3469">
                  <c:v>0.52540906578174618</c:v>
                </c:pt>
                <c:pt idx="3470">
                  <c:v>0.52572738372258132</c:v>
                </c:pt>
                <c:pt idx="3471">
                  <c:v>0.52604597253860308</c:v>
                </c:pt>
                <c:pt idx="3472">
                  <c:v>0.52637309701571178</c:v>
                </c:pt>
                <c:pt idx="3473">
                  <c:v>0.5267055040533043</c:v>
                </c:pt>
                <c:pt idx="3474">
                  <c:v>0.52703310573844686</c:v>
                </c:pt>
                <c:pt idx="3475">
                  <c:v>0.52734994601187313</c:v>
                </c:pt>
                <c:pt idx="3476">
                  <c:v>0.52767658548586105</c:v>
                </c:pt>
                <c:pt idx="3477">
                  <c:v>0.52800311337734607</c:v>
                </c:pt>
                <c:pt idx="3478">
                  <c:v>0.52833227604091082</c:v>
                </c:pt>
                <c:pt idx="3479">
                  <c:v>0.52866079824084666</c:v>
                </c:pt>
                <c:pt idx="3480">
                  <c:v>0.52898578845746091</c:v>
                </c:pt>
                <c:pt idx="3481">
                  <c:v>0.52931180850801796</c:v>
                </c:pt>
                <c:pt idx="3482">
                  <c:v>0.52962592797742469</c:v>
                </c:pt>
                <c:pt idx="3483">
                  <c:v>0.52994709163977372</c:v>
                </c:pt>
                <c:pt idx="3484">
                  <c:v>0.53027304646980222</c:v>
                </c:pt>
                <c:pt idx="3485">
                  <c:v>0.53060129758210661</c:v>
                </c:pt>
                <c:pt idx="3486">
                  <c:v>0.53093187363221095</c:v>
                </c:pt>
                <c:pt idx="3487">
                  <c:v>0.53128073960373479</c:v>
                </c:pt>
                <c:pt idx="3488">
                  <c:v>0.53164621107970378</c:v>
                </c:pt>
                <c:pt idx="3489">
                  <c:v>0.53204568433282995</c:v>
                </c:pt>
                <c:pt idx="3490">
                  <c:v>0.53248110092807743</c:v>
                </c:pt>
                <c:pt idx="3491">
                  <c:v>0.53294991586760188</c:v>
                </c:pt>
                <c:pt idx="3492">
                  <c:v>0.53346592235352275</c:v>
                </c:pt>
                <c:pt idx="3493">
                  <c:v>0.53402891748479231</c:v>
                </c:pt>
                <c:pt idx="3494">
                  <c:v>0.53464389682542179</c:v>
                </c:pt>
                <c:pt idx="3495">
                  <c:v>0.53531262737618446</c:v>
                </c:pt>
                <c:pt idx="3496">
                  <c:v>0.53600983534884739</c:v>
                </c:pt>
                <c:pt idx="3497">
                  <c:v>0.53675310934396059</c:v>
                </c:pt>
                <c:pt idx="3498">
                  <c:v>0.5375795154249553</c:v>
                </c:pt>
                <c:pt idx="3499">
                  <c:v>0.53846828055934848</c:v>
                </c:pt>
                <c:pt idx="3500">
                  <c:v>0.53941407517100604</c:v>
                </c:pt>
                <c:pt idx="3501">
                  <c:v>0.54042062593249185</c:v>
                </c:pt>
                <c:pt idx="3502">
                  <c:v>0.54149808559323342</c:v>
                </c:pt>
                <c:pt idx="3503">
                  <c:v>0.54264973459383481</c:v>
                </c:pt>
                <c:pt idx="3504">
                  <c:v>0.54388689783111466</c:v>
                </c:pt>
                <c:pt idx="3505">
                  <c:v>0.54521930913802885</c:v>
                </c:pt>
                <c:pt idx="3506">
                  <c:v>0.54665845283481518</c:v>
                </c:pt>
                <c:pt idx="3507">
                  <c:v>0.54821355421897056</c:v>
                </c:pt>
                <c:pt idx="3508">
                  <c:v>0.54990490507032375</c:v>
                </c:pt>
                <c:pt idx="3509">
                  <c:v>0.55173237963794342</c:v>
                </c:pt>
                <c:pt idx="3510">
                  <c:v>0.5536997723479169</c:v>
                </c:pt>
                <c:pt idx="3511">
                  <c:v>0.55578664476002104</c:v>
                </c:pt>
                <c:pt idx="3512">
                  <c:v>0.55792941007014685</c:v>
                </c:pt>
                <c:pt idx="3513">
                  <c:v>0.56004690609423369</c:v>
                </c:pt>
                <c:pt idx="3514">
                  <c:v>0.56207183573836483</c:v>
                </c:pt>
                <c:pt idx="3515">
                  <c:v>0.5639426414867218</c:v>
                </c:pt>
                <c:pt idx="3516">
                  <c:v>0.56561137124081673</c:v>
                </c:pt>
                <c:pt idx="3517">
                  <c:v>0.56705840461149826</c:v>
                </c:pt>
                <c:pt idx="3518">
                  <c:v>0.56828855357785724</c:v>
                </c:pt>
                <c:pt idx="3519">
                  <c:v>0.56929922404280675</c:v>
                </c:pt>
                <c:pt idx="3520">
                  <c:v>0.5701114360630114</c:v>
                </c:pt>
                <c:pt idx="3521">
                  <c:v>0.57073437536405414</c:v>
                </c:pt>
                <c:pt idx="3522">
                  <c:v>0.57116194202891057</c:v>
                </c:pt>
                <c:pt idx="3523">
                  <c:v>0.57140734141699379</c:v>
                </c:pt>
                <c:pt idx="3524">
                  <c:v>0.57148500571511018</c:v>
                </c:pt>
                <c:pt idx="3525">
                  <c:v>0.57143362479972437</c:v>
                </c:pt>
                <c:pt idx="3526">
                  <c:v>0.57126618941205842</c:v>
                </c:pt>
                <c:pt idx="3527">
                  <c:v>0.57101999831604877</c:v>
                </c:pt>
                <c:pt idx="3528">
                  <c:v>0.57071401672133582</c:v>
                </c:pt>
                <c:pt idx="3529">
                  <c:v>0.57036783399197122</c:v>
                </c:pt>
                <c:pt idx="3530">
                  <c:v>0.56998408288998059</c:v>
                </c:pt>
                <c:pt idx="3531">
                  <c:v>0.56957452779493711</c:v>
                </c:pt>
                <c:pt idx="3532">
                  <c:v>0.56915815915654777</c:v>
                </c:pt>
                <c:pt idx="3533">
                  <c:v>0.56874198377748431</c:v>
                </c:pt>
                <c:pt idx="3534">
                  <c:v>0.56832327336096555</c:v>
                </c:pt>
                <c:pt idx="3535">
                  <c:v>0.56790148399948703</c:v>
                </c:pt>
                <c:pt idx="3536">
                  <c:v>0.56747944824299001</c:v>
                </c:pt>
                <c:pt idx="3537">
                  <c:v>0.56707512965695217</c:v>
                </c:pt>
                <c:pt idx="3538">
                  <c:v>0.56668375008184735</c:v>
                </c:pt>
                <c:pt idx="3539">
                  <c:v>0.56630903507899033</c:v>
                </c:pt>
                <c:pt idx="3540">
                  <c:v>0.56597675793500124</c:v>
                </c:pt>
                <c:pt idx="3541">
                  <c:v>0.56572030763841841</c:v>
                </c:pt>
                <c:pt idx="3542">
                  <c:v>0.56554885557480616</c:v>
                </c:pt>
                <c:pt idx="3543">
                  <c:v>0.56547664036114886</c:v>
                </c:pt>
                <c:pt idx="3544">
                  <c:v>0.56551490241480562</c:v>
                </c:pt>
                <c:pt idx="3545">
                  <c:v>0.56564038727544541</c:v>
                </c:pt>
                <c:pt idx="3546">
                  <c:v>0.56585734399268173</c:v>
                </c:pt>
                <c:pt idx="3547">
                  <c:v>0.56613195469294442</c:v>
                </c:pt>
                <c:pt idx="3548">
                  <c:v>0.56643311480575087</c:v>
                </c:pt>
                <c:pt idx="3549">
                  <c:v>0.56675005707715476</c:v>
                </c:pt>
                <c:pt idx="3550">
                  <c:v>0.56708386433788527</c:v>
                </c:pt>
                <c:pt idx="3551">
                  <c:v>0.56745222602619472</c:v>
                </c:pt>
                <c:pt idx="3552">
                  <c:v>0.5678485195048294</c:v>
                </c:pt>
                <c:pt idx="3553">
                  <c:v>0.56828894366721472</c:v>
                </c:pt>
                <c:pt idx="3554">
                  <c:v>0.56876075167500706</c:v>
                </c:pt>
                <c:pt idx="3555">
                  <c:v>0.56924740175717681</c:v>
                </c:pt>
                <c:pt idx="3556">
                  <c:v>0.5697370198227959</c:v>
                </c:pt>
                <c:pt idx="3557">
                  <c:v>0.57023199502516564</c:v>
                </c:pt>
                <c:pt idx="3558">
                  <c:v>0.57074549468792402</c:v>
                </c:pt>
                <c:pt idx="3559">
                  <c:v>0.57130081381565911</c:v>
                </c:pt>
                <c:pt idx="3560">
                  <c:v>0.57193768098426001</c:v>
                </c:pt>
                <c:pt idx="3561">
                  <c:v>0.57268281299636614</c:v>
                </c:pt>
                <c:pt idx="3562">
                  <c:v>0.57358582798280078</c:v>
                </c:pt>
                <c:pt idx="3563">
                  <c:v>0.57463506627472416</c:v>
                </c:pt>
                <c:pt idx="3564">
                  <c:v>0.57578855756323843</c:v>
                </c:pt>
                <c:pt idx="3565">
                  <c:v>0.57695540132913337</c:v>
                </c:pt>
                <c:pt idx="3566">
                  <c:v>0.57807692496598406</c:v>
                </c:pt>
                <c:pt idx="3567">
                  <c:v>0.57912268284962676</c:v>
                </c:pt>
                <c:pt idx="3568">
                  <c:v>0.58007625322395584</c:v>
                </c:pt>
                <c:pt idx="3569">
                  <c:v>0.58094392082472968</c:v>
                </c:pt>
                <c:pt idx="3570">
                  <c:v>0.58176300076595722</c:v>
                </c:pt>
                <c:pt idx="3571">
                  <c:v>0.58259281155137432</c:v>
                </c:pt>
                <c:pt idx="3572">
                  <c:v>0.58344704874023978</c:v>
                </c:pt>
                <c:pt idx="3573">
                  <c:v>0.58433121971674584</c:v>
                </c:pt>
                <c:pt idx="3574">
                  <c:v>0.58527696403620189</c:v>
                </c:pt>
                <c:pt idx="3575">
                  <c:v>0.5863350523093438</c:v>
                </c:pt>
                <c:pt idx="3576">
                  <c:v>0.58746469130991896</c:v>
                </c:pt>
                <c:pt idx="3577">
                  <c:v>0.58863808387218608</c:v>
                </c:pt>
                <c:pt idx="3578">
                  <c:v>0.58983339737928764</c:v>
                </c:pt>
                <c:pt idx="3579">
                  <c:v>0.5910467239106314</c:v>
                </c:pt>
                <c:pt idx="3580">
                  <c:v>0.59230962368159512</c:v>
                </c:pt>
                <c:pt idx="3581">
                  <c:v>0.59362321529533013</c:v>
                </c:pt>
                <c:pt idx="3582">
                  <c:v>0.5950428176405711</c:v>
                </c:pt>
                <c:pt idx="3583">
                  <c:v>0.59660592655641465</c:v>
                </c:pt>
                <c:pt idx="3584">
                  <c:v>0.59827912930953964</c:v>
                </c:pt>
                <c:pt idx="3585">
                  <c:v>0.60004428459177805</c:v>
                </c:pt>
                <c:pt idx="3586">
                  <c:v>0.60188047803771216</c:v>
                </c:pt>
                <c:pt idx="3587">
                  <c:v>0.60372520301840316</c:v>
                </c:pt>
                <c:pt idx="3588">
                  <c:v>0.60556088627017546</c:v>
                </c:pt>
                <c:pt idx="3589">
                  <c:v>0.60734011217465156</c:v>
                </c:pt>
                <c:pt idx="3590">
                  <c:v>0.6090678400903603</c:v>
                </c:pt>
                <c:pt idx="3591">
                  <c:v>0.61073809729746664</c:v>
                </c:pt>
                <c:pt idx="3592">
                  <c:v>0.61240633350162632</c:v>
                </c:pt>
                <c:pt idx="3593">
                  <c:v>0.61407675968399322</c:v>
                </c:pt>
                <c:pt idx="3594">
                  <c:v>0.61578544544421887</c:v>
                </c:pt>
                <c:pt idx="3595">
                  <c:v>0.61753732987687415</c:v>
                </c:pt>
                <c:pt idx="3596">
                  <c:v>0.61936269812047995</c:v>
                </c:pt>
                <c:pt idx="3597">
                  <c:v>0.62129905516559758</c:v>
                </c:pt>
                <c:pt idx="3598">
                  <c:v>0.62326862442890618</c:v>
                </c:pt>
                <c:pt idx="3599">
                  <c:v>0.62521814536586229</c:v>
                </c:pt>
                <c:pt idx="3600">
                  <c:v>0.62711832626213138</c:v>
                </c:pt>
                <c:pt idx="3601">
                  <c:v>0.62892941160220006</c:v>
                </c:pt>
                <c:pt idx="3602">
                  <c:v>0.63073636546446532</c:v>
                </c:pt>
                <c:pt idx="3603">
                  <c:v>0.63259998421617447</c:v>
                </c:pt>
                <c:pt idx="3604">
                  <c:v>0.63453386480955332</c:v>
                </c:pt>
                <c:pt idx="3605">
                  <c:v>0.63656805395478122</c:v>
                </c:pt>
                <c:pt idx="3606">
                  <c:v>0.63872093596409996</c:v>
                </c:pt>
                <c:pt idx="3607">
                  <c:v>0.64097677407671427</c:v>
                </c:pt>
                <c:pt idx="3608">
                  <c:v>0.64331829702728682</c:v>
                </c:pt>
                <c:pt idx="3609">
                  <c:v>0.64571824758649832</c:v>
                </c:pt>
                <c:pt idx="3610">
                  <c:v>0.64810420424869908</c:v>
                </c:pt>
                <c:pt idx="3611">
                  <c:v>0.65050000053315449</c:v>
                </c:pt>
                <c:pt idx="3612">
                  <c:v>0.65286803454182796</c:v>
                </c:pt>
                <c:pt idx="3613">
                  <c:v>0.65519952397348558</c:v>
                </c:pt>
                <c:pt idx="3614">
                  <c:v>0.65744378131596015</c:v>
                </c:pt>
                <c:pt idx="3615">
                  <c:v>0.65966396744621336</c:v>
                </c:pt>
                <c:pt idx="3616">
                  <c:v>0.66191089538221537</c:v>
                </c:pt>
                <c:pt idx="3617">
                  <c:v>0.6641691971181759</c:v>
                </c:pt>
                <c:pt idx="3618">
                  <c:v>0.6665306007271925</c:v>
                </c:pt>
                <c:pt idx="3619">
                  <c:v>0.66893695919107321</c:v>
                </c:pt>
                <c:pt idx="3620">
                  <c:v>0.67138701941281842</c:v>
                </c:pt>
                <c:pt idx="3621">
                  <c:v>0.67385271630121291</c:v>
                </c:pt>
                <c:pt idx="3622">
                  <c:v>0.6762736303332556</c:v>
                </c:pt>
                <c:pt idx="3623">
                  <c:v>0.67873368861198957</c:v>
                </c:pt>
                <c:pt idx="3624">
                  <c:v>0.68132631345714034</c:v>
                </c:pt>
                <c:pt idx="3625">
                  <c:v>0.68406960327938493</c:v>
                </c:pt>
                <c:pt idx="3626">
                  <c:v>0.68697592873466751</c:v>
                </c:pt>
                <c:pt idx="3627">
                  <c:v>0.69005967780495125</c:v>
                </c:pt>
                <c:pt idx="3628">
                  <c:v>0.69327570982795295</c:v>
                </c:pt>
                <c:pt idx="3629">
                  <c:v>0.6965475661129904</c:v>
                </c:pt>
                <c:pt idx="3630">
                  <c:v>0.69984484884413267</c:v>
                </c:pt>
                <c:pt idx="3631">
                  <c:v>0.70313771918018608</c:v>
                </c:pt>
                <c:pt idx="3632">
                  <c:v>0.70642486355911605</c:v>
                </c:pt>
                <c:pt idx="3633">
                  <c:v>0.70971019709195127</c:v>
                </c:pt>
                <c:pt idx="3634">
                  <c:v>0.71302548214339023</c:v>
                </c:pt>
                <c:pt idx="3635">
                  <c:v>0.71644289598936606</c:v>
                </c:pt>
                <c:pt idx="3636">
                  <c:v>0.72012009745051675</c:v>
                </c:pt>
                <c:pt idx="3637">
                  <c:v>0.72423766576300452</c:v>
                </c:pt>
                <c:pt idx="3638">
                  <c:v>0.7288944101092244</c:v>
                </c:pt>
                <c:pt idx="3639">
                  <c:v>0.73369758720691247</c:v>
                </c:pt>
                <c:pt idx="3640">
                  <c:v>0.7382522582393507</c:v>
                </c:pt>
                <c:pt idx="3641">
                  <c:v>0.7422781103266195</c:v>
                </c:pt>
                <c:pt idx="3642">
                  <c:v>0.7457490943144609</c:v>
                </c:pt>
                <c:pt idx="3643">
                  <c:v>0.74879851239998352</c:v>
                </c:pt>
                <c:pt idx="3644">
                  <c:v>0.75161502235659949</c:v>
                </c:pt>
                <c:pt idx="3645">
                  <c:v>0.75433433893632174</c:v>
                </c:pt>
                <c:pt idx="3646">
                  <c:v>0.75708146518334007</c:v>
                </c:pt>
                <c:pt idx="3647">
                  <c:v>0.75993739736239019</c:v>
                </c:pt>
                <c:pt idx="3648">
                  <c:v>0.7629871801174426</c:v>
                </c:pt>
                <c:pt idx="3649">
                  <c:v>0.76627279105405421</c:v>
                </c:pt>
                <c:pt idx="3650">
                  <c:v>0.76978922726252907</c:v>
                </c:pt>
                <c:pt idx="3651">
                  <c:v>0.77344756297902229</c:v>
                </c:pt>
                <c:pt idx="3652">
                  <c:v>0.77724716413775941</c:v>
                </c:pt>
                <c:pt idx="3653">
                  <c:v>0.78109625225087731</c:v>
                </c:pt>
                <c:pt idx="3654">
                  <c:v>0.78494629783599845</c:v>
                </c:pt>
                <c:pt idx="3655">
                  <c:v>0.78878150538319192</c:v>
                </c:pt>
                <c:pt idx="3656">
                  <c:v>0.79266252434601148</c:v>
                </c:pt>
                <c:pt idx="3657">
                  <c:v>0.79656853260907334</c:v>
                </c:pt>
                <c:pt idx="3658">
                  <c:v>0.80062068445365786</c:v>
                </c:pt>
                <c:pt idx="3659">
                  <c:v>0.80489269304930189</c:v>
                </c:pt>
                <c:pt idx="3660">
                  <c:v>0.80927841864518779</c:v>
                </c:pt>
                <c:pt idx="3661">
                  <c:v>0.8136753498011573</c:v>
                </c:pt>
                <c:pt idx="3662">
                  <c:v>0.817967868626997</c:v>
                </c:pt>
                <c:pt idx="3663">
                  <c:v>0.82204732133377745</c:v>
                </c:pt>
                <c:pt idx="3664">
                  <c:v>0.82585021652958079</c:v>
                </c:pt>
                <c:pt idx="3665">
                  <c:v>0.82935766722527782</c:v>
                </c:pt>
                <c:pt idx="3666">
                  <c:v>0.83259842487194247</c:v>
                </c:pt>
                <c:pt idx="3667">
                  <c:v>0.8356393025163722</c:v>
                </c:pt>
                <c:pt idx="3668">
                  <c:v>0.83862441440277302</c:v>
                </c:pt>
                <c:pt idx="3669">
                  <c:v>0.84159785261532449</c:v>
                </c:pt>
                <c:pt idx="3670">
                  <c:v>0.84467855449296292</c:v>
                </c:pt>
                <c:pt idx="3671">
                  <c:v>0.84800425211371966</c:v>
                </c:pt>
                <c:pt idx="3672">
                  <c:v>0.85171654568368926</c:v>
                </c:pt>
                <c:pt idx="3673">
                  <c:v>0.8559380437499583</c:v>
                </c:pt>
                <c:pt idx="3674">
                  <c:v>0.86070342260166433</c:v>
                </c:pt>
                <c:pt idx="3675">
                  <c:v>0.86595938574208076</c:v>
                </c:pt>
                <c:pt idx="3676">
                  <c:v>0.87147385553773049</c:v>
                </c:pt>
                <c:pt idx="3677">
                  <c:v>0.87716405126995389</c:v>
                </c:pt>
                <c:pt idx="3678">
                  <c:v>0.88286683778353336</c:v>
                </c:pt>
                <c:pt idx="3679">
                  <c:v>0.8885601972261592</c:v>
                </c:pt>
                <c:pt idx="3680">
                  <c:v>0.89411929765334919</c:v>
                </c:pt>
                <c:pt idx="3681">
                  <c:v>0.89952666826514971</c:v>
                </c:pt>
                <c:pt idx="3682">
                  <c:v>0.90480206388736439</c:v>
                </c:pt>
                <c:pt idx="3683">
                  <c:v>0.90995119536085778</c:v>
                </c:pt>
                <c:pt idx="3684">
                  <c:v>0.91498009284724824</c:v>
                </c:pt>
                <c:pt idx="3685">
                  <c:v>0.91990559798328508</c:v>
                </c:pt>
                <c:pt idx="3686">
                  <c:v>0.92469623798276324</c:v>
                </c:pt>
                <c:pt idx="3687">
                  <c:v>0.92933162918351297</c:v>
                </c:pt>
                <c:pt idx="3688">
                  <c:v>0.9337623058756257</c:v>
                </c:pt>
                <c:pt idx="3689">
                  <c:v>0.93790572568707375</c:v>
                </c:pt>
                <c:pt idx="3690">
                  <c:v>0.94168604969378567</c:v>
                </c:pt>
                <c:pt idx="3691">
                  <c:v>0.94507591321844064</c:v>
                </c:pt>
                <c:pt idx="3692">
                  <c:v>0.94804444158842482</c:v>
                </c:pt>
                <c:pt idx="3693">
                  <c:v>0.9507012779313786</c:v>
                </c:pt>
                <c:pt idx="3694">
                  <c:v>0.9530762303657212</c:v>
                </c:pt>
                <c:pt idx="3695">
                  <c:v>0.95530994236092892</c:v>
                </c:pt>
                <c:pt idx="3696">
                  <c:v>0.95749924989651181</c:v>
                </c:pt>
                <c:pt idx="3697">
                  <c:v>0.95968816481791352</c:v>
                </c:pt>
                <c:pt idx="3698">
                  <c:v>0.96186085329344406</c:v>
                </c:pt>
                <c:pt idx="3699">
                  <c:v>0.96411247535891498</c:v>
                </c:pt>
                <c:pt idx="3700">
                  <c:v>0.96643190528443124</c:v>
                </c:pt>
                <c:pt idx="3701">
                  <c:v>0.9688693792188432</c:v>
                </c:pt>
                <c:pt idx="3702">
                  <c:v>0.971353366371837</c:v>
                </c:pt>
                <c:pt idx="3703">
                  <c:v>0.97387070579311696</c:v>
                </c:pt>
                <c:pt idx="3704">
                  <c:v>0.97640021829675305</c:v>
                </c:pt>
                <c:pt idx="3705">
                  <c:v>0.97894821185668768</c:v>
                </c:pt>
                <c:pt idx="3706">
                  <c:v>0.98155191626586213</c:v>
                </c:pt>
                <c:pt idx="3707">
                  <c:v>0.9842535883312189</c:v>
                </c:pt>
                <c:pt idx="3708">
                  <c:v>0.9870892595757792</c:v>
                </c:pt>
                <c:pt idx="3709">
                  <c:v>0.99016597983084975</c:v>
                </c:pt>
                <c:pt idx="3710">
                  <c:v>0.99343292570135322</c:v>
                </c:pt>
                <c:pt idx="3711">
                  <c:v>0.99686261296895995</c:v>
                </c:pt>
                <c:pt idx="3712">
                  <c:v>1.000375450935874</c:v>
                </c:pt>
                <c:pt idx="3713">
                  <c:v>1.003855982189354</c:v>
                </c:pt>
                <c:pt idx="3714">
                  <c:v>1.0071501311157731</c:v>
                </c:pt>
                <c:pt idx="3715">
                  <c:v>1.0101752717542789</c:v>
                </c:pt>
                <c:pt idx="3716">
                  <c:v>1.0128860497722267</c:v>
                </c:pt>
                <c:pt idx="3717">
                  <c:v>1.0152146024007829</c:v>
                </c:pt>
                <c:pt idx="3718">
                  <c:v>1.0171201210523078</c:v>
                </c:pt>
                <c:pt idx="3719">
                  <c:v>1.0186004150949179</c:v>
                </c:pt>
                <c:pt idx="3720">
                  <c:v>1.019630036429489</c:v>
                </c:pt>
                <c:pt idx="3721">
                  <c:v>1.0202320493619879</c:v>
                </c:pt>
                <c:pt idx="3722">
                  <c:v>1.0204931966233595</c:v>
                </c:pt>
                <c:pt idx="3723">
                  <c:v>1.0204972661653566</c:v>
                </c:pt>
                <c:pt idx="3724">
                  <c:v>1.0203655492143939</c:v>
                </c:pt>
                <c:pt idx="3725">
                  <c:v>1.0202015865869987</c:v>
                </c:pt>
                <c:pt idx="3726">
                  <c:v>1.0200291994643012</c:v>
                </c:pt>
                <c:pt idx="3727">
                  <c:v>1.0199005782414308</c:v>
                </c:pt>
                <c:pt idx="3728">
                  <c:v>1.0197703250345767</c:v>
                </c:pt>
                <c:pt idx="3729">
                  <c:v>1.019622845012357</c:v>
                </c:pt>
                <c:pt idx="3730">
                  <c:v>1.0194402665896865</c:v>
                </c:pt>
                <c:pt idx="3731">
                  <c:v>1.0191924350364172</c:v>
                </c:pt>
                <c:pt idx="3732">
                  <c:v>1.0188609202829833</c:v>
                </c:pt>
                <c:pt idx="3733">
                  <c:v>1.0184414184445214</c:v>
                </c:pt>
                <c:pt idx="3734">
                  <c:v>1.0178963900490583</c:v>
                </c:pt>
                <c:pt idx="3735">
                  <c:v>1.0172344577374508</c:v>
                </c:pt>
                <c:pt idx="3736">
                  <c:v>1.0164444541079556</c:v>
                </c:pt>
                <c:pt idx="3737">
                  <c:v>1.0155286171839695</c:v>
                </c:pt>
                <c:pt idx="3738">
                  <c:v>1.0144648899743287</c:v>
                </c:pt>
                <c:pt idx="3739">
                  <c:v>1.0132767345468805</c:v>
                </c:pt>
                <c:pt idx="3740">
                  <c:v>1.0119452434034086</c:v>
                </c:pt>
                <c:pt idx="3741">
                  <c:v>1.0104762452098874</c:v>
                </c:pt>
                <c:pt idx="3742">
                  <c:v>1.0088483213715314</c:v>
                </c:pt>
                <c:pt idx="3743">
                  <c:v>1.0070964630859183</c:v>
                </c:pt>
                <c:pt idx="3744">
                  <c:v>1.0052196380351366</c:v>
                </c:pt>
                <c:pt idx="3745">
                  <c:v>1.0032142990460673</c:v>
                </c:pt>
                <c:pt idx="3746">
                  <c:v>1.001087232338397</c:v>
                </c:pt>
                <c:pt idx="3747">
                  <c:v>0.99883592820461797</c:v>
                </c:pt>
                <c:pt idx="3748">
                  <c:v>0.99647702752122047</c:v>
                </c:pt>
                <c:pt idx="3749">
                  <c:v>0.99401228818653875</c:v>
                </c:pt>
                <c:pt idx="3750">
                  <c:v>0.99144722109827388</c:v>
                </c:pt>
                <c:pt idx="3751">
                  <c:v>0.98878075144957056</c:v>
                </c:pt>
                <c:pt idx="3752">
                  <c:v>0.98603263218691328</c:v>
                </c:pt>
                <c:pt idx="3753">
                  <c:v>0.98319692106811374</c:v>
                </c:pt>
                <c:pt idx="3754">
                  <c:v>0.98035289755945509</c:v>
                </c:pt>
                <c:pt idx="3755">
                  <c:v>0.97748285112529043</c:v>
                </c:pt>
                <c:pt idx="3756">
                  <c:v>0.974498292248833</c:v>
                </c:pt>
                <c:pt idx="3757">
                  <c:v>0.97147155696758847</c:v>
                </c:pt>
                <c:pt idx="3758">
                  <c:v>0.968417452188162</c:v>
                </c:pt>
                <c:pt idx="3759">
                  <c:v>0.96535796128145168</c:v>
                </c:pt>
                <c:pt idx="3760">
                  <c:v>0.96226775568934209</c:v>
                </c:pt>
                <c:pt idx="3761">
                  <c:v>0.95915190123784955</c:v>
                </c:pt>
                <c:pt idx="3762">
                  <c:v>0.95600497813537344</c:v>
                </c:pt>
                <c:pt idx="3763">
                  <c:v>0.95279131936500328</c:v>
                </c:pt>
                <c:pt idx="3764">
                  <c:v>0.94951715143630255</c:v>
                </c:pt>
                <c:pt idx="3765">
                  <c:v>0.94613874963103561</c:v>
                </c:pt>
                <c:pt idx="3766">
                  <c:v>0.94261362574093621</c:v>
                </c:pt>
                <c:pt idx="3767">
                  <c:v>0.9390292370465888</c:v>
                </c:pt>
                <c:pt idx="3768">
                  <c:v>0.9352816936684516</c:v>
                </c:pt>
                <c:pt idx="3769">
                  <c:v>0.93140482963406401</c:v>
                </c:pt>
                <c:pt idx="3770">
                  <c:v>0.92743742762554882</c:v>
                </c:pt>
                <c:pt idx="3771">
                  <c:v>0.92343606428608216</c:v>
                </c:pt>
                <c:pt idx="3772">
                  <c:v>0.91948324971243667</c:v>
                </c:pt>
                <c:pt idx="3773">
                  <c:v>0.91561565055563143</c:v>
                </c:pt>
                <c:pt idx="3774">
                  <c:v>0.91184320261001073</c:v>
                </c:pt>
                <c:pt idx="3775">
                  <c:v>0.90804470044414298</c:v>
                </c:pt>
                <c:pt idx="3776">
                  <c:v>0.90423231411713245</c:v>
                </c:pt>
                <c:pt idx="3777">
                  <c:v>0.90045571802496893</c:v>
                </c:pt>
                <c:pt idx="3778">
                  <c:v>0.89662849488567331</c:v>
                </c:pt>
                <c:pt idx="3779">
                  <c:v>0.89267631993404861</c:v>
                </c:pt>
                <c:pt idx="3780">
                  <c:v>0.88863565783521303</c:v>
                </c:pt>
                <c:pt idx="3781">
                  <c:v>0.88458734429472086</c:v>
                </c:pt>
                <c:pt idx="3782">
                  <c:v>0.88049670727232865</c:v>
                </c:pt>
                <c:pt idx="3783">
                  <c:v>0.87635405544853717</c:v>
                </c:pt>
                <c:pt idx="3784">
                  <c:v>0.87202086448993432</c:v>
                </c:pt>
                <c:pt idx="3785">
                  <c:v>0.86737401402108172</c:v>
                </c:pt>
                <c:pt idx="3786">
                  <c:v>0.86236486939946644</c:v>
                </c:pt>
                <c:pt idx="3787">
                  <c:v>0.85714280826889921</c:v>
                </c:pt>
                <c:pt idx="3788">
                  <c:v>0.85209818382685398</c:v>
                </c:pt>
                <c:pt idx="3789">
                  <c:v>0.84742429927734597</c:v>
                </c:pt>
                <c:pt idx="3790">
                  <c:v>0.84321339705481924</c:v>
                </c:pt>
                <c:pt idx="3791">
                  <c:v>0.83933226279988515</c:v>
                </c:pt>
                <c:pt idx="3792">
                  <c:v>0.83543430807096408</c:v>
                </c:pt>
                <c:pt idx="3793">
                  <c:v>0.83134306884950515</c:v>
                </c:pt>
                <c:pt idx="3794">
                  <c:v>0.82694455865731253</c:v>
                </c:pt>
                <c:pt idx="3795">
                  <c:v>0.82240040118714264</c:v>
                </c:pt>
                <c:pt idx="3796">
                  <c:v>0.8177739157506918</c:v>
                </c:pt>
                <c:pt idx="3797">
                  <c:v>0.81315272672448624</c:v>
                </c:pt>
                <c:pt idx="3798">
                  <c:v>0.80867453309420712</c:v>
                </c:pt>
                <c:pt idx="3799">
                  <c:v>0.80441374811644772</c:v>
                </c:pt>
                <c:pt idx="3800">
                  <c:v>0.80025364624691742</c:v>
                </c:pt>
                <c:pt idx="3801">
                  <c:v>0.79617072554353052</c:v>
                </c:pt>
                <c:pt idx="3802">
                  <c:v>0.79215582963892994</c:v>
                </c:pt>
                <c:pt idx="3803">
                  <c:v>0.7882290828493097</c:v>
                </c:pt>
                <c:pt idx="3804">
                  <c:v>0.78432447288104157</c:v>
                </c:pt>
                <c:pt idx="3805">
                  <c:v>0.78058638386483348</c:v>
                </c:pt>
                <c:pt idx="3806">
                  <c:v>0.77703992742005967</c:v>
                </c:pt>
                <c:pt idx="3807">
                  <c:v>0.77370604585678882</c:v>
                </c:pt>
                <c:pt idx="3808">
                  <c:v>0.7705959253699517</c:v>
                </c:pt>
                <c:pt idx="3809">
                  <c:v>0.76755761364917108</c:v>
                </c:pt>
                <c:pt idx="3810">
                  <c:v>0.76450165496273992</c:v>
                </c:pt>
                <c:pt idx="3811">
                  <c:v>0.7612964618692637</c:v>
                </c:pt>
                <c:pt idx="3812">
                  <c:v>0.75780735520302178</c:v>
                </c:pt>
                <c:pt idx="3813">
                  <c:v>0.75393141505803007</c:v>
                </c:pt>
                <c:pt idx="3814">
                  <c:v>0.74963304444242596</c:v>
                </c:pt>
                <c:pt idx="3815">
                  <c:v>0.74501886233328551</c:v>
                </c:pt>
                <c:pt idx="3816">
                  <c:v>0.74022873971840597</c:v>
                </c:pt>
                <c:pt idx="3817">
                  <c:v>0.73560658194428497</c:v>
                </c:pt>
                <c:pt idx="3818">
                  <c:v>0.73148873492066879</c:v>
                </c:pt>
                <c:pt idx="3819">
                  <c:v>0.72775454091495095</c:v>
                </c:pt>
                <c:pt idx="3820">
                  <c:v>0.72429281624844533</c:v>
                </c:pt>
                <c:pt idx="3821">
                  <c:v>0.72102974103899897</c:v>
                </c:pt>
                <c:pt idx="3822">
                  <c:v>0.71787023148577067</c:v>
                </c:pt>
                <c:pt idx="3823">
                  <c:v>0.7147542100200458</c:v>
                </c:pt>
                <c:pt idx="3824">
                  <c:v>0.71158455664006814</c:v>
                </c:pt>
                <c:pt idx="3825">
                  <c:v>0.7083784571430306</c:v>
                </c:pt>
                <c:pt idx="3826">
                  <c:v>0.70521902374306278</c:v>
                </c:pt>
                <c:pt idx="3827">
                  <c:v>0.70213896205941195</c:v>
                </c:pt>
                <c:pt idx="3828">
                  <c:v>0.69918587703138368</c:v>
                </c:pt>
                <c:pt idx="3829">
                  <c:v>0.69639865470362672</c:v>
                </c:pt>
                <c:pt idx="3830">
                  <c:v>0.69370963698962251</c:v>
                </c:pt>
                <c:pt idx="3831">
                  <c:v>0.69105449693603438</c:v>
                </c:pt>
                <c:pt idx="3832">
                  <c:v>0.68836926564058565</c:v>
                </c:pt>
                <c:pt idx="3833">
                  <c:v>0.6855583555633239</c:v>
                </c:pt>
                <c:pt idx="3834">
                  <c:v>0.68266432346679196</c:v>
                </c:pt>
                <c:pt idx="3835">
                  <c:v>0.67972523609441149</c:v>
                </c:pt>
                <c:pt idx="3836">
                  <c:v>0.6768104599150746</c:v>
                </c:pt>
                <c:pt idx="3837">
                  <c:v>0.67396899481279038</c:v>
                </c:pt>
                <c:pt idx="3838">
                  <c:v>0.671228174251848</c:v>
                </c:pt>
                <c:pt idx="3839">
                  <c:v>0.66856378549916007</c:v>
                </c:pt>
                <c:pt idx="3840">
                  <c:v>0.66599370757537701</c:v>
                </c:pt>
                <c:pt idx="3841">
                  <c:v>0.66341444958848006</c:v>
                </c:pt>
                <c:pt idx="3842">
                  <c:v>0.66081336895328557</c:v>
                </c:pt>
                <c:pt idx="3843">
                  <c:v>0.65822889062769441</c:v>
                </c:pt>
                <c:pt idx="3844">
                  <c:v>0.6557140391791938</c:v>
                </c:pt>
                <c:pt idx="3845">
                  <c:v>0.65327618186377501</c:v>
                </c:pt>
                <c:pt idx="3846">
                  <c:v>0.65096453321632208</c:v>
                </c:pt>
                <c:pt idx="3847">
                  <c:v>0.64877501740320576</c:v>
                </c:pt>
                <c:pt idx="3848">
                  <c:v>0.64664139636742979</c:v>
                </c:pt>
                <c:pt idx="3849">
                  <c:v>0.64453344167687132</c:v>
                </c:pt>
                <c:pt idx="3850">
                  <c:v>0.64243249267773528</c:v>
                </c:pt>
                <c:pt idx="3851">
                  <c:v>0.64034311023128487</c:v>
                </c:pt>
                <c:pt idx="3852">
                  <c:v>0.63830566136698397</c:v>
                </c:pt>
                <c:pt idx="3853">
                  <c:v>0.63637264485164191</c:v>
                </c:pt>
                <c:pt idx="3854">
                  <c:v>0.63457593834207138</c:v>
                </c:pt>
                <c:pt idx="3855">
                  <c:v>0.63292757282779599</c:v>
                </c:pt>
                <c:pt idx="3856">
                  <c:v>0.63140671385529601</c:v>
                </c:pt>
                <c:pt idx="3857">
                  <c:v>0.62998521454214007</c:v>
                </c:pt>
                <c:pt idx="3858">
                  <c:v>0.6286415522773402</c:v>
                </c:pt>
                <c:pt idx="3859">
                  <c:v>0.62739799077711289</c:v>
                </c:pt>
                <c:pt idx="3860">
                  <c:v>0.62619030571526257</c:v>
                </c:pt>
                <c:pt idx="3861">
                  <c:v>0.6250218108208464</c:v>
                </c:pt>
                <c:pt idx="3862">
                  <c:v>0.62386067827985092</c:v>
                </c:pt>
                <c:pt idx="3863">
                  <c:v>0.62273910637719454</c:v>
                </c:pt>
                <c:pt idx="3864">
                  <c:v>0.62166819641162974</c:v>
                </c:pt>
                <c:pt idx="3865">
                  <c:v>0.62064183667545025</c:v>
                </c:pt>
                <c:pt idx="3866">
                  <c:v>0.61964719893947273</c:v>
                </c:pt>
                <c:pt idx="3867">
                  <c:v>0.61869185628593626</c:v>
                </c:pt>
                <c:pt idx="3868">
                  <c:v>0.61775626894846014</c:v>
                </c:pt>
                <c:pt idx="3869">
                  <c:v>0.61683359465463594</c:v>
                </c:pt>
                <c:pt idx="3870">
                  <c:v>0.61590759699003261</c:v>
                </c:pt>
                <c:pt idx="3871">
                  <c:v>0.61499478413490138</c:v>
                </c:pt>
                <c:pt idx="3872">
                  <c:v>0.6141005128828132</c:v>
                </c:pt>
                <c:pt idx="3873">
                  <c:v>0.61320537322208435</c:v>
                </c:pt>
                <c:pt idx="3874">
                  <c:v>0.61230913824541389</c:v>
                </c:pt>
                <c:pt idx="3875">
                  <c:v>0.61140905450583416</c:v>
                </c:pt>
                <c:pt idx="3876">
                  <c:v>0.61048227202141581</c:v>
                </c:pt>
                <c:pt idx="3877">
                  <c:v>0.60952940108046683</c:v>
                </c:pt>
                <c:pt idx="3878">
                  <c:v>0.60855899969162419</c:v>
                </c:pt>
                <c:pt idx="3879">
                  <c:v>0.60757150859596887</c:v>
                </c:pt>
                <c:pt idx="3880">
                  <c:v>0.60660818267846772</c:v>
                </c:pt>
                <c:pt idx="3881">
                  <c:v>0.60570564838906293</c:v>
                </c:pt>
                <c:pt idx="3882">
                  <c:v>0.60488785568306724</c:v>
                </c:pt>
                <c:pt idx="3883">
                  <c:v>0.6041755232316286</c:v>
                </c:pt>
                <c:pt idx="3884">
                  <c:v>0.60355387967177732</c:v>
                </c:pt>
                <c:pt idx="3885">
                  <c:v>0.60299887005148378</c:v>
                </c:pt>
                <c:pt idx="3886">
                  <c:v>0.60248362493474938</c:v>
                </c:pt>
                <c:pt idx="3887">
                  <c:v>0.60196673214580576</c:v>
                </c:pt>
                <c:pt idx="3888">
                  <c:v>0.60142525386500367</c:v>
                </c:pt>
                <c:pt idx="3889">
                  <c:v>0.60086247432426843</c:v>
                </c:pt>
                <c:pt idx="3890">
                  <c:v>0.60029051398503364</c:v>
                </c:pt>
                <c:pt idx="3891">
                  <c:v>0.59974019604292383</c:v>
                </c:pt>
                <c:pt idx="3892">
                  <c:v>0.59924903692783138</c:v>
                </c:pt>
                <c:pt idx="3893">
                  <c:v>0.59884983475416564</c:v>
                </c:pt>
                <c:pt idx="3894">
                  <c:v>0.59853327708941129</c:v>
                </c:pt>
                <c:pt idx="3895">
                  <c:v>0.59829723262278711</c:v>
                </c:pt>
                <c:pt idx="3896">
                  <c:v>0.59813287729950115</c:v>
                </c:pt>
                <c:pt idx="3897">
                  <c:v>0.59801999684119211</c:v>
                </c:pt>
                <c:pt idx="3898">
                  <c:v>0.59795403741361486</c:v>
                </c:pt>
                <c:pt idx="3899">
                  <c:v>0.59790679534623015</c:v>
                </c:pt>
                <c:pt idx="3900">
                  <c:v>0.59783129543490332</c:v>
                </c:pt>
                <c:pt idx="3901">
                  <c:v>0.59770377459396407</c:v>
                </c:pt>
                <c:pt idx="3902">
                  <c:v>0.59749676723485046</c:v>
                </c:pt>
                <c:pt idx="3903">
                  <c:v>0.59720617897587502</c:v>
                </c:pt>
                <c:pt idx="3904">
                  <c:v>0.59684276760902277</c:v>
                </c:pt>
                <c:pt idx="3905">
                  <c:v>0.59644566749413475</c:v>
                </c:pt>
                <c:pt idx="3906">
                  <c:v>0.59605792385318634</c:v>
                </c:pt>
                <c:pt idx="3907">
                  <c:v>0.59573158703121254</c:v>
                </c:pt>
                <c:pt idx="3908">
                  <c:v>0.59549534066039644</c:v>
                </c:pt>
                <c:pt idx="3909">
                  <c:v>0.59537935254440688</c:v>
                </c:pt>
                <c:pt idx="3910">
                  <c:v>0.59538308045895527</c:v>
                </c:pt>
                <c:pt idx="3911">
                  <c:v>0.59547607029026017</c:v>
                </c:pt>
                <c:pt idx="3912">
                  <c:v>0.59562537382354808</c:v>
                </c:pt>
                <c:pt idx="3913">
                  <c:v>0.59577218930234699</c:v>
                </c:pt>
                <c:pt idx="3914">
                  <c:v>0.59588478680063317</c:v>
                </c:pt>
                <c:pt idx="3915">
                  <c:v>0.59592893117889711</c:v>
                </c:pt>
                <c:pt idx="3916">
                  <c:v>0.59589964477568058</c:v>
                </c:pt>
                <c:pt idx="3917">
                  <c:v>0.59582410433643829</c:v>
                </c:pt>
                <c:pt idx="3918">
                  <c:v>0.59571812857660134</c:v>
                </c:pt>
                <c:pt idx="3919">
                  <c:v>0.59561052271209913</c:v>
                </c:pt>
                <c:pt idx="3920">
                  <c:v>0.5955334113258749</c:v>
                </c:pt>
                <c:pt idx="3921">
                  <c:v>0.59549686920014433</c:v>
                </c:pt>
                <c:pt idx="3922">
                  <c:v>0.59551485975427199</c:v>
                </c:pt>
                <c:pt idx="3923">
                  <c:v>0.59559584114787734</c:v>
                </c:pt>
                <c:pt idx="3924">
                  <c:v>0.59573235256758372</c:v>
                </c:pt>
                <c:pt idx="3925">
                  <c:v>0.59591262441258064</c:v>
                </c:pt>
                <c:pt idx="3926">
                  <c:v>0.59612404040814571</c:v>
                </c:pt>
                <c:pt idx="3927">
                  <c:v>0.59632596584447006</c:v>
                </c:pt>
                <c:pt idx="3928">
                  <c:v>0.59649876290376458</c:v>
                </c:pt>
                <c:pt idx="3929">
                  <c:v>0.59663112192803358</c:v>
                </c:pt>
                <c:pt idx="3930">
                  <c:v>0.59673132352213787</c:v>
                </c:pt>
                <c:pt idx="3931">
                  <c:v>0.59683276342382097</c:v>
                </c:pt>
                <c:pt idx="3932">
                  <c:v>0.59695613121564683</c:v>
                </c:pt>
                <c:pt idx="3933">
                  <c:v>0.59711741761155845</c:v>
                </c:pt>
                <c:pt idx="3934">
                  <c:v>0.59732869461925209</c:v>
                </c:pt>
                <c:pt idx="3935">
                  <c:v>0.59759131183465508</c:v>
                </c:pt>
                <c:pt idx="3936">
                  <c:v>0.59787887071365764</c:v>
                </c:pt>
                <c:pt idx="3937">
                  <c:v>0.5981789168480709</c:v>
                </c:pt>
                <c:pt idx="3938">
                  <c:v>0.59847502654527396</c:v>
                </c:pt>
                <c:pt idx="3939">
                  <c:v>0.59874903063415663</c:v>
                </c:pt>
                <c:pt idx="3940">
                  <c:v>0.59900501336442735</c:v>
                </c:pt>
                <c:pt idx="3941">
                  <c:v>0.5992554769443369</c:v>
                </c:pt>
                <c:pt idx="3942">
                  <c:v>0.599515646714876</c:v>
                </c:pt>
                <c:pt idx="3943">
                  <c:v>0.59978523938918404</c:v>
                </c:pt>
                <c:pt idx="3944">
                  <c:v>0.60006792021061739</c:v>
                </c:pt>
                <c:pt idx="3945">
                  <c:v>0.60037648219156203</c:v>
                </c:pt>
                <c:pt idx="3946">
                  <c:v>0.60072509506788796</c:v>
                </c:pt>
                <c:pt idx="3947">
                  <c:v>0.60110456815424507</c:v>
                </c:pt>
                <c:pt idx="3948">
                  <c:v>0.60151448930787998</c:v>
                </c:pt>
                <c:pt idx="3949">
                  <c:v>0.60196264511797404</c:v>
                </c:pt>
                <c:pt idx="3950">
                  <c:v>0.60242093454112899</c:v>
                </c:pt>
                <c:pt idx="3951">
                  <c:v>0.60289576883210383</c:v>
                </c:pt>
                <c:pt idx="3952">
                  <c:v>0.60339356831541291</c:v>
                </c:pt>
                <c:pt idx="3953">
                  <c:v>0.60390837587773727</c:v>
                </c:pt>
                <c:pt idx="3954">
                  <c:v>0.60443556177669955</c:v>
                </c:pt>
                <c:pt idx="3955">
                  <c:v>0.60497702878158965</c:v>
                </c:pt>
                <c:pt idx="3956">
                  <c:v>0.60553518903876435</c:v>
                </c:pt>
                <c:pt idx="3957">
                  <c:v>0.60611214558751558</c:v>
                </c:pt>
                <c:pt idx="3958">
                  <c:v>0.60670624168587894</c:v>
                </c:pt>
                <c:pt idx="3959">
                  <c:v>0.60731893233504575</c:v>
                </c:pt>
                <c:pt idx="3960">
                  <c:v>0.60794909925870311</c:v>
                </c:pt>
                <c:pt idx="3961">
                  <c:v>0.60858468352267614</c:v>
                </c:pt>
                <c:pt idx="3962">
                  <c:v>0.60923280578366368</c:v>
                </c:pt>
                <c:pt idx="3963">
                  <c:v>0.60989128161970496</c:v>
                </c:pt>
                <c:pt idx="3964">
                  <c:v>0.61056338276117084</c:v>
                </c:pt>
                <c:pt idx="3965">
                  <c:v>0.61125817569496055</c:v>
                </c:pt>
                <c:pt idx="3966">
                  <c:v>0.61198051796955677</c:v>
                </c:pt>
                <c:pt idx="3967">
                  <c:v>0.61270627300513292</c:v>
                </c:pt>
                <c:pt idx="3968">
                  <c:v>0.61343621916645286</c:v>
                </c:pt>
                <c:pt idx="3969">
                  <c:v>0.61413531745587691</c:v>
                </c:pt>
                <c:pt idx="3970">
                  <c:v>0.61478525620091506</c:v>
                </c:pt>
                <c:pt idx="3971">
                  <c:v>0.61537575315891302</c:v>
                </c:pt>
                <c:pt idx="3972">
                  <c:v>0.61588931473296482</c:v>
                </c:pt>
                <c:pt idx="3973">
                  <c:v>0.61632216226691816</c:v>
                </c:pt>
                <c:pt idx="3974">
                  <c:v>0.61668719426013263</c:v>
                </c:pt>
                <c:pt idx="3975">
                  <c:v>0.61699542417364084</c:v>
                </c:pt>
                <c:pt idx="3976">
                  <c:v>0.6172542947630183</c:v>
                </c:pt>
                <c:pt idx="3977">
                  <c:v>0.61748070494337903</c:v>
                </c:pt>
                <c:pt idx="3978">
                  <c:v>0.61768906957911374</c:v>
                </c:pt>
                <c:pt idx="3979">
                  <c:v>0.61789358471655376</c:v>
                </c:pt>
                <c:pt idx="3980">
                  <c:v>0.61810822709371305</c:v>
                </c:pt>
                <c:pt idx="3981">
                  <c:v>0.61833481466541351</c:v>
                </c:pt>
                <c:pt idx="3982">
                  <c:v>0.61855345141182361</c:v>
                </c:pt>
                <c:pt idx="3983">
                  <c:v>0.61873756883305897</c:v>
                </c:pt>
                <c:pt idx="3984">
                  <c:v>0.61888154466136047</c:v>
                </c:pt>
                <c:pt idx="3985">
                  <c:v>0.61896371778812576</c:v>
                </c:pt>
                <c:pt idx="3986">
                  <c:v>0.61895244310179931</c:v>
                </c:pt>
                <c:pt idx="3987">
                  <c:v>0.61887804586026973</c:v>
                </c:pt>
                <c:pt idx="3988">
                  <c:v>0.61875502263743509</c:v>
                </c:pt>
                <c:pt idx="3989">
                  <c:v>0.61861004799211983</c:v>
                </c:pt>
                <c:pt idx="3990">
                  <c:v>0.61848366136084754</c:v>
                </c:pt>
                <c:pt idx="3991">
                  <c:v>0.61840303671094987</c:v>
                </c:pt>
                <c:pt idx="3992">
                  <c:v>0.61836963419131707</c:v>
                </c:pt>
                <c:pt idx="3993">
                  <c:v>0.61836965331134164</c:v>
                </c:pt>
                <c:pt idx="3994">
                  <c:v>0.6183981112618665</c:v>
                </c:pt>
                <c:pt idx="3995">
                  <c:v>0.61844101806793716</c:v>
                </c:pt>
                <c:pt idx="3996">
                  <c:v>0.61848854350389215</c:v>
                </c:pt>
                <c:pt idx="3997">
                  <c:v>0.6185255906760857</c:v>
                </c:pt>
                <c:pt idx="3998">
                  <c:v>0.6185545879093568</c:v>
                </c:pt>
                <c:pt idx="3999">
                  <c:v>0.61855962056131331</c:v>
                </c:pt>
                <c:pt idx="4000">
                  <c:v>0.61853795038295589</c:v>
                </c:pt>
                <c:pt idx="4001">
                  <c:v>0.61849032019541283</c:v>
                </c:pt>
                <c:pt idx="4002">
                  <c:v>0.61841814095845149</c:v>
                </c:pt>
                <c:pt idx="4003">
                  <c:v>0.61831693874972415</c:v>
                </c:pt>
                <c:pt idx="4004">
                  <c:v>0.61819787990875119</c:v>
                </c:pt>
                <c:pt idx="4005">
                  <c:v>0.61806902834678068</c:v>
                </c:pt>
                <c:pt idx="4006">
                  <c:v>0.61792657877036095</c:v>
                </c:pt>
                <c:pt idx="4007">
                  <c:v>0.61776976809440587</c:v>
                </c:pt>
                <c:pt idx="4008">
                  <c:v>0.61761369239546648</c:v>
                </c:pt>
                <c:pt idx="4009">
                  <c:v>0.61745085605191619</c:v>
                </c:pt>
                <c:pt idx="4010">
                  <c:v>0.61728983194352205</c:v>
                </c:pt>
                <c:pt idx="4011">
                  <c:v>0.61713878423909729</c:v>
                </c:pt>
                <c:pt idx="4012">
                  <c:v>0.61699748840091673</c:v>
                </c:pt>
                <c:pt idx="4013">
                  <c:v>0.61687452768585493</c:v>
                </c:pt>
                <c:pt idx="4014">
                  <c:v>0.61678756164282666</c:v>
                </c:pt>
                <c:pt idx="4015">
                  <c:v>0.61673283506630816</c:v>
                </c:pt>
                <c:pt idx="4016">
                  <c:v>0.61667504405643836</c:v>
                </c:pt>
                <c:pt idx="4017">
                  <c:v>0.6166049976827388</c:v>
                </c:pt>
                <c:pt idx="4018">
                  <c:v>0.61647825553340152</c:v>
                </c:pt>
                <c:pt idx="4019">
                  <c:v>0.61625793777730342</c:v>
                </c:pt>
                <c:pt idx="4020">
                  <c:v>0.61593809490010965</c:v>
                </c:pt>
                <c:pt idx="4021">
                  <c:v>0.61553545921124941</c:v>
                </c:pt>
                <c:pt idx="4022">
                  <c:v>0.61506466823352002</c:v>
                </c:pt>
                <c:pt idx="4023">
                  <c:v>0.61457955831836097</c:v>
                </c:pt>
                <c:pt idx="4024">
                  <c:v>0.61409348039067224</c:v>
                </c:pt>
                <c:pt idx="4025">
                  <c:v>0.61359736314269375</c:v>
                </c:pt>
                <c:pt idx="4026">
                  <c:v>0.6131099634820194</c:v>
                </c:pt>
                <c:pt idx="4027">
                  <c:v>0.61263300196573867</c:v>
                </c:pt>
                <c:pt idx="4028">
                  <c:v>0.61216797003748324</c:v>
                </c:pt>
                <c:pt idx="4029">
                  <c:v>0.61171075362357463</c:v>
                </c:pt>
                <c:pt idx="4030">
                  <c:v>0.61126034034322052</c:v>
                </c:pt>
                <c:pt idx="4031">
                  <c:v>0.61081075077640679</c:v>
                </c:pt>
                <c:pt idx="4032">
                  <c:v>0.6103609727057604</c:v>
                </c:pt>
                <c:pt idx="4033">
                  <c:v>0.60989977017526109</c:v>
                </c:pt>
                <c:pt idx="4034">
                  <c:v>0.60942806593037169</c:v>
                </c:pt>
                <c:pt idx="4035">
                  <c:v>0.60893706753787957</c:v>
                </c:pt>
                <c:pt idx="4036">
                  <c:v>0.60841524995352869</c:v>
                </c:pt>
                <c:pt idx="4037">
                  <c:v>0.60787334040994856</c:v>
                </c:pt>
                <c:pt idx="4038">
                  <c:v>0.60729428784892325</c:v>
                </c:pt>
                <c:pt idx="4039">
                  <c:v>0.60665529597166945</c:v>
                </c:pt>
                <c:pt idx="4040">
                  <c:v>0.60597314644015843</c:v>
                </c:pt>
                <c:pt idx="4041">
                  <c:v>0.60524303661469603</c:v>
                </c:pt>
                <c:pt idx="4042">
                  <c:v>0.60446366461770684</c:v>
                </c:pt>
                <c:pt idx="4043">
                  <c:v>0.60364844077690227</c:v>
                </c:pt>
                <c:pt idx="4044">
                  <c:v>0.60280441172016819</c:v>
                </c:pt>
                <c:pt idx="4045">
                  <c:v>0.60193335757082433</c:v>
                </c:pt>
                <c:pt idx="4046">
                  <c:v>0.60105167080846034</c:v>
                </c:pt>
                <c:pt idx="4047">
                  <c:v>0.6001432078406449</c:v>
                </c:pt>
                <c:pt idx="4048">
                  <c:v>0.59923905308829684</c:v>
                </c:pt>
                <c:pt idx="4049">
                  <c:v>0.59833529127696794</c:v>
                </c:pt>
                <c:pt idx="4050">
                  <c:v>0.59743573717841281</c:v>
                </c:pt>
                <c:pt idx="4051">
                  <c:v>0.59651905023042506</c:v>
                </c:pt>
                <c:pt idx="4052">
                  <c:v>0.59558002823382128</c:v>
                </c:pt>
                <c:pt idx="4053">
                  <c:v>0.59459052830993575</c:v>
                </c:pt>
                <c:pt idx="4054">
                  <c:v>0.59353874515090332</c:v>
                </c:pt>
                <c:pt idx="4055">
                  <c:v>0.59242264827547442</c:v>
                </c:pt>
                <c:pt idx="4056">
                  <c:v>0.59123386360311248</c:v>
                </c:pt>
                <c:pt idx="4057">
                  <c:v>0.5900025277244545</c:v>
                </c:pt>
                <c:pt idx="4058">
                  <c:v>0.58872717852958178</c:v>
                </c:pt>
                <c:pt idx="4059">
                  <c:v>0.58741410413702633</c:v>
                </c:pt>
                <c:pt idx="4060">
                  <c:v>0.58606266026732512</c:v>
                </c:pt>
                <c:pt idx="4061">
                  <c:v>0.58465156567937437</c:v>
                </c:pt>
                <c:pt idx="4062">
                  <c:v>0.58316476085982571</c:v>
                </c:pt>
                <c:pt idx="4063">
                  <c:v>0.58161360043958732</c:v>
                </c:pt>
                <c:pt idx="4064">
                  <c:v>0.58000927954443882</c:v>
                </c:pt>
                <c:pt idx="4065">
                  <c:v>0.57837320188169317</c:v>
                </c:pt>
                <c:pt idx="4066">
                  <c:v>0.57675645962168032</c:v>
                </c:pt>
                <c:pt idx="4067">
                  <c:v>0.57521174081128279</c:v>
                </c:pt>
                <c:pt idx="4068">
                  <c:v>0.57380054073635844</c:v>
                </c:pt>
                <c:pt idx="4069">
                  <c:v>0.57254577399471474</c:v>
                </c:pt>
                <c:pt idx="4070">
                  <c:v>0.57150967392967356</c:v>
                </c:pt>
                <c:pt idx="4071">
                  <c:v>0.57067377162696931</c:v>
                </c:pt>
                <c:pt idx="4072">
                  <c:v>0.57003257476964286</c:v>
                </c:pt>
                <c:pt idx="4073">
                  <c:v>0.56952021647430429</c:v>
                </c:pt>
                <c:pt idx="4074">
                  <c:v>0.56909475320009051</c:v>
                </c:pt>
                <c:pt idx="4075">
                  <c:v>0.56870571832831551</c:v>
                </c:pt>
                <c:pt idx="4076">
                  <c:v>0.56832516216610085</c:v>
                </c:pt>
                <c:pt idx="4077">
                  <c:v>0.56792774322888739</c:v>
                </c:pt>
                <c:pt idx="4078">
                  <c:v>0.56749411457655974</c:v>
                </c:pt>
                <c:pt idx="4079">
                  <c:v>0.56705356390334472</c:v>
                </c:pt>
                <c:pt idx="4080">
                  <c:v>0.56655857172173929</c:v>
                </c:pt>
                <c:pt idx="4081">
                  <c:v>0.56601414322113475</c:v>
                </c:pt>
                <c:pt idx="4082">
                  <c:v>0.56543187150980645</c:v>
                </c:pt>
                <c:pt idx="4083">
                  <c:v>0.56482519993427771</c:v>
                </c:pt>
                <c:pt idx="4084">
                  <c:v>0.56419381220521791</c:v>
                </c:pt>
                <c:pt idx="4085">
                  <c:v>0.563531856263221</c:v>
                </c:pt>
                <c:pt idx="4086">
                  <c:v>0.56281657353478343</c:v>
                </c:pt>
                <c:pt idx="4087">
                  <c:v>0.56200609963104109</c:v>
                </c:pt>
                <c:pt idx="4088">
                  <c:v>0.56103014834454967</c:v>
                </c:pt>
                <c:pt idx="4089">
                  <c:v>0.55981180546229603</c:v>
                </c:pt>
                <c:pt idx="4090">
                  <c:v>0.55832929969040801</c:v>
                </c:pt>
                <c:pt idx="4091">
                  <c:v>0.55663108878665746</c:v>
                </c:pt>
                <c:pt idx="4092">
                  <c:v>0.55497479159162921</c:v>
                </c:pt>
                <c:pt idx="4093">
                  <c:v>0.55363052475001595</c:v>
                </c:pt>
                <c:pt idx="4094">
                  <c:v>0.55270130530406358</c:v>
                </c:pt>
                <c:pt idx="4095">
                  <c:v>0.55207934333043429</c:v>
                </c:pt>
                <c:pt idx="4096">
                  <c:v>0.55160342146140806</c:v>
                </c:pt>
                <c:pt idx="4097">
                  <c:v>0.55117537491661694</c:v>
                </c:pt>
                <c:pt idx="4098">
                  <c:v>0.55079585921875196</c:v>
                </c:pt>
                <c:pt idx="4099">
                  <c:v>0.55049120378567995</c:v>
                </c:pt>
                <c:pt idx="4100">
                  <c:v>0.55024570622362401</c:v>
                </c:pt>
                <c:pt idx="4101">
                  <c:v>0.54995544635515725</c:v>
                </c:pt>
                <c:pt idx="4102">
                  <c:v>0.54955406223532888</c:v>
                </c:pt>
                <c:pt idx="4103">
                  <c:v>0.54901724352087422</c:v>
                </c:pt>
                <c:pt idx="4104">
                  <c:v>0.54839698327029307</c:v>
                </c:pt>
                <c:pt idx="4105">
                  <c:v>0.5478032551425237</c:v>
                </c:pt>
                <c:pt idx="4106">
                  <c:v>0.54725511696493268</c:v>
                </c:pt>
                <c:pt idx="4107">
                  <c:v>0.54678718143214855</c:v>
                </c:pt>
                <c:pt idx="4108">
                  <c:v>0.54639538088149275</c:v>
                </c:pt>
                <c:pt idx="4109">
                  <c:v>0.54603528655293287</c:v>
                </c:pt>
                <c:pt idx="4110">
                  <c:v>0.54565375711609632</c:v>
                </c:pt>
                <c:pt idx="4111">
                  <c:v>0.5452091565520204</c:v>
                </c:pt>
                <c:pt idx="4112">
                  <c:v>0.54467590244749342</c:v>
                </c:pt>
                <c:pt idx="4113">
                  <c:v>0.54404690970579395</c:v>
                </c:pt>
                <c:pt idx="4114">
                  <c:v>0.54332101295324886</c:v>
                </c:pt>
                <c:pt idx="4115">
                  <c:v>0.54251471624377934</c:v>
                </c:pt>
                <c:pt idx="4116">
                  <c:v>0.54167272844577863</c:v>
                </c:pt>
                <c:pt idx="4117">
                  <c:v>0.54084655088993316</c:v>
                </c:pt>
                <c:pt idx="4118">
                  <c:v>0.54007730413078037</c:v>
                </c:pt>
                <c:pt idx="4119">
                  <c:v>0.53939881496456832</c:v>
                </c:pt>
                <c:pt idx="4120">
                  <c:v>0.53881403470600686</c:v>
                </c:pt>
                <c:pt idx="4121">
                  <c:v>0.53830938967373798</c:v>
                </c:pt>
                <c:pt idx="4122">
                  <c:v>0.53786561087851614</c:v>
                </c:pt>
                <c:pt idx="4123">
                  <c:v>0.53746072373321552</c:v>
                </c:pt>
                <c:pt idx="4124">
                  <c:v>0.53707636681242699</c:v>
                </c:pt>
                <c:pt idx="4125">
                  <c:v>0.53667928953534616</c:v>
                </c:pt>
                <c:pt idx="4126">
                  <c:v>0.53629069600113144</c:v>
                </c:pt>
                <c:pt idx="4127">
                  <c:v>0.53589952338803704</c:v>
                </c:pt>
                <c:pt idx="4128">
                  <c:v>0.53551044583938645</c:v>
                </c:pt>
                <c:pt idx="4129">
                  <c:v>0.53512704525483912</c:v>
                </c:pt>
                <c:pt idx="4130">
                  <c:v>0.53475244967859747</c:v>
                </c:pt>
                <c:pt idx="4131">
                  <c:v>0.53438523885235256</c:v>
                </c:pt>
                <c:pt idx="4132">
                  <c:v>0.53402800216672364</c:v>
                </c:pt>
                <c:pt idx="4133">
                  <c:v>0.53368218441738502</c:v>
                </c:pt>
                <c:pt idx="4134">
                  <c:v>0.53335035000818876</c:v>
                </c:pt>
                <c:pt idx="4135">
                  <c:v>0.53301538151645733</c:v>
                </c:pt>
                <c:pt idx="4136">
                  <c:v>0.53267778108796604</c:v>
                </c:pt>
                <c:pt idx="4137">
                  <c:v>0.53232878224861291</c:v>
                </c:pt>
                <c:pt idx="4138">
                  <c:v>0.53198058695689365</c:v>
                </c:pt>
                <c:pt idx="4139">
                  <c:v>0.53161957119022307</c:v>
                </c:pt>
                <c:pt idx="4140">
                  <c:v>0.53123987341906354</c:v>
                </c:pt>
                <c:pt idx="4141">
                  <c:v>0.53084040477435346</c:v>
                </c:pt>
                <c:pt idx="4142">
                  <c:v>0.53042889366810519</c:v>
                </c:pt>
                <c:pt idx="4143">
                  <c:v>0.53000182743312452</c:v>
                </c:pt>
                <c:pt idx="4144">
                  <c:v>0.52956222406725018</c:v>
                </c:pt>
                <c:pt idx="4145">
                  <c:v>0.52910208492878807</c:v>
                </c:pt>
                <c:pt idx="4146">
                  <c:v>0.52863570891999689</c:v>
                </c:pt>
                <c:pt idx="4147">
                  <c:v>0.52815870804424658</c:v>
                </c:pt>
                <c:pt idx="4148">
                  <c:v>0.52767456900962095</c:v>
                </c:pt>
                <c:pt idx="4149">
                  <c:v>0.52718769865496218</c:v>
                </c:pt>
                <c:pt idx="4150">
                  <c:v>0.52669808264842277</c:v>
                </c:pt>
                <c:pt idx="4151">
                  <c:v>0.52621894756937482</c:v>
                </c:pt>
                <c:pt idx="4152">
                  <c:v>0.52575690200103686</c:v>
                </c:pt>
                <c:pt idx="4153">
                  <c:v>0.52530680978184874</c:v>
                </c:pt>
                <c:pt idx="4154">
                  <c:v>0.5248734217640193</c:v>
                </c:pt>
                <c:pt idx="4155">
                  <c:v>0.52446747584326858</c:v>
                </c:pt>
                <c:pt idx="4156">
                  <c:v>0.52409518656688836</c:v>
                </c:pt>
                <c:pt idx="4157">
                  <c:v>0.52375569417927492</c:v>
                </c:pt>
                <c:pt idx="4158">
                  <c:v>0.52345077962901421</c:v>
                </c:pt>
                <c:pt idx="4159">
                  <c:v>0.52318517122466202</c:v>
                </c:pt>
                <c:pt idx="4160">
                  <c:v>0.5229554133731148</c:v>
                </c:pt>
                <c:pt idx="4161">
                  <c:v>0.52276456117649828</c:v>
                </c:pt>
                <c:pt idx="4162">
                  <c:v>0.52261149796817663</c:v>
                </c:pt>
                <c:pt idx="4163">
                  <c:v>0.5224830955306824</c:v>
                </c:pt>
                <c:pt idx="4164">
                  <c:v>0.52238011483282532</c:v>
                </c:pt>
                <c:pt idx="4165">
                  <c:v>0.5223014042689843</c:v>
                </c:pt>
                <c:pt idx="4166">
                  <c:v>0.52224016425996833</c:v>
                </c:pt>
                <c:pt idx="4167">
                  <c:v>0.52218213195375329</c:v>
                </c:pt>
                <c:pt idx="4168">
                  <c:v>0.52213453162286405</c:v>
                </c:pt>
                <c:pt idx="4169">
                  <c:v>0.52207952709511563</c:v>
                </c:pt>
                <c:pt idx="4170">
                  <c:v>0.5220068576664797</c:v>
                </c:pt>
                <c:pt idx="4171">
                  <c:v>0.52191237437331817</c:v>
                </c:pt>
                <c:pt idx="4172">
                  <c:v>0.52178346505089712</c:v>
                </c:pt>
                <c:pt idx="4173">
                  <c:v>0.52159661311478689</c:v>
                </c:pt>
                <c:pt idx="4174">
                  <c:v>0.52133765038976931</c:v>
                </c:pt>
                <c:pt idx="4175">
                  <c:v>0.52098087588579589</c:v>
                </c:pt>
                <c:pt idx="4176">
                  <c:v>0.52053434165806545</c:v>
                </c:pt>
                <c:pt idx="4177">
                  <c:v>0.52001446822069897</c:v>
                </c:pt>
                <c:pt idx="4178">
                  <c:v>0.51943002947519301</c:v>
                </c:pt>
                <c:pt idx="4179">
                  <c:v>0.51882204629865758</c:v>
                </c:pt>
                <c:pt idx="4180">
                  <c:v>0.51823441834938311</c:v>
                </c:pt>
                <c:pt idx="4181">
                  <c:v>0.51771967805849584</c:v>
                </c:pt>
                <c:pt idx="4182">
                  <c:v>0.51730567019569618</c:v>
                </c:pt>
                <c:pt idx="4183">
                  <c:v>0.51700611964578491</c:v>
                </c:pt>
                <c:pt idx="4184">
                  <c:v>0.51682014890585315</c:v>
                </c:pt>
                <c:pt idx="4185">
                  <c:v>0.51671911074530308</c:v>
                </c:pt>
                <c:pt idx="4186">
                  <c:v>0.51668244459271184</c:v>
                </c:pt>
                <c:pt idx="4187">
                  <c:v>0.51666370781834026</c:v>
                </c:pt>
                <c:pt idx="4188">
                  <c:v>0.51663532041580384</c:v>
                </c:pt>
                <c:pt idx="4189">
                  <c:v>0.5165795657130714</c:v>
                </c:pt>
                <c:pt idx="4190">
                  <c:v>0.51649361495969359</c:v>
                </c:pt>
                <c:pt idx="4191">
                  <c:v>0.51637859667018482</c:v>
                </c:pt>
                <c:pt idx="4192">
                  <c:v>0.51624149179432888</c:v>
                </c:pt>
                <c:pt idx="4193">
                  <c:v>0.51607949897070327</c:v>
                </c:pt>
                <c:pt idx="4194">
                  <c:v>0.51590622082217341</c:v>
                </c:pt>
                <c:pt idx="4195">
                  <c:v>0.5157138164635906</c:v>
                </c:pt>
                <c:pt idx="4196">
                  <c:v>0.51550183595338339</c:v>
                </c:pt>
                <c:pt idx="4197">
                  <c:v>0.51527052506557813</c:v>
                </c:pt>
                <c:pt idx="4198">
                  <c:v>0.51502994801735125</c:v>
                </c:pt>
                <c:pt idx="4199">
                  <c:v>0.51477490085276489</c:v>
                </c:pt>
                <c:pt idx="4200">
                  <c:v>0.51451870315295212</c:v>
                </c:pt>
                <c:pt idx="4201">
                  <c:v>0.5142705999809396</c:v>
                </c:pt>
                <c:pt idx="4202">
                  <c:v>0.51404705528762262</c:v>
                </c:pt>
                <c:pt idx="4203">
                  <c:v>0.51386413033493272</c:v>
                </c:pt>
                <c:pt idx="4204">
                  <c:v>0.51371774823518801</c:v>
                </c:pt>
                <c:pt idx="4205">
                  <c:v>0.51359299751812681</c:v>
                </c:pt>
                <c:pt idx="4206">
                  <c:v>0.51347410891891176</c:v>
                </c:pt>
                <c:pt idx="4207">
                  <c:v>0.51334407136795956</c:v>
                </c:pt>
                <c:pt idx="4208">
                  <c:v>0.51319080607568524</c:v>
                </c:pt>
                <c:pt idx="4209">
                  <c:v>0.51299755880999887</c:v>
                </c:pt>
                <c:pt idx="4210">
                  <c:v>0.51276464759247287</c:v>
                </c:pt>
                <c:pt idx="4211">
                  <c:v>0.51250846902902658</c:v>
                </c:pt>
                <c:pt idx="4212">
                  <c:v>0.5122573851350527</c:v>
                </c:pt>
                <c:pt idx="4213">
                  <c:v>0.51202960784841711</c:v>
                </c:pt>
                <c:pt idx="4214">
                  <c:v>0.51183261546833114</c:v>
                </c:pt>
                <c:pt idx="4215">
                  <c:v>0.5116714924832626</c:v>
                </c:pt>
                <c:pt idx="4216">
                  <c:v>0.51155237565305256</c:v>
                </c:pt>
                <c:pt idx="4217">
                  <c:v>0.51146368614407645</c:v>
                </c:pt>
                <c:pt idx="4218">
                  <c:v>0.51139452958690834</c:v>
                </c:pt>
                <c:pt idx="4219">
                  <c:v>0.51134747816414539</c:v>
                </c:pt>
                <c:pt idx="4220">
                  <c:v>0.51132078520433988</c:v>
                </c:pt>
                <c:pt idx="4221">
                  <c:v>0.51130538038024576</c:v>
                </c:pt>
                <c:pt idx="4222">
                  <c:v>0.51130581951982024</c:v>
                </c:pt>
                <c:pt idx="4223">
                  <c:v>0.51132457007858567</c:v>
                </c:pt>
                <c:pt idx="4224">
                  <c:v>0.51136356835941355</c:v>
                </c:pt>
                <c:pt idx="4225">
                  <c:v>0.51141317053237001</c:v>
                </c:pt>
                <c:pt idx="4226">
                  <c:v>0.5114748578110565</c:v>
                </c:pt>
                <c:pt idx="4227">
                  <c:v>0.51154194872737424</c:v>
                </c:pt>
                <c:pt idx="4228">
                  <c:v>0.5116194441891363</c:v>
                </c:pt>
                <c:pt idx="4229">
                  <c:v>0.51169697221213684</c:v>
                </c:pt>
                <c:pt idx="4230">
                  <c:v>0.5117622819020563</c:v>
                </c:pt>
                <c:pt idx="4231">
                  <c:v>0.51180547629290785</c:v>
                </c:pt>
                <c:pt idx="4232">
                  <c:v>0.51181517101152274</c:v>
                </c:pt>
                <c:pt idx="4233">
                  <c:v>0.51179095964298404</c:v>
                </c:pt>
                <c:pt idx="4234">
                  <c:v>0.51174057355718816</c:v>
                </c:pt>
                <c:pt idx="4235">
                  <c:v>0.51167155710731171</c:v>
                </c:pt>
                <c:pt idx="4236">
                  <c:v>0.51161958343030722</c:v>
                </c:pt>
                <c:pt idx="4237">
                  <c:v>0.51161347455792083</c:v>
                </c:pt>
                <c:pt idx="4238">
                  <c:v>0.51165292506818627</c:v>
                </c:pt>
                <c:pt idx="4239">
                  <c:v>0.51174216159779906</c:v>
                </c:pt>
                <c:pt idx="4240">
                  <c:v>0.51187404506456624</c:v>
                </c:pt>
                <c:pt idx="4241">
                  <c:v>0.51201890444227993</c:v>
                </c:pt>
                <c:pt idx="4242">
                  <c:v>0.51215134143376051</c:v>
                </c:pt>
                <c:pt idx="4243">
                  <c:v>0.51223061102953571</c:v>
                </c:pt>
                <c:pt idx="4244">
                  <c:v>0.51223903878504762</c:v>
                </c:pt>
                <c:pt idx="4245">
                  <c:v>0.51217930906187559</c:v>
                </c:pt>
                <c:pt idx="4246">
                  <c:v>0.51205911831544382</c:v>
                </c:pt>
                <c:pt idx="4247">
                  <c:v>0.51188594478776672</c:v>
                </c:pt>
                <c:pt idx="4248">
                  <c:v>0.51167350068232953</c:v>
                </c:pt>
                <c:pt idx="4249">
                  <c:v>0.51142828303253185</c:v>
                </c:pt>
                <c:pt idx="4250">
                  <c:v>0.51114999014236084</c:v>
                </c:pt>
                <c:pt idx="4251">
                  <c:v>0.51086586932977229</c:v>
                </c:pt>
                <c:pt idx="4252">
                  <c:v>0.51056822669684998</c:v>
                </c:pt>
                <c:pt idx="4253">
                  <c:v>0.51025847049060546</c:v>
                </c:pt>
                <c:pt idx="4254">
                  <c:v>0.50994608506035666</c:v>
                </c:pt>
                <c:pt idx="4255">
                  <c:v>0.50964470092459491</c:v>
                </c:pt>
                <c:pt idx="4256">
                  <c:v>0.50934767770693246</c:v>
                </c:pt>
                <c:pt idx="4257">
                  <c:v>0.50905899392497578</c:v>
                </c:pt>
                <c:pt idx="4258">
                  <c:v>0.50878886765490317</c:v>
                </c:pt>
                <c:pt idx="4259">
                  <c:v>0.50853487201813363</c:v>
                </c:pt>
                <c:pt idx="4260">
                  <c:v>0.50830335630910706</c:v>
                </c:pt>
                <c:pt idx="4261">
                  <c:v>0.50807990143251436</c:v>
                </c:pt>
                <c:pt idx="4262">
                  <c:v>0.50787139715196361</c:v>
                </c:pt>
                <c:pt idx="4263">
                  <c:v>0.50767426332618426</c:v>
                </c:pt>
                <c:pt idx="4264">
                  <c:v>0.50748859098365251</c:v>
                </c:pt>
                <c:pt idx="4265">
                  <c:v>0.50732967448292865</c:v>
                </c:pt>
                <c:pt idx="4266">
                  <c:v>0.50719965706519898</c:v>
                </c:pt>
                <c:pt idx="4267">
                  <c:v>0.50711142678653109</c:v>
                </c:pt>
                <c:pt idx="4268">
                  <c:v>0.50707877126501666</c:v>
                </c:pt>
                <c:pt idx="4269">
                  <c:v>0.50710056902296419</c:v>
                </c:pt>
                <c:pt idx="4270">
                  <c:v>0.50718093696283528</c:v>
                </c:pt>
                <c:pt idx="4271">
                  <c:v>0.5072996746323345</c:v>
                </c:pt>
                <c:pt idx="4272">
                  <c:v>0.50743403875316051</c:v>
                </c:pt>
                <c:pt idx="4273">
                  <c:v>0.50755758682720842</c:v>
                </c:pt>
                <c:pt idx="4274">
                  <c:v>0.50764889467729934</c:v>
                </c:pt>
                <c:pt idx="4275">
                  <c:v>0.50769259128256228</c:v>
                </c:pt>
                <c:pt idx="4276">
                  <c:v>0.50768982805823493</c:v>
                </c:pt>
                <c:pt idx="4277">
                  <c:v>0.50763506677887182</c:v>
                </c:pt>
                <c:pt idx="4278">
                  <c:v>0.50753625697139892</c:v>
                </c:pt>
                <c:pt idx="4279">
                  <c:v>0.50741626535838957</c:v>
                </c:pt>
                <c:pt idx="4280">
                  <c:v>0.50728238627908795</c:v>
                </c:pt>
                <c:pt idx="4281">
                  <c:v>0.50713854026594862</c:v>
                </c:pt>
                <c:pt idx="4282">
                  <c:v>0.50699825310303392</c:v>
                </c:pt>
                <c:pt idx="4283">
                  <c:v>0.50686294925178987</c:v>
                </c:pt>
                <c:pt idx="4284">
                  <c:v>0.50674089554493984</c:v>
                </c:pt>
                <c:pt idx="4285">
                  <c:v>0.50663359062635727</c:v>
                </c:pt>
                <c:pt idx="4286">
                  <c:v>0.5065367199897598</c:v>
                </c:pt>
                <c:pt idx="4287">
                  <c:v>0.50645592971959397</c:v>
                </c:pt>
                <c:pt idx="4288">
                  <c:v>0.50639284126667072</c:v>
                </c:pt>
                <c:pt idx="4289">
                  <c:v>0.50635283203333303</c:v>
                </c:pt>
                <c:pt idx="4290">
                  <c:v>0.5063245668477917</c:v>
                </c:pt>
                <c:pt idx="4291">
                  <c:v>0.50630652089134986</c:v>
                </c:pt>
                <c:pt idx="4292">
                  <c:v>0.50629969159849653</c:v>
                </c:pt>
                <c:pt idx="4293">
                  <c:v>0.50630513624776352</c:v>
                </c:pt>
                <c:pt idx="4294">
                  <c:v>0.50631524694130781</c:v>
                </c:pt>
                <c:pt idx="4295">
                  <c:v>0.50632691356852921</c:v>
                </c:pt>
                <c:pt idx="4296">
                  <c:v>0.50633253010191515</c:v>
                </c:pt>
                <c:pt idx="4297">
                  <c:v>0.50634972425717362</c:v>
                </c:pt>
                <c:pt idx="4298">
                  <c:v>0.50636578627900375</c:v>
                </c:pt>
                <c:pt idx="4299">
                  <c:v>0.50637730121579372</c:v>
                </c:pt>
                <c:pt idx="4300">
                  <c:v>0.50639167000582785</c:v>
                </c:pt>
                <c:pt idx="4301">
                  <c:v>0.50640397843507978</c:v>
                </c:pt>
                <c:pt idx="4302">
                  <c:v>0.50641676371856359</c:v>
                </c:pt>
                <c:pt idx="4303">
                  <c:v>0.50643309732155051</c:v>
                </c:pt>
                <c:pt idx="4304">
                  <c:v>0.50644633885212831</c:v>
                </c:pt>
                <c:pt idx="4305">
                  <c:v>0.50646269669424049</c:v>
                </c:pt>
                <c:pt idx="4306">
                  <c:v>0.50646471456689601</c:v>
                </c:pt>
                <c:pt idx="4307">
                  <c:v>0.50647193089071996</c:v>
                </c:pt>
                <c:pt idx="4308">
                  <c:v>0.50647714858120896</c:v>
                </c:pt>
                <c:pt idx="4309">
                  <c:v>0.50647713409574757</c:v>
                </c:pt>
                <c:pt idx="4310">
                  <c:v>0.50647656663057516</c:v>
                </c:pt>
                <c:pt idx="4311">
                  <c:v>0.50646308116688643</c:v>
                </c:pt>
                <c:pt idx="4312">
                  <c:v>0.50645870034680252</c:v>
                </c:pt>
                <c:pt idx="4313">
                  <c:v>0.5064592991737179</c:v>
                </c:pt>
                <c:pt idx="4314">
                  <c:v>0.50646542062446576</c:v>
                </c:pt>
                <c:pt idx="4315">
                  <c:v>0.5064781431730242</c:v>
                </c:pt>
                <c:pt idx="4316">
                  <c:v>0.5064955567395536</c:v>
                </c:pt>
                <c:pt idx="4317">
                  <c:v>0.50652109747356289</c:v>
                </c:pt>
                <c:pt idx="4318">
                  <c:v>0.50656010973407029</c:v>
                </c:pt>
                <c:pt idx="4319">
                  <c:v>0.50660493325397538</c:v>
                </c:pt>
                <c:pt idx="4320">
                  <c:v>0.50665716205502498</c:v>
                </c:pt>
                <c:pt idx="4321">
                  <c:v>0.50670682806516798</c:v>
                </c:pt>
                <c:pt idx="4322">
                  <c:v>0.50676349041017799</c:v>
                </c:pt>
                <c:pt idx="4323">
                  <c:v>0.50681117960505861</c:v>
                </c:pt>
                <c:pt idx="4324">
                  <c:v>0.50684379573932226</c:v>
                </c:pt>
                <c:pt idx="4325">
                  <c:v>0.5068723386023668</c:v>
                </c:pt>
                <c:pt idx="4326">
                  <c:v>0.50687981696612849</c:v>
                </c:pt>
                <c:pt idx="4327">
                  <c:v>0.50686908161157407</c:v>
                </c:pt>
                <c:pt idx="4328">
                  <c:v>0.50683786463332237</c:v>
                </c:pt>
                <c:pt idx="4329">
                  <c:v>0.50677844280056084</c:v>
                </c:pt>
                <c:pt idx="4330">
                  <c:v>0.50669473726428538</c:v>
                </c:pt>
                <c:pt idx="4331">
                  <c:v>0.50659964604667196</c:v>
                </c:pt>
                <c:pt idx="4332">
                  <c:v>0.50647551587654738</c:v>
                </c:pt>
                <c:pt idx="4333">
                  <c:v>0.50632939235307439</c:v>
                </c:pt>
                <c:pt idx="4334">
                  <c:v>0.5061581772086291</c:v>
                </c:pt>
                <c:pt idx="4335">
                  <c:v>0.50596628344948724</c:v>
                </c:pt>
                <c:pt idx="4336">
                  <c:v>0.50575708550915022</c:v>
                </c:pt>
                <c:pt idx="4337">
                  <c:v>0.5055320801570754</c:v>
                </c:pt>
                <c:pt idx="4338">
                  <c:v>0.50528325989589251</c:v>
                </c:pt>
                <c:pt idx="4339">
                  <c:v>0.50502252313654739</c:v>
                </c:pt>
                <c:pt idx="4340">
                  <c:v>0.50474361412155833</c:v>
                </c:pt>
                <c:pt idx="4341">
                  <c:v>0.5044545347364866</c:v>
                </c:pt>
                <c:pt idx="4342">
                  <c:v>0.50416303906810567</c:v>
                </c:pt>
                <c:pt idx="4343">
                  <c:v>0.50387572699103489</c:v>
                </c:pt>
                <c:pt idx="4344">
                  <c:v>0.50360118575774371</c:v>
                </c:pt>
                <c:pt idx="4345">
                  <c:v>0.50335022003451013</c:v>
                </c:pt>
                <c:pt idx="4346">
                  <c:v>0.50311888342536903</c:v>
                </c:pt>
                <c:pt idx="4347">
                  <c:v>0.50292505487334727</c:v>
                </c:pt>
                <c:pt idx="4348">
                  <c:v>0.50275959199158426</c:v>
                </c:pt>
                <c:pt idx="4349">
                  <c:v>0.5026323347446976</c:v>
                </c:pt>
                <c:pt idx="4350">
                  <c:v>0.50253579445555152</c:v>
                </c:pt>
                <c:pt idx="4351">
                  <c:v>0.50247684684924399</c:v>
                </c:pt>
                <c:pt idx="4352">
                  <c:v>0.5024607960747276</c:v>
                </c:pt>
                <c:pt idx="4353">
                  <c:v>0.50246211476811953</c:v>
                </c:pt>
                <c:pt idx="4354">
                  <c:v>0.50248101831241199</c:v>
                </c:pt>
                <c:pt idx="4355">
                  <c:v>0.50251916633881744</c:v>
                </c:pt>
                <c:pt idx="4356">
                  <c:v>0.50256700299484547</c:v>
                </c:pt>
                <c:pt idx="4357">
                  <c:v>0.50261652842133042</c:v>
                </c:pt>
                <c:pt idx="4358">
                  <c:v>0.50265462578375608</c:v>
                </c:pt>
                <c:pt idx="4359">
                  <c:v>0.50268026211707151</c:v>
                </c:pt>
                <c:pt idx="4360">
                  <c:v>0.50269373821113106</c:v>
                </c:pt>
                <c:pt idx="4361">
                  <c:v>0.50268821044368517</c:v>
                </c:pt>
                <c:pt idx="4362">
                  <c:v>0.50266490035715594</c:v>
                </c:pt>
                <c:pt idx="4363">
                  <c:v>0.50262031756816627</c:v>
                </c:pt>
                <c:pt idx="4364">
                  <c:v>0.50255919239042302</c:v>
                </c:pt>
                <c:pt idx="4365">
                  <c:v>0.50248374831447074</c:v>
                </c:pt>
                <c:pt idx="4366">
                  <c:v>0.5023796240561107</c:v>
                </c:pt>
                <c:pt idx="4367">
                  <c:v>0.50226884631025548</c:v>
                </c:pt>
                <c:pt idx="4368">
                  <c:v>0.50215419884136814</c:v>
                </c:pt>
                <c:pt idx="4369">
                  <c:v>0.50203427122242761</c:v>
                </c:pt>
                <c:pt idx="4370">
                  <c:v>0.50191988619630601</c:v>
                </c:pt>
                <c:pt idx="4371">
                  <c:v>0.5018010990696764</c:v>
                </c:pt>
                <c:pt idx="4372">
                  <c:v>0.50168506406958879</c:v>
                </c:pt>
                <c:pt idx="4373">
                  <c:v>0.50159136870447196</c:v>
                </c:pt>
                <c:pt idx="4374">
                  <c:v>0.50150370498563512</c:v>
                </c:pt>
                <c:pt idx="4375">
                  <c:v>0.50143237839636745</c:v>
                </c:pt>
                <c:pt idx="4376">
                  <c:v>0.50136321981280363</c:v>
                </c:pt>
                <c:pt idx="4377">
                  <c:v>0.50130257764692054</c:v>
                </c:pt>
                <c:pt idx="4378">
                  <c:v>0.501242968442003</c:v>
                </c:pt>
                <c:pt idx="4379">
                  <c:v>0.50118887970133574</c:v>
                </c:pt>
                <c:pt idx="4380">
                  <c:v>0.50113485976415884</c:v>
                </c:pt>
                <c:pt idx="4381">
                  <c:v>0.50108480539036315</c:v>
                </c:pt>
                <c:pt idx="4382">
                  <c:v>0.50103036722961125</c:v>
                </c:pt>
                <c:pt idx="4383">
                  <c:v>0.50097239052508158</c:v>
                </c:pt>
                <c:pt idx="4384">
                  <c:v>0.50091458353773477</c:v>
                </c:pt>
                <c:pt idx="4385">
                  <c:v>0.50084975323340764</c:v>
                </c:pt>
                <c:pt idx="4386">
                  <c:v>0.50079465621327524</c:v>
                </c:pt>
                <c:pt idx="4387">
                  <c:v>0.50074792202170859</c:v>
                </c:pt>
                <c:pt idx="4388">
                  <c:v>0.50070454418157451</c:v>
                </c:pt>
                <c:pt idx="4389">
                  <c:v>0.50068233945104257</c:v>
                </c:pt>
                <c:pt idx="4390">
                  <c:v>0.50067036734220693</c:v>
                </c:pt>
                <c:pt idx="4391">
                  <c:v>0.50068003136909689</c:v>
                </c:pt>
                <c:pt idx="4392">
                  <c:v>0.50070092817554979</c:v>
                </c:pt>
                <c:pt idx="4393">
                  <c:v>0.50073526395330881</c:v>
                </c:pt>
                <c:pt idx="4394">
                  <c:v>0.50078693242169059</c:v>
                </c:pt>
                <c:pt idx="4395">
                  <c:v>0.50085159631635401</c:v>
                </c:pt>
                <c:pt idx="4396">
                  <c:v>0.50091733205761912</c:v>
                </c:pt>
                <c:pt idx="4397">
                  <c:v>0.50098582631510968</c:v>
                </c:pt>
                <c:pt idx="4398">
                  <c:v>0.50105605804764308</c:v>
                </c:pt>
                <c:pt idx="4399">
                  <c:v>0.50112540300078734</c:v>
                </c:pt>
                <c:pt idx="4400">
                  <c:v>0.50117457203573257</c:v>
                </c:pt>
                <c:pt idx="4401">
                  <c:v>0.5012163989681413</c:v>
                </c:pt>
                <c:pt idx="4402">
                  <c:v>0.50123857659522109</c:v>
                </c:pt>
                <c:pt idx="4403">
                  <c:v>0.5012488132627636</c:v>
                </c:pt>
                <c:pt idx="4404">
                  <c:v>0.50124661976287666</c:v>
                </c:pt>
                <c:pt idx="4405">
                  <c:v>0.50123561428976549</c:v>
                </c:pt>
                <c:pt idx="4406">
                  <c:v>0.50122166700149184</c:v>
                </c:pt>
                <c:pt idx="4407">
                  <c:v>0.50121073390747906</c:v>
                </c:pt>
                <c:pt idx="4408">
                  <c:v>0.50119252150877147</c:v>
                </c:pt>
                <c:pt idx="4409">
                  <c:v>0.50116643158882346</c:v>
                </c:pt>
                <c:pt idx="4410">
                  <c:v>0.50113503970074968</c:v>
                </c:pt>
                <c:pt idx="4411">
                  <c:v>0.50107960498306903</c:v>
                </c:pt>
                <c:pt idx="4412">
                  <c:v>0.50102030669998465</c:v>
                </c:pt>
                <c:pt idx="4413">
                  <c:v>0.50095235913465852</c:v>
                </c:pt>
                <c:pt idx="4414">
                  <c:v>0.50087974367106658</c:v>
                </c:pt>
                <c:pt idx="4415">
                  <c:v>0.50081291867931987</c:v>
                </c:pt>
                <c:pt idx="4416">
                  <c:v>0.50074902059892179</c:v>
                </c:pt>
                <c:pt idx="4417">
                  <c:v>0.50069850787850623</c:v>
                </c:pt>
                <c:pt idx="4418">
                  <c:v>0.50062916472035646</c:v>
                </c:pt>
                <c:pt idx="4419">
                  <c:v>0.50054313505479653</c:v>
                </c:pt>
                <c:pt idx="4420">
                  <c:v>0.50044839692316478</c:v>
                </c:pt>
                <c:pt idx="4421">
                  <c:v>0.50036630994910603</c:v>
                </c:pt>
                <c:pt idx="4422">
                  <c:v>0.50028879036751461</c:v>
                </c:pt>
                <c:pt idx="4423">
                  <c:v>0.50022117801601296</c:v>
                </c:pt>
                <c:pt idx="4424">
                  <c:v>0.50015347814431454</c:v>
                </c:pt>
                <c:pt idx="4425">
                  <c:v>0.50005836903656797</c:v>
                </c:pt>
                <c:pt idx="4426">
                  <c:v>0.49993866402145209</c:v>
                </c:pt>
                <c:pt idx="4427">
                  <c:v>0.49977567377428661</c:v>
                </c:pt>
                <c:pt idx="4428">
                  <c:v>0.49959285626298</c:v>
                </c:pt>
                <c:pt idx="4429">
                  <c:v>0.49940857959890345</c:v>
                </c:pt>
                <c:pt idx="4430">
                  <c:v>0.49923138691082086</c:v>
                </c:pt>
                <c:pt idx="4431">
                  <c:v>0.49909409405194866</c:v>
                </c:pt>
                <c:pt idx="4432">
                  <c:v>0.49900595526831831</c:v>
                </c:pt>
                <c:pt idx="4433">
                  <c:v>0.49897684566649891</c:v>
                </c:pt>
                <c:pt idx="4434">
                  <c:v>0.49900026013120363</c:v>
                </c:pt>
                <c:pt idx="4435">
                  <c:v>0.49907566589275099</c:v>
                </c:pt>
                <c:pt idx="4436">
                  <c:v>0.49919850095411578</c:v>
                </c:pt>
                <c:pt idx="4437">
                  <c:v>0.49936045632945719</c:v>
                </c:pt>
                <c:pt idx="4438">
                  <c:v>0.49954891954885616</c:v>
                </c:pt>
                <c:pt idx="4439">
                  <c:v>0.49976568583146402</c:v>
                </c:pt>
                <c:pt idx="4440">
                  <c:v>0.50000018189500439</c:v>
                </c:pt>
                <c:pt idx="4441">
                  <c:v>0.50025281504780583</c:v>
                </c:pt>
                <c:pt idx="4442">
                  <c:v>0.50051115672321</c:v>
                </c:pt>
                <c:pt idx="4443">
                  <c:v>0.50077259962681875</c:v>
                </c:pt>
                <c:pt idx="4444">
                  <c:v>0.50102722290969193</c:v>
                </c:pt>
                <c:pt idx="4445">
                  <c:v>0.50126102202357603</c:v>
                </c:pt>
                <c:pt idx="4446">
                  <c:v>0.50146101595746229</c:v>
                </c:pt>
                <c:pt idx="4447">
                  <c:v>0.50162535042357947</c:v>
                </c:pt>
                <c:pt idx="4448">
                  <c:v>0.50174416730390892</c:v>
                </c:pt>
                <c:pt idx="4449">
                  <c:v>0.50180557753752375</c:v>
                </c:pt>
                <c:pt idx="4450">
                  <c:v>0.50180103844367341</c:v>
                </c:pt>
                <c:pt idx="4451">
                  <c:v>0.50174247305728081</c:v>
                </c:pt>
                <c:pt idx="4452">
                  <c:v>0.50162855869344436</c:v>
                </c:pt>
                <c:pt idx="4453">
                  <c:v>0.50145349934384609</c:v>
                </c:pt>
                <c:pt idx="4454">
                  <c:v>0.50122310699019568</c:v>
                </c:pt>
                <c:pt idx="4455">
                  <c:v>0.50094883088791287</c:v>
                </c:pt>
                <c:pt idx="4456">
                  <c:v>0.50063553771880598</c:v>
                </c:pt>
                <c:pt idx="4457">
                  <c:v>0.50028930454215514</c:v>
                </c:pt>
                <c:pt idx="4458">
                  <c:v>0.49991402827244541</c:v>
                </c:pt>
                <c:pt idx="4459">
                  <c:v>0.49953264572013223</c:v>
                </c:pt>
                <c:pt idx="4460">
                  <c:v>0.49914905169559914</c:v>
                </c:pt>
                <c:pt idx="4461">
                  <c:v>0.49876262940850419</c:v>
                </c:pt>
                <c:pt idx="4462">
                  <c:v>0.49837801028844442</c:v>
                </c:pt>
                <c:pt idx="4463">
                  <c:v>0.49801418392962826</c:v>
                </c:pt>
                <c:pt idx="4464">
                  <c:v>0.49766618149359004</c:v>
                </c:pt>
                <c:pt idx="4465">
                  <c:v>0.49734270150807436</c:v>
                </c:pt>
                <c:pt idx="4466">
                  <c:v>0.49708313172554269</c:v>
                </c:pt>
                <c:pt idx="4467">
                  <c:v>0.49689424298468421</c:v>
                </c:pt>
                <c:pt idx="4468">
                  <c:v>0.49680326607280439</c:v>
                </c:pt>
                <c:pt idx="4469">
                  <c:v>0.4968127609577464</c:v>
                </c:pt>
                <c:pt idx="4470">
                  <c:v>0.49690253652906241</c:v>
                </c:pt>
                <c:pt idx="4471">
                  <c:v>0.49703783046404065</c:v>
                </c:pt>
                <c:pt idx="4472">
                  <c:v>0.49717975855731311</c:v>
                </c:pt>
                <c:pt idx="4473">
                  <c:v>0.49728819449235517</c:v>
                </c:pt>
                <c:pt idx="4474">
                  <c:v>0.49733128064834237</c:v>
                </c:pt>
                <c:pt idx="4475">
                  <c:v>0.49730326902292615</c:v>
                </c:pt>
                <c:pt idx="4476">
                  <c:v>0.49719231949018627</c:v>
                </c:pt>
                <c:pt idx="4477">
                  <c:v>0.49701791748049845</c:v>
                </c:pt>
                <c:pt idx="4478">
                  <c:v>0.49681410467222353</c:v>
                </c:pt>
                <c:pt idx="4479">
                  <c:v>0.49662792425180619</c:v>
                </c:pt>
                <c:pt idx="4480">
                  <c:v>0.4964801897902672</c:v>
                </c:pt>
                <c:pt idx="4481">
                  <c:v>0.49639853946135515</c:v>
                </c:pt>
                <c:pt idx="4482">
                  <c:v>0.49639844715412507</c:v>
                </c:pt>
                <c:pt idx="4483">
                  <c:v>0.4964671120937878</c:v>
                </c:pt>
                <c:pt idx="4484">
                  <c:v>0.49660134375042936</c:v>
                </c:pt>
                <c:pt idx="4485">
                  <c:v>0.49678976642843076</c:v>
                </c:pt>
                <c:pt idx="4486">
                  <c:v>0.49704175005275064</c:v>
                </c:pt>
                <c:pt idx="4487">
                  <c:v>0.49735278530203175</c:v>
                </c:pt>
                <c:pt idx="4488">
                  <c:v>0.4977055196916868</c:v>
                </c:pt>
                <c:pt idx="4489">
                  <c:v>0.49807876171807786</c:v>
                </c:pt>
                <c:pt idx="4490">
                  <c:v>0.49845276631069962</c:v>
                </c:pt>
                <c:pt idx="4491">
                  <c:v>0.49880239377887675</c:v>
                </c:pt>
                <c:pt idx="4492">
                  <c:v>0.49908446278403434</c:v>
                </c:pt>
                <c:pt idx="4493">
                  <c:v>0.4992927550482697</c:v>
                </c:pt>
                <c:pt idx="4494">
                  <c:v>0.49942129600225327</c:v>
                </c:pt>
                <c:pt idx="4495">
                  <c:v>0.49946434964120684</c:v>
                </c:pt>
                <c:pt idx="4496">
                  <c:v>0.49942959407595289</c:v>
                </c:pt>
                <c:pt idx="4497">
                  <c:v>0.4993335648341794</c:v>
                </c:pt>
                <c:pt idx="4498">
                  <c:v>0.49918745304729661</c:v>
                </c:pt>
                <c:pt idx="4499">
                  <c:v>0.49899707428079321</c:v>
                </c:pt>
                <c:pt idx="4500">
                  <c:v>0.49877380796931531</c:v>
                </c:pt>
                <c:pt idx="4501">
                  <c:v>0.49852886102393151</c:v>
                </c:pt>
                <c:pt idx="4502">
                  <c:v>0.49828093666990675</c:v>
                </c:pt>
                <c:pt idx="4503">
                  <c:v>0.49803760688476789</c:v>
                </c:pt>
                <c:pt idx="4504">
                  <c:v>0.49780749928711521</c:v>
                </c:pt>
                <c:pt idx="4505">
                  <c:v>0.49761422305622571</c:v>
                </c:pt>
                <c:pt idx="4506">
                  <c:v>0.49745053014619356</c:v>
                </c:pt>
                <c:pt idx="4507">
                  <c:v>0.49731645359625787</c:v>
                </c:pt>
                <c:pt idx="4508">
                  <c:v>0.49722690016122473</c:v>
                </c:pt>
                <c:pt idx="4509">
                  <c:v>0.49717624589093612</c:v>
                </c:pt>
                <c:pt idx="4510">
                  <c:v>0.49716461546511181</c:v>
                </c:pt>
                <c:pt idx="4511">
                  <c:v>0.49718662151203208</c:v>
                </c:pt>
                <c:pt idx="4512">
                  <c:v>0.49724192334717571</c:v>
                </c:pt>
                <c:pt idx="4513">
                  <c:v>0.49731648151149382</c:v>
                </c:pt>
                <c:pt idx="4514">
                  <c:v>0.49740551145741124</c:v>
                </c:pt>
                <c:pt idx="4515">
                  <c:v>0.49750725443272953</c:v>
                </c:pt>
                <c:pt idx="4516">
                  <c:v>0.49761208632483583</c:v>
                </c:pt>
                <c:pt idx="4517">
                  <c:v>0.49771551137124859</c:v>
                </c:pt>
                <c:pt idx="4518">
                  <c:v>0.49781048428493513</c:v>
                </c:pt>
                <c:pt idx="4519">
                  <c:v>0.49789275554236712</c:v>
                </c:pt>
                <c:pt idx="4520">
                  <c:v>0.49796422961484355</c:v>
                </c:pt>
                <c:pt idx="4521">
                  <c:v>0.49802178547782572</c:v>
                </c:pt>
                <c:pt idx="4522">
                  <c:v>0.49807200835623516</c:v>
                </c:pt>
                <c:pt idx="4523">
                  <c:v>0.49809654630705119</c:v>
                </c:pt>
                <c:pt idx="4524">
                  <c:v>0.49810594248282319</c:v>
                </c:pt>
                <c:pt idx="4525">
                  <c:v>0.49810460708392257</c:v>
                </c:pt>
                <c:pt idx="4526">
                  <c:v>0.49809470625062491</c:v>
                </c:pt>
                <c:pt idx="4527">
                  <c:v>0.49807197783610013</c:v>
                </c:pt>
                <c:pt idx="4528">
                  <c:v>0.49804183788883649</c:v>
                </c:pt>
                <c:pt idx="4529">
                  <c:v>0.49800733589669949</c:v>
                </c:pt>
                <c:pt idx="4530">
                  <c:v>0.49797369262899233</c:v>
                </c:pt>
                <c:pt idx="4531">
                  <c:v>0.49794245394706127</c:v>
                </c:pt>
                <c:pt idx="4532">
                  <c:v>0.49790797439480616</c:v>
                </c:pt>
                <c:pt idx="4533">
                  <c:v>0.49787792919870399</c:v>
                </c:pt>
                <c:pt idx="4534">
                  <c:v>0.49785065779441962</c:v>
                </c:pt>
                <c:pt idx="4535">
                  <c:v>0.49782527013009814</c:v>
                </c:pt>
                <c:pt idx="4536">
                  <c:v>0.49781369095492795</c:v>
                </c:pt>
                <c:pt idx="4537">
                  <c:v>0.49781136138828441</c:v>
                </c:pt>
                <c:pt idx="4538">
                  <c:v>0.49780689373550735</c:v>
                </c:pt>
                <c:pt idx="4539">
                  <c:v>0.49780664240768602</c:v>
                </c:pt>
                <c:pt idx="4540">
                  <c:v>0.49781639234558578</c:v>
                </c:pt>
                <c:pt idx="4541">
                  <c:v>0.49782765416920166</c:v>
                </c:pt>
                <c:pt idx="4542">
                  <c:v>0.49785569433166321</c:v>
                </c:pt>
                <c:pt idx="4543">
                  <c:v>0.49789551632929974</c:v>
                </c:pt>
                <c:pt idx="4544">
                  <c:v>0.49794810652741339</c:v>
                </c:pt>
                <c:pt idx="4545">
                  <c:v>0.49802354302644308</c:v>
                </c:pt>
                <c:pt idx="4546">
                  <c:v>0.49811335795314321</c:v>
                </c:pt>
                <c:pt idx="4547">
                  <c:v>0.49823762786858639</c:v>
                </c:pt>
                <c:pt idx="4548">
                  <c:v>0.49838479068387748</c:v>
                </c:pt>
                <c:pt idx="4549">
                  <c:v>0.4985262832622091</c:v>
                </c:pt>
                <c:pt idx="4550">
                  <c:v>0.49864795393368339</c:v>
                </c:pt>
                <c:pt idx="4551">
                  <c:v>0.49872215540658793</c:v>
                </c:pt>
                <c:pt idx="4552">
                  <c:v>0.49872396072340025</c:v>
                </c:pt>
                <c:pt idx="4553">
                  <c:v>0.49864466363972981</c:v>
                </c:pt>
                <c:pt idx="4554">
                  <c:v>0.49849141207056713</c:v>
                </c:pt>
                <c:pt idx="4555">
                  <c:v>0.49827527811822386</c:v>
                </c:pt>
                <c:pt idx="4556">
                  <c:v>0.49801151529958021</c:v>
                </c:pt>
                <c:pt idx="4557">
                  <c:v>0.49772861303557769</c:v>
                </c:pt>
                <c:pt idx="4558">
                  <c:v>0.49745150069907179</c:v>
                </c:pt>
                <c:pt idx="4559">
                  <c:v>0.49721024411863241</c:v>
                </c:pt>
                <c:pt idx="4560">
                  <c:v>0.49700593407695765</c:v>
                </c:pt>
                <c:pt idx="4561">
                  <c:v>0.49684513101892708</c:v>
                </c:pt>
                <c:pt idx="4562">
                  <c:v>0.49673343738548797</c:v>
                </c:pt>
                <c:pt idx="4563">
                  <c:v>0.49665534562735392</c:v>
                </c:pt>
                <c:pt idx="4564">
                  <c:v>0.49662127234620707</c:v>
                </c:pt>
                <c:pt idx="4565">
                  <c:v>0.4966187611948919</c:v>
                </c:pt>
                <c:pt idx="4566">
                  <c:v>0.49664536067493587</c:v>
                </c:pt>
                <c:pt idx="4567">
                  <c:v>0.49668998403514714</c:v>
                </c:pt>
                <c:pt idx="4568">
                  <c:v>0.4967430310073811</c:v>
                </c:pt>
                <c:pt idx="4569">
                  <c:v>0.49678351908212576</c:v>
                </c:pt>
                <c:pt idx="4570">
                  <c:v>0.49680935770693607</c:v>
                </c:pt>
                <c:pt idx="4571">
                  <c:v>0.49681131129953948</c:v>
                </c:pt>
                <c:pt idx="4572">
                  <c:v>0.49679773739102906</c:v>
                </c:pt>
                <c:pt idx="4573">
                  <c:v>0.49679619249467211</c:v>
                </c:pt>
                <c:pt idx="4574">
                  <c:v>0.49681465200090508</c:v>
                </c:pt>
                <c:pt idx="4575">
                  <c:v>0.49687252840211227</c:v>
                </c:pt>
                <c:pt idx="4576">
                  <c:v>0.4969761971487639</c:v>
                </c:pt>
                <c:pt idx="4577">
                  <c:v>0.49711452442254062</c:v>
                </c:pt>
                <c:pt idx="4578">
                  <c:v>0.49727651573454035</c:v>
                </c:pt>
                <c:pt idx="4579">
                  <c:v>0.49744153487158099</c:v>
                </c:pt>
                <c:pt idx="4580">
                  <c:v>0.49758057218871732</c:v>
                </c:pt>
                <c:pt idx="4581">
                  <c:v>0.49766947786999932</c:v>
                </c:pt>
                <c:pt idx="4582">
                  <c:v>0.49771446310037271</c:v>
                </c:pt>
                <c:pt idx="4583">
                  <c:v>0.49771308417563476</c:v>
                </c:pt>
                <c:pt idx="4584">
                  <c:v>0.49768085706196824</c:v>
                </c:pt>
                <c:pt idx="4585">
                  <c:v>0.49763235390802824</c:v>
                </c:pt>
                <c:pt idx="4586">
                  <c:v>0.49758029958945998</c:v>
                </c:pt>
                <c:pt idx="4587">
                  <c:v>0.49752611793854645</c:v>
                </c:pt>
                <c:pt idx="4588">
                  <c:v>0.49747531009442231</c:v>
                </c:pt>
                <c:pt idx="4589">
                  <c:v>0.49742131000530176</c:v>
                </c:pt>
                <c:pt idx="4590">
                  <c:v>0.49737635411681236</c:v>
                </c:pt>
                <c:pt idx="4591">
                  <c:v>0.49733241934631256</c:v>
                </c:pt>
                <c:pt idx="4592">
                  <c:v>0.49730413176664667</c:v>
                </c:pt>
                <c:pt idx="4593">
                  <c:v>0.4972912080451965</c:v>
                </c:pt>
                <c:pt idx="4594">
                  <c:v>0.49728733693963961</c:v>
                </c:pt>
                <c:pt idx="4595">
                  <c:v>0.49729273663805557</c:v>
                </c:pt>
                <c:pt idx="4596">
                  <c:v>0.49731484828470846</c:v>
                </c:pt>
                <c:pt idx="4597">
                  <c:v>0.49734659604383241</c:v>
                </c:pt>
                <c:pt idx="4598">
                  <c:v>0.49738572416515242</c:v>
                </c:pt>
                <c:pt idx="4599">
                  <c:v>0.49744292089524089</c:v>
                </c:pt>
                <c:pt idx="4600">
                  <c:v>0.49750446860346714</c:v>
                </c:pt>
                <c:pt idx="4601">
                  <c:v>0.49759212888560217</c:v>
                </c:pt>
                <c:pt idx="4602">
                  <c:v>0.49770340520489315</c:v>
                </c:pt>
                <c:pt idx="4603">
                  <c:v>0.49783332599377689</c:v>
                </c:pt>
                <c:pt idx="4604">
                  <c:v>0.49798383639609367</c:v>
                </c:pt>
                <c:pt idx="4605">
                  <c:v>0.4981478256689591</c:v>
                </c:pt>
                <c:pt idx="4606">
                  <c:v>0.49831436727227996</c:v>
                </c:pt>
                <c:pt idx="4607">
                  <c:v>0.49845745834922228</c:v>
                </c:pt>
                <c:pt idx="4608">
                  <c:v>0.49856385161931022</c:v>
                </c:pt>
                <c:pt idx="4609">
                  <c:v>0.49861071091115544</c:v>
                </c:pt>
                <c:pt idx="4610">
                  <c:v>0.49860029072896273</c:v>
                </c:pt>
                <c:pt idx="4611">
                  <c:v>0.49853508527422724</c:v>
                </c:pt>
                <c:pt idx="4612">
                  <c:v>0.49843403232180516</c:v>
                </c:pt>
                <c:pt idx="4613">
                  <c:v>0.49830905194628389</c:v>
                </c:pt>
                <c:pt idx="4614">
                  <c:v>0.49817612438644793</c:v>
                </c:pt>
                <c:pt idx="4615">
                  <c:v>0.49805646623647348</c:v>
                </c:pt>
                <c:pt idx="4616">
                  <c:v>0.49795724325507323</c:v>
                </c:pt>
                <c:pt idx="4617">
                  <c:v>0.49788593897658656</c:v>
                </c:pt>
                <c:pt idx="4618">
                  <c:v>0.49784385551472926</c:v>
                </c:pt>
                <c:pt idx="4619">
                  <c:v>0.49782313140336215</c:v>
                </c:pt>
                <c:pt idx="4620">
                  <c:v>0.49781766065362726</c:v>
                </c:pt>
                <c:pt idx="4621">
                  <c:v>0.49783253374493353</c:v>
                </c:pt>
                <c:pt idx="4622">
                  <c:v>0.49786159668735602</c:v>
                </c:pt>
                <c:pt idx="4623">
                  <c:v>0.49789218164583937</c:v>
                </c:pt>
                <c:pt idx="4624">
                  <c:v>0.49792432275126175</c:v>
                </c:pt>
                <c:pt idx="4625">
                  <c:v>0.49795417818111931</c:v>
                </c:pt>
                <c:pt idx="4626">
                  <c:v>0.49797732308616038</c:v>
                </c:pt>
                <c:pt idx="4627">
                  <c:v>0.49797700483988699</c:v>
                </c:pt>
                <c:pt idx="4628">
                  <c:v>0.49796886595934914</c:v>
                </c:pt>
                <c:pt idx="4629">
                  <c:v>0.49794461935440265</c:v>
                </c:pt>
                <c:pt idx="4630">
                  <c:v>0.49791310148007417</c:v>
                </c:pt>
                <c:pt idx="4631">
                  <c:v>0.49787348836625556</c:v>
                </c:pt>
                <c:pt idx="4632">
                  <c:v>0.49783574184974527</c:v>
                </c:pt>
                <c:pt idx="4633">
                  <c:v>0.49779264302715026</c:v>
                </c:pt>
                <c:pt idx="4634">
                  <c:v>0.49776054570576728</c:v>
                </c:pt>
                <c:pt idx="4635">
                  <c:v>0.49774741639584358</c:v>
                </c:pt>
                <c:pt idx="4636">
                  <c:v>0.49776039607604966</c:v>
                </c:pt>
                <c:pt idx="4637">
                  <c:v>0.49780795698210167</c:v>
                </c:pt>
                <c:pt idx="4638">
                  <c:v>0.49789925615137459</c:v>
                </c:pt>
                <c:pt idx="4639">
                  <c:v>0.49803607259267074</c:v>
                </c:pt>
                <c:pt idx="4640">
                  <c:v>0.49821329743785664</c:v>
                </c:pt>
                <c:pt idx="4641">
                  <c:v>0.49843725190108301</c:v>
                </c:pt>
                <c:pt idx="4642">
                  <c:v>0.49869747769084311</c:v>
                </c:pt>
                <c:pt idx="4643">
                  <c:v>0.49898562756000225</c:v>
                </c:pt>
                <c:pt idx="4644">
                  <c:v>0.4992961925748291</c:v>
                </c:pt>
                <c:pt idx="4645">
                  <c:v>0.49961466433021601</c:v>
                </c:pt>
                <c:pt idx="4646">
                  <c:v>0.49993722767846305</c:v>
                </c:pt>
                <c:pt idx="4647">
                  <c:v>0.50024315249250417</c:v>
                </c:pt>
                <c:pt idx="4648">
                  <c:v>0.50053204394472928</c:v>
                </c:pt>
                <c:pt idx="4649">
                  <c:v>0.5007858016667015</c:v>
                </c:pt>
                <c:pt idx="4650">
                  <c:v>0.50100472502383353</c:v>
                </c:pt>
                <c:pt idx="4651">
                  <c:v>0.50117603128173305</c:v>
                </c:pt>
                <c:pt idx="4652">
                  <c:v>0.50129761975916298</c:v>
                </c:pt>
                <c:pt idx="4653">
                  <c:v>0.50136047617669643</c:v>
                </c:pt>
                <c:pt idx="4654">
                  <c:v>0.50137494108325786</c:v>
                </c:pt>
                <c:pt idx="4655">
                  <c:v>0.50134430389687468</c:v>
                </c:pt>
                <c:pt idx="4656">
                  <c:v>0.5012661129638265</c:v>
                </c:pt>
                <c:pt idx="4657">
                  <c:v>0.50115201492192085</c:v>
                </c:pt>
                <c:pt idx="4658">
                  <c:v>0.50100681574950257</c:v>
                </c:pt>
                <c:pt idx="4659">
                  <c:v>0.50083963819536892</c:v>
                </c:pt>
                <c:pt idx="4660">
                  <c:v>0.50066524033497151</c:v>
                </c:pt>
                <c:pt idx="4661">
                  <c:v>0.50048660401778144</c:v>
                </c:pt>
                <c:pt idx="4662">
                  <c:v>0.50029793826355673</c:v>
                </c:pt>
                <c:pt idx="4663">
                  <c:v>0.50011760879742406</c:v>
                </c:pt>
                <c:pt idx="4664">
                  <c:v>0.49995206653021751</c:v>
                </c:pt>
                <c:pt idx="4665">
                  <c:v>0.49978965507422435</c:v>
                </c:pt>
                <c:pt idx="4666">
                  <c:v>0.49964397080006179</c:v>
                </c:pt>
                <c:pt idx="4667">
                  <c:v>0.4995093863100844</c:v>
                </c:pt>
                <c:pt idx="4668">
                  <c:v>0.49939579812144858</c:v>
                </c:pt>
                <c:pt idx="4669">
                  <c:v>0.49928251874613216</c:v>
                </c:pt>
                <c:pt idx="4670">
                  <c:v>0.49917638221998023</c:v>
                </c:pt>
                <c:pt idx="4671">
                  <c:v>0.49907801754629139</c:v>
                </c:pt>
                <c:pt idx="4672">
                  <c:v>0.49898725960526813</c:v>
                </c:pt>
                <c:pt idx="4673">
                  <c:v>0.49890531022201173</c:v>
                </c:pt>
                <c:pt idx="4674">
                  <c:v>0.49884189434356907</c:v>
                </c:pt>
                <c:pt idx="4675">
                  <c:v>0.49880283376904722</c:v>
                </c:pt>
                <c:pt idx="4676">
                  <c:v>0.49877961597585752</c:v>
                </c:pt>
                <c:pt idx="4677">
                  <c:v>0.49878823203337963</c:v>
                </c:pt>
                <c:pt idx="4678">
                  <c:v>0.49881635307844796</c:v>
                </c:pt>
                <c:pt idx="4679">
                  <c:v>0.49887064030948391</c:v>
                </c:pt>
                <c:pt idx="4680">
                  <c:v>0.49896059503134538</c:v>
                </c:pt>
                <c:pt idx="4681">
                  <c:v>0.499081787172726</c:v>
                </c:pt>
                <c:pt idx="4682">
                  <c:v>0.49923194173414348</c:v>
                </c:pt>
                <c:pt idx="4683">
                  <c:v>0.49941607170032121</c:v>
                </c:pt>
                <c:pt idx="4684">
                  <c:v>0.49961981898133012</c:v>
                </c:pt>
                <c:pt idx="4685">
                  <c:v>0.49984426995801384</c:v>
                </c:pt>
                <c:pt idx="4686">
                  <c:v>0.50007110051221693</c:v>
                </c:pt>
                <c:pt idx="4687">
                  <c:v>0.50027819399110818</c:v>
                </c:pt>
                <c:pt idx="4688">
                  <c:v>0.50045994934982907</c:v>
                </c:pt>
                <c:pt idx="4689">
                  <c:v>0.50060162925570328</c:v>
                </c:pt>
                <c:pt idx="4690">
                  <c:v>0.5006990190777767</c:v>
                </c:pt>
                <c:pt idx="4691">
                  <c:v>0.50076058365027332</c:v>
                </c:pt>
                <c:pt idx="4692">
                  <c:v>0.50079043211423202</c:v>
                </c:pt>
                <c:pt idx="4693">
                  <c:v>0.50079542616800643</c:v>
                </c:pt>
                <c:pt idx="4694">
                  <c:v>0.50079507531865919</c:v>
                </c:pt>
                <c:pt idx="4695">
                  <c:v>0.50078424194178495</c:v>
                </c:pt>
                <c:pt idx="4696">
                  <c:v>0.50075460450586506</c:v>
                </c:pt>
                <c:pt idx="4697">
                  <c:v>0.50072277389134001</c:v>
                </c:pt>
                <c:pt idx="4698">
                  <c:v>0.50067333036809536</c:v>
                </c:pt>
                <c:pt idx="4699">
                  <c:v>0.50061500079060073</c:v>
                </c:pt>
                <c:pt idx="4700">
                  <c:v>0.50053454637281913</c:v>
                </c:pt>
                <c:pt idx="4701">
                  <c:v>0.5004278969750483</c:v>
                </c:pt>
                <c:pt idx="4702">
                  <c:v>0.50030531674144985</c:v>
                </c:pt>
                <c:pt idx="4703">
                  <c:v>0.50017311104989159</c:v>
                </c:pt>
                <c:pt idx="4704">
                  <c:v>0.50001404600700372</c:v>
                </c:pt>
                <c:pt idx="4705">
                  <c:v>0.49982846016076699</c:v>
                </c:pt>
                <c:pt idx="4706">
                  <c:v>0.49962255436690151</c:v>
                </c:pt>
                <c:pt idx="4707">
                  <c:v>0.49940038544882942</c:v>
                </c:pt>
                <c:pt idx="4708">
                  <c:v>0.49918326045078176</c:v>
                </c:pt>
                <c:pt idx="4709">
                  <c:v>0.49897708459000001</c:v>
                </c:pt>
                <c:pt idx="4710">
                  <c:v>0.49880619945636295</c:v>
                </c:pt>
                <c:pt idx="4711">
                  <c:v>0.49868536226843468</c:v>
                </c:pt>
                <c:pt idx="4712">
                  <c:v>0.49859855366818717</c:v>
                </c:pt>
                <c:pt idx="4713">
                  <c:v>0.49854501124545475</c:v>
                </c:pt>
                <c:pt idx="4714">
                  <c:v>0.49851647424915285</c:v>
                </c:pt>
                <c:pt idx="4715">
                  <c:v>0.49850921369188722</c:v>
                </c:pt>
                <c:pt idx="4716">
                  <c:v>0.49851711392183373</c:v>
                </c:pt>
                <c:pt idx="4717">
                  <c:v>0.49855609813800417</c:v>
                </c:pt>
                <c:pt idx="4718">
                  <c:v>0.49861056060570014</c:v>
                </c:pt>
                <c:pt idx="4719">
                  <c:v>0.49869258535045202</c:v>
                </c:pt>
                <c:pt idx="4720">
                  <c:v>0.49880123377515256</c:v>
                </c:pt>
                <c:pt idx="4721">
                  <c:v>0.49891082383573687</c:v>
                </c:pt>
                <c:pt idx="4722">
                  <c:v>0.4990231609601421</c:v>
                </c:pt>
                <c:pt idx="4723">
                  <c:v>0.49913210962560911</c:v>
                </c:pt>
                <c:pt idx="4724">
                  <c:v>0.49921757924415755</c:v>
                </c:pt>
                <c:pt idx="4725">
                  <c:v>0.49930120049903753</c:v>
                </c:pt>
                <c:pt idx="4726">
                  <c:v>0.49936483838923779</c:v>
                </c:pt>
                <c:pt idx="4727">
                  <c:v>0.49941349553520253</c:v>
                </c:pt>
                <c:pt idx="4728">
                  <c:v>0.4994383521577534</c:v>
                </c:pt>
                <c:pt idx="4729">
                  <c:v>0.49945739874728456</c:v>
                </c:pt>
                <c:pt idx="4730">
                  <c:v>0.49946026896171347</c:v>
                </c:pt>
                <c:pt idx="4731">
                  <c:v>0.49945953139965416</c:v>
                </c:pt>
                <c:pt idx="4732">
                  <c:v>0.49945081614638198</c:v>
                </c:pt>
                <c:pt idx="4733">
                  <c:v>0.49944207369724436</c:v>
                </c:pt>
                <c:pt idx="4734">
                  <c:v>0.49943754032665477</c:v>
                </c:pt>
                <c:pt idx="4735">
                  <c:v>0.49944105980433623</c:v>
                </c:pt>
                <c:pt idx="4736">
                  <c:v>0.49945770948028712</c:v>
                </c:pt>
                <c:pt idx="4737">
                  <c:v>0.49949051227019614</c:v>
                </c:pt>
                <c:pt idx="4738">
                  <c:v>0.49953743329896672</c:v>
                </c:pt>
                <c:pt idx="4739">
                  <c:v>0.49960007811796564</c:v>
                </c:pt>
                <c:pt idx="4740">
                  <c:v>0.49967125879889335</c:v>
                </c:pt>
                <c:pt idx="4741">
                  <c:v>0.4997655904064443</c:v>
                </c:pt>
                <c:pt idx="4742">
                  <c:v>0.49987917955255212</c:v>
                </c:pt>
                <c:pt idx="4743">
                  <c:v>0.50000909493537149</c:v>
                </c:pt>
                <c:pt idx="4744">
                  <c:v>0.50015309867433311</c:v>
                </c:pt>
                <c:pt idx="4745">
                  <c:v>0.50032502066263884</c:v>
                </c:pt>
                <c:pt idx="4746">
                  <c:v>0.50052363193308691</c:v>
                </c:pt>
                <c:pt idx="4747">
                  <c:v>0.50074546139832687</c:v>
                </c:pt>
                <c:pt idx="4748">
                  <c:v>0.50096326369897981</c:v>
                </c:pt>
                <c:pt idx="4749">
                  <c:v>0.50116215035220124</c:v>
                </c:pt>
                <c:pt idx="4750">
                  <c:v>0.50132681228224141</c:v>
                </c:pt>
                <c:pt idx="4751">
                  <c:v>0.50144130711940371</c:v>
                </c:pt>
                <c:pt idx="4752">
                  <c:v>0.50148582644053386</c:v>
                </c:pt>
                <c:pt idx="4753">
                  <c:v>0.50147515793089292</c:v>
                </c:pt>
                <c:pt idx="4754">
                  <c:v>0.50142225307028476</c:v>
                </c:pt>
                <c:pt idx="4755">
                  <c:v>0.50133636894937572</c:v>
                </c:pt>
                <c:pt idx="4756">
                  <c:v>0.50122296392828813</c:v>
                </c:pt>
                <c:pt idx="4757">
                  <c:v>0.50109990073969946</c:v>
                </c:pt>
                <c:pt idx="4758">
                  <c:v>0.50097241238891144</c:v>
                </c:pt>
                <c:pt idx="4759">
                  <c:v>0.5008506472628812</c:v>
                </c:pt>
                <c:pt idx="4760">
                  <c:v>0.50074253758303333</c:v>
                </c:pt>
                <c:pt idx="4761">
                  <c:v>0.5006378159329854</c:v>
                </c:pt>
                <c:pt idx="4762">
                  <c:v>0.50054675818450123</c:v>
                </c:pt>
                <c:pt idx="4763">
                  <c:v>0.50046657238917525</c:v>
                </c:pt>
                <c:pt idx="4764">
                  <c:v>0.50039954231236738</c:v>
                </c:pt>
                <c:pt idx="4765">
                  <c:v>0.50035137391884588</c:v>
                </c:pt>
                <c:pt idx="4766">
                  <c:v>0.50031582241703509</c:v>
                </c:pt>
                <c:pt idx="4767">
                  <c:v>0.50030223747104108</c:v>
                </c:pt>
                <c:pt idx="4768">
                  <c:v>0.50031256453806006</c:v>
                </c:pt>
                <c:pt idx="4769">
                  <c:v>0.50035071557153887</c:v>
                </c:pt>
                <c:pt idx="4770">
                  <c:v>0.50040882027997602</c:v>
                </c:pt>
                <c:pt idx="4771">
                  <c:v>0.50050576446444472</c:v>
                </c:pt>
                <c:pt idx="4772">
                  <c:v>0.50064314794896536</c:v>
                </c:pt>
                <c:pt idx="4773">
                  <c:v>0.5008332330116263</c:v>
                </c:pt>
                <c:pt idx="4774">
                  <c:v>0.50108896369012945</c:v>
                </c:pt>
                <c:pt idx="4775">
                  <c:v>0.50142385551791591</c:v>
                </c:pt>
                <c:pt idx="4776">
                  <c:v>0.50184688646189046</c:v>
                </c:pt>
                <c:pt idx="4777">
                  <c:v>0.5023507212757613</c:v>
                </c:pt>
                <c:pt idx="4778">
                  <c:v>0.50291242357960042</c:v>
                </c:pt>
                <c:pt idx="4779">
                  <c:v>0.50348063177905222</c:v>
                </c:pt>
                <c:pt idx="4780">
                  <c:v>0.50401912465266974</c:v>
                </c:pt>
                <c:pt idx="4781">
                  <c:v>0.50448869944240082</c:v>
                </c:pt>
                <c:pt idx="4782">
                  <c:v>0.50484807998040315</c:v>
                </c:pt>
                <c:pt idx="4783">
                  <c:v>0.50509239069961309</c:v>
                </c:pt>
                <c:pt idx="4784">
                  <c:v>0.50522606954486526</c:v>
                </c:pt>
                <c:pt idx="4785">
                  <c:v>0.50528008330398633</c:v>
                </c:pt>
                <c:pt idx="4786">
                  <c:v>0.50528716141127661</c:v>
                </c:pt>
                <c:pt idx="4787">
                  <c:v>0.50528116195772532</c:v>
                </c:pt>
                <c:pt idx="4788">
                  <c:v>0.50528994691696938</c:v>
                </c:pt>
                <c:pt idx="4789">
                  <c:v>0.5053316296280127</c:v>
                </c:pt>
                <c:pt idx="4790">
                  <c:v>0.50539458316791752</c:v>
                </c:pt>
                <c:pt idx="4791">
                  <c:v>0.50545700121231174</c:v>
                </c:pt>
                <c:pt idx="4792">
                  <c:v>0.50549203106093765</c:v>
                </c:pt>
                <c:pt idx="4793">
                  <c:v>0.50548605280119818</c:v>
                </c:pt>
                <c:pt idx="4794">
                  <c:v>0.50544170463615534</c:v>
                </c:pt>
                <c:pt idx="4795">
                  <c:v>0.50534697625614466</c:v>
                </c:pt>
                <c:pt idx="4796">
                  <c:v>0.50522603945452216</c:v>
                </c:pt>
                <c:pt idx="4797">
                  <c:v>0.50509619310463361</c:v>
                </c:pt>
                <c:pt idx="4798">
                  <c:v>0.50497284033836909</c:v>
                </c:pt>
                <c:pt idx="4799">
                  <c:v>0.50487192601838204</c:v>
                </c:pt>
                <c:pt idx="4800">
                  <c:v>0.50479051426897414</c:v>
                </c:pt>
                <c:pt idx="4801">
                  <c:v>0.50473236259905996</c:v>
                </c:pt>
                <c:pt idx="4802">
                  <c:v>0.50469148393244434</c:v>
                </c:pt>
                <c:pt idx="4803">
                  <c:v>0.50465703495098424</c:v>
                </c:pt>
                <c:pt idx="4804">
                  <c:v>0.50462779006355118</c:v>
                </c:pt>
                <c:pt idx="4805">
                  <c:v>0.50459100273085833</c:v>
                </c:pt>
                <c:pt idx="4806">
                  <c:v>0.50455028146943715</c:v>
                </c:pt>
                <c:pt idx="4807">
                  <c:v>0.50449657927356895</c:v>
                </c:pt>
                <c:pt idx="4808">
                  <c:v>0.50443117129446635</c:v>
                </c:pt>
                <c:pt idx="4809">
                  <c:v>0.50435303922004449</c:v>
                </c:pt>
                <c:pt idx="4810">
                  <c:v>0.50426122613801005</c:v>
                </c:pt>
                <c:pt idx="4811">
                  <c:v>0.50416612060080557</c:v>
                </c:pt>
                <c:pt idx="4812">
                  <c:v>0.50406372727500803</c:v>
                </c:pt>
                <c:pt idx="4813">
                  <c:v>0.50395649048826374</c:v>
                </c:pt>
                <c:pt idx="4814">
                  <c:v>0.50384548995980338</c:v>
                </c:pt>
                <c:pt idx="4815">
                  <c:v>0.50373821078216674</c:v>
                </c:pt>
                <c:pt idx="4816">
                  <c:v>0.50364107484950771</c:v>
                </c:pt>
                <c:pt idx="4817">
                  <c:v>0.50355329200883192</c:v>
                </c:pt>
                <c:pt idx="4818">
                  <c:v>0.50347275861783125</c:v>
                </c:pt>
                <c:pt idx="4819">
                  <c:v>0.50341123282327771</c:v>
                </c:pt>
                <c:pt idx="4820">
                  <c:v>0.50337461442662479</c:v>
                </c:pt>
                <c:pt idx="4821">
                  <c:v>0.50334953380702052</c:v>
                </c:pt>
                <c:pt idx="4822">
                  <c:v>0.50334141231099738</c:v>
                </c:pt>
                <c:pt idx="4823">
                  <c:v>0.50335708077898689</c:v>
                </c:pt>
                <c:pt idx="4824">
                  <c:v>0.50338676906796243</c:v>
                </c:pt>
                <c:pt idx="4825">
                  <c:v>0.50343584491239779</c:v>
                </c:pt>
                <c:pt idx="4826">
                  <c:v>0.50349785992301432</c:v>
                </c:pt>
                <c:pt idx="4827">
                  <c:v>0.5035765638169083</c:v>
                </c:pt>
                <c:pt idx="4828">
                  <c:v>0.50367584220715944</c:v>
                </c:pt>
                <c:pt idx="4829">
                  <c:v>0.50379622061745022</c:v>
                </c:pt>
                <c:pt idx="4830">
                  <c:v>0.50393678203260561</c:v>
                </c:pt>
                <c:pt idx="4831">
                  <c:v>0.50408939739602177</c:v>
                </c:pt>
                <c:pt idx="4832">
                  <c:v>0.50424944018712714</c:v>
                </c:pt>
                <c:pt idx="4833">
                  <c:v>0.50442903105773873</c:v>
                </c:pt>
                <c:pt idx="4834">
                  <c:v>0.5046106732071205</c:v>
                </c:pt>
                <c:pt idx="4835">
                  <c:v>0.50479119854442356</c:v>
                </c:pt>
                <c:pt idx="4836">
                  <c:v>0.504980060219825</c:v>
                </c:pt>
                <c:pt idx="4837">
                  <c:v>0.50517437690362466</c:v>
                </c:pt>
                <c:pt idx="4838">
                  <c:v>0.50536159780555068</c:v>
                </c:pt>
                <c:pt idx="4839">
                  <c:v>0.50554554775743177</c:v>
                </c:pt>
                <c:pt idx="4840">
                  <c:v>0.50572385786338736</c:v>
                </c:pt>
                <c:pt idx="4841">
                  <c:v>0.50589846687920859</c:v>
                </c:pt>
                <c:pt idx="4842">
                  <c:v>0.50606831815062425</c:v>
                </c:pt>
                <c:pt idx="4843">
                  <c:v>0.50623491156430933</c:v>
                </c:pt>
                <c:pt idx="4844">
                  <c:v>0.50640461197382802</c:v>
                </c:pt>
                <c:pt idx="4845">
                  <c:v>0.506568175068698</c:v>
                </c:pt>
                <c:pt idx="4846">
                  <c:v>0.50672349315381982</c:v>
                </c:pt>
                <c:pt idx="4847">
                  <c:v>0.50686746110205638</c:v>
                </c:pt>
                <c:pt idx="4848">
                  <c:v>0.50700727662298894</c:v>
                </c:pt>
                <c:pt idx="4849">
                  <c:v>0.50713838893912455</c:v>
                </c:pt>
                <c:pt idx="4850">
                  <c:v>0.50725494874385091</c:v>
                </c:pt>
                <c:pt idx="4851">
                  <c:v>0.50736483449153091</c:v>
                </c:pt>
                <c:pt idx="4852">
                  <c:v>0.5074601440385812</c:v>
                </c:pt>
                <c:pt idx="4853">
                  <c:v>0.50754192281728949</c:v>
                </c:pt>
                <c:pt idx="4854">
                  <c:v>0.50761581005095491</c:v>
                </c:pt>
                <c:pt idx="4855">
                  <c:v>0.50768846545660529</c:v>
                </c:pt>
                <c:pt idx="4856">
                  <c:v>0.50775633257320207</c:v>
                </c:pt>
                <c:pt idx="4857">
                  <c:v>0.50782111264170726</c:v>
                </c:pt>
                <c:pt idx="4858">
                  <c:v>0.50789241528273543</c:v>
                </c:pt>
                <c:pt idx="4859">
                  <c:v>0.50797915502964974</c:v>
                </c:pt>
                <c:pt idx="4860">
                  <c:v>0.50807369593046492</c:v>
                </c:pt>
                <c:pt idx="4861">
                  <c:v>0.5081773926225851</c:v>
                </c:pt>
                <c:pt idx="4862">
                  <c:v>0.50829626521490767</c:v>
                </c:pt>
                <c:pt idx="4863">
                  <c:v>0.50842140167438055</c:v>
                </c:pt>
                <c:pt idx="4864">
                  <c:v>0.50855662152825143</c:v>
                </c:pt>
                <c:pt idx="4865">
                  <c:v>0.50870293156838187</c:v>
                </c:pt>
                <c:pt idx="4866">
                  <c:v>0.50885524363754731</c:v>
                </c:pt>
                <c:pt idx="4867">
                  <c:v>0.50901392555109359</c:v>
                </c:pt>
                <c:pt idx="4868">
                  <c:v>0.50917526686396486</c:v>
                </c:pt>
                <c:pt idx="4869">
                  <c:v>0.50934725200857189</c:v>
                </c:pt>
                <c:pt idx="4870">
                  <c:v>0.50953575460745915</c:v>
                </c:pt>
                <c:pt idx="4871">
                  <c:v>0.50974485039620465</c:v>
                </c:pt>
                <c:pt idx="4872">
                  <c:v>0.50999592554726136</c:v>
                </c:pt>
                <c:pt idx="4873">
                  <c:v>0.5102729700387294</c:v>
                </c:pt>
                <c:pt idx="4874">
                  <c:v>0.51055984795887144</c:v>
                </c:pt>
                <c:pt idx="4875">
                  <c:v>0.51085439300072444</c:v>
                </c:pt>
                <c:pt idx="4876">
                  <c:v>0.51111777331755537</c:v>
                </c:pt>
                <c:pt idx="4877">
                  <c:v>0.51132506937269928</c:v>
                </c:pt>
                <c:pt idx="4878">
                  <c:v>0.51147046613749869</c:v>
                </c:pt>
                <c:pt idx="4879">
                  <c:v>0.51157988059291315</c:v>
                </c:pt>
                <c:pt idx="4880">
                  <c:v>0.51167134005417725</c:v>
                </c:pt>
                <c:pt idx="4881">
                  <c:v>0.5117868650161681</c:v>
                </c:pt>
                <c:pt idx="4882">
                  <c:v>0.51195353945953714</c:v>
                </c:pt>
                <c:pt idx="4883">
                  <c:v>0.5121913706025838</c:v>
                </c:pt>
                <c:pt idx="4884">
                  <c:v>0.5125178907643495</c:v>
                </c:pt>
                <c:pt idx="4885">
                  <c:v>0.51292589851011661</c:v>
                </c:pt>
                <c:pt idx="4886">
                  <c:v>0.51337352793939539</c:v>
                </c:pt>
                <c:pt idx="4887">
                  <c:v>0.51382150521421666</c:v>
                </c:pt>
                <c:pt idx="4888">
                  <c:v>0.51423906460525182</c:v>
                </c:pt>
                <c:pt idx="4889">
                  <c:v>0.51460831344636282</c:v>
                </c:pt>
                <c:pt idx="4890">
                  <c:v>0.51493576371561789</c:v>
                </c:pt>
                <c:pt idx="4891">
                  <c:v>0.51523964718995141</c:v>
                </c:pt>
                <c:pt idx="4892">
                  <c:v>0.51552086406300224</c:v>
                </c:pt>
                <c:pt idx="4893">
                  <c:v>0.51578194780340314</c:v>
                </c:pt>
                <c:pt idx="4894">
                  <c:v>0.51603221939048394</c:v>
                </c:pt>
                <c:pt idx="4895">
                  <c:v>0.51627376346255538</c:v>
                </c:pt>
                <c:pt idx="4896">
                  <c:v>0.51650520855005499</c:v>
                </c:pt>
                <c:pt idx="4897">
                  <c:v>0.51672077329681343</c:v>
                </c:pt>
                <c:pt idx="4898">
                  <c:v>0.51691442075115235</c:v>
                </c:pt>
                <c:pt idx="4899">
                  <c:v>0.51708659229148668</c:v>
                </c:pt>
                <c:pt idx="4900">
                  <c:v>0.51724454171198631</c:v>
                </c:pt>
                <c:pt idx="4901">
                  <c:v>0.5173891879014253</c:v>
                </c:pt>
                <c:pt idx="4902">
                  <c:v>0.51752148963915889</c:v>
                </c:pt>
                <c:pt idx="4903">
                  <c:v>0.51764227854003697</c:v>
                </c:pt>
                <c:pt idx="4904">
                  <c:v>0.51775863012442658</c:v>
                </c:pt>
                <c:pt idx="4905">
                  <c:v>0.51785977088760449</c:v>
                </c:pt>
                <c:pt idx="4906">
                  <c:v>0.51796282671735339</c:v>
                </c:pt>
                <c:pt idx="4907">
                  <c:v>0.51805829335174802</c:v>
                </c:pt>
                <c:pt idx="4908">
                  <c:v>0.51815511897866351</c:v>
                </c:pt>
                <c:pt idx="4909">
                  <c:v>0.5182528709789439</c:v>
                </c:pt>
                <c:pt idx="4910">
                  <c:v>0.51835906996098313</c:v>
                </c:pt>
                <c:pt idx="4911">
                  <c:v>0.51847024986469004</c:v>
                </c:pt>
                <c:pt idx="4912">
                  <c:v>0.51861498956248886</c:v>
                </c:pt>
                <c:pt idx="4913">
                  <c:v>0.51879938959239613</c:v>
                </c:pt>
                <c:pt idx="4914">
                  <c:v>0.51904289360589972</c:v>
                </c:pt>
                <c:pt idx="4915">
                  <c:v>0.51936014514778772</c:v>
                </c:pt>
                <c:pt idx="4916">
                  <c:v>0.51975993406108145</c:v>
                </c:pt>
                <c:pt idx="4917">
                  <c:v>0.52025131451905748</c:v>
                </c:pt>
                <c:pt idx="4918">
                  <c:v>0.52082633201949757</c:v>
                </c:pt>
                <c:pt idx="4919">
                  <c:v>0.52146438463779721</c:v>
                </c:pt>
                <c:pt idx="4920">
                  <c:v>0.52215112807389585</c:v>
                </c:pt>
                <c:pt idx="4921">
                  <c:v>0.52285764306990479</c:v>
                </c:pt>
                <c:pt idx="4922">
                  <c:v>0.5235799972659182</c:v>
                </c:pt>
                <c:pt idx="4923">
                  <c:v>0.52431983142969174</c:v>
                </c:pt>
                <c:pt idx="4924">
                  <c:v>0.52506615886822761</c:v>
                </c:pt>
                <c:pt idx="4925">
                  <c:v>0.5258091873099302</c:v>
                </c:pt>
                <c:pt idx="4926">
                  <c:v>0.5265435605413662</c:v>
                </c:pt>
                <c:pt idx="4927">
                  <c:v>0.52725583569809842</c:v>
                </c:pt>
                <c:pt idx="4928">
                  <c:v>0.52794072391166913</c:v>
                </c:pt>
                <c:pt idx="4929">
                  <c:v>0.52857552615029224</c:v>
                </c:pt>
                <c:pt idx="4930">
                  <c:v>0.529151205693842</c:v>
                </c:pt>
                <c:pt idx="4931">
                  <c:v>0.52966792712160748</c:v>
                </c:pt>
                <c:pt idx="4932">
                  <c:v>0.53013322851147515</c:v>
                </c:pt>
                <c:pt idx="4933">
                  <c:v>0.53056429310313047</c:v>
                </c:pt>
                <c:pt idx="4934">
                  <c:v>0.53097145427303727</c:v>
                </c:pt>
                <c:pt idx="4935">
                  <c:v>0.53136850149736148</c:v>
                </c:pt>
                <c:pt idx="4936">
                  <c:v>0.5317495723722736</c:v>
                </c:pt>
                <c:pt idx="4937">
                  <c:v>0.53213229150770336</c:v>
                </c:pt>
                <c:pt idx="4938">
                  <c:v>0.53253101440608475</c:v>
                </c:pt>
                <c:pt idx="4939">
                  <c:v>0.5329553762606567</c:v>
                </c:pt>
                <c:pt idx="4940">
                  <c:v>0.53338915386124464</c:v>
                </c:pt>
                <c:pt idx="4941">
                  <c:v>0.53386176392138696</c:v>
                </c:pt>
                <c:pt idx="4942">
                  <c:v>0.53437943540193245</c:v>
                </c:pt>
                <c:pt idx="4943">
                  <c:v>0.53494500349203966</c:v>
                </c:pt>
                <c:pt idx="4944">
                  <c:v>0.53555932100200421</c:v>
                </c:pt>
                <c:pt idx="4945">
                  <c:v>0.53621858522039501</c:v>
                </c:pt>
                <c:pt idx="4946">
                  <c:v>0.53693394991981003</c:v>
                </c:pt>
                <c:pt idx="4947">
                  <c:v>0.53770378180074263</c:v>
                </c:pt>
                <c:pt idx="4948">
                  <c:v>0.53851805419970544</c:v>
                </c:pt>
                <c:pt idx="4949">
                  <c:v>0.53936294522637107</c:v>
                </c:pt>
                <c:pt idx="4950">
                  <c:v>0.54023042804926569</c:v>
                </c:pt>
                <c:pt idx="4951">
                  <c:v>0.5411069376237263</c:v>
                </c:pt>
                <c:pt idx="4952">
                  <c:v>0.54198044991370842</c:v>
                </c:pt>
                <c:pt idx="4953">
                  <c:v>0.54284163146284048</c:v>
                </c:pt>
                <c:pt idx="4954">
                  <c:v>0.54370741616607643</c:v>
                </c:pt>
                <c:pt idx="4955">
                  <c:v>0.54456012953800359</c:v>
                </c:pt>
                <c:pt idx="4956">
                  <c:v>0.54538542852871663</c:v>
                </c:pt>
                <c:pt idx="4957">
                  <c:v>0.54618969670162287</c:v>
                </c:pt>
                <c:pt idx="4958">
                  <c:v>0.54696250591357232</c:v>
                </c:pt>
                <c:pt idx="4959">
                  <c:v>0.54769977667852077</c:v>
                </c:pt>
                <c:pt idx="4960">
                  <c:v>0.54840761825288908</c:v>
                </c:pt>
                <c:pt idx="4961">
                  <c:v>0.54909510227127545</c:v>
                </c:pt>
                <c:pt idx="4962">
                  <c:v>0.54976265264260249</c:v>
                </c:pt>
                <c:pt idx="4963">
                  <c:v>0.55039636517872714</c:v>
                </c:pt>
                <c:pt idx="4964">
                  <c:v>0.55100571049359937</c:v>
                </c:pt>
                <c:pt idx="4965">
                  <c:v>0.55156993703616553</c:v>
                </c:pt>
                <c:pt idx="4966">
                  <c:v>0.55210291907254694</c:v>
                </c:pt>
                <c:pt idx="4967">
                  <c:v>0.55259221863450758</c:v>
                </c:pt>
                <c:pt idx="4968">
                  <c:v>0.55304523666686833</c:v>
                </c:pt>
                <c:pt idx="4969">
                  <c:v>0.55347621646856826</c:v>
                </c:pt>
                <c:pt idx="4970">
                  <c:v>0.5538780314017725</c:v>
                </c:pt>
                <c:pt idx="4971">
                  <c:v>0.55427455995865893</c:v>
                </c:pt>
                <c:pt idx="4972">
                  <c:v>0.5546914859621086</c:v>
                </c:pt>
                <c:pt idx="4973">
                  <c:v>0.55513050505598205</c:v>
                </c:pt>
                <c:pt idx="4974">
                  <c:v>0.55560828429649622</c:v>
                </c:pt>
                <c:pt idx="4975">
                  <c:v>0.55613890241964281</c:v>
                </c:pt>
                <c:pt idx="4976">
                  <c:v>0.55671664913201069</c:v>
                </c:pt>
                <c:pt idx="4977">
                  <c:v>0.5573739010250045</c:v>
                </c:pt>
                <c:pt idx="4978">
                  <c:v>0.55811349081198447</c:v>
                </c:pt>
                <c:pt idx="4979">
                  <c:v>0.5589582446892426</c:v>
                </c:pt>
                <c:pt idx="4980">
                  <c:v>0.55992842544607435</c:v>
                </c:pt>
                <c:pt idx="4981">
                  <c:v>0.56101703112518175</c:v>
                </c:pt>
                <c:pt idx="4982">
                  <c:v>0.56216202654513914</c:v>
                </c:pt>
                <c:pt idx="4983">
                  <c:v>0.56328666440094377</c:v>
                </c:pt>
                <c:pt idx="4984">
                  <c:v>0.56434346202339647</c:v>
                </c:pt>
                <c:pt idx="4985">
                  <c:v>0.56532284407964306</c:v>
                </c:pt>
                <c:pt idx="4986">
                  <c:v>0.56621215317056639</c:v>
                </c:pt>
                <c:pt idx="4987">
                  <c:v>0.5670496357678203</c:v>
                </c:pt>
                <c:pt idx="4988">
                  <c:v>0.56788778665079021</c:v>
                </c:pt>
                <c:pt idx="4989">
                  <c:v>0.56877559959978519</c:v>
                </c:pt>
                <c:pt idx="4990">
                  <c:v>0.56973201581002153</c:v>
                </c:pt>
                <c:pt idx="4991">
                  <c:v>0.57074470705730196</c:v>
                </c:pt>
                <c:pt idx="4992">
                  <c:v>0.57175678987108036</c:v>
                </c:pt>
                <c:pt idx="4993">
                  <c:v>0.57270065840989648</c:v>
                </c:pt>
                <c:pt idx="4994">
                  <c:v>0.57355616458008984</c:v>
                </c:pt>
                <c:pt idx="4995">
                  <c:v>0.57431749835362489</c:v>
                </c:pt>
                <c:pt idx="4996">
                  <c:v>0.57497286510206935</c:v>
                </c:pt>
                <c:pt idx="4997">
                  <c:v>0.57553883215518642</c:v>
                </c:pt>
                <c:pt idx="4998">
                  <c:v>0.57602009242497343</c:v>
                </c:pt>
                <c:pt idx="4999">
                  <c:v>0.57644091838233857</c:v>
                </c:pt>
                <c:pt idx="5000">
                  <c:v>0.57679157510758927</c:v>
                </c:pt>
                <c:pt idx="5001">
                  <c:v>0.57709678390195573</c:v>
                </c:pt>
                <c:pt idx="5002">
                  <c:v>0.57737184536088493</c:v>
                </c:pt>
                <c:pt idx="5003">
                  <c:v>0.57761309891480417</c:v>
                </c:pt>
                <c:pt idx="5004">
                  <c:v>0.57781717325396664</c:v>
                </c:pt>
                <c:pt idx="5005">
                  <c:v>0.57799041201851409</c:v>
                </c:pt>
                <c:pt idx="5006">
                  <c:v>0.57814082458676974</c:v>
                </c:pt>
                <c:pt idx="5007">
                  <c:v>0.57831426782935869</c:v>
                </c:pt>
                <c:pt idx="5008">
                  <c:v>0.57851864638118666</c:v>
                </c:pt>
                <c:pt idx="5009">
                  <c:v>0.57878528952205199</c:v>
                </c:pt>
                <c:pt idx="5010">
                  <c:v>0.57915411443789866</c:v>
                </c:pt>
                <c:pt idx="5011">
                  <c:v>0.57961560064746454</c:v>
                </c:pt>
                <c:pt idx="5012">
                  <c:v>0.58014513156842351</c:v>
                </c:pt>
                <c:pt idx="5013">
                  <c:v>0.58071115348130364</c:v>
                </c:pt>
                <c:pt idx="5014">
                  <c:v>0.58128674075030706</c:v>
                </c:pt>
                <c:pt idx="5015">
                  <c:v>0.58183593099499764</c:v>
                </c:pt>
                <c:pt idx="5016">
                  <c:v>0.58233687555894154</c:v>
                </c:pt>
                <c:pt idx="5017">
                  <c:v>0.58278513587549508</c:v>
                </c:pt>
                <c:pt idx="5018">
                  <c:v>0.5831807467529081</c:v>
                </c:pt>
                <c:pt idx="5019">
                  <c:v>0.58353984671762227</c:v>
                </c:pt>
                <c:pt idx="5020">
                  <c:v>0.58387995559529526</c:v>
                </c:pt>
                <c:pt idx="5021">
                  <c:v>0.58420266435173829</c:v>
                </c:pt>
                <c:pt idx="5022">
                  <c:v>0.58449838257869313</c:v>
                </c:pt>
                <c:pt idx="5023">
                  <c:v>0.58477973782679404</c:v>
                </c:pt>
                <c:pt idx="5024">
                  <c:v>0.58502982366365253</c:v>
                </c:pt>
                <c:pt idx="5025">
                  <c:v>0.58523106527311264</c:v>
                </c:pt>
                <c:pt idx="5026">
                  <c:v>0.58538662456796764</c:v>
                </c:pt>
                <c:pt idx="5027">
                  <c:v>0.58548432290961472</c:v>
                </c:pt>
                <c:pt idx="5028">
                  <c:v>0.58550477030519954</c:v>
                </c:pt>
                <c:pt idx="5029">
                  <c:v>0.58547630369346704</c:v>
                </c:pt>
                <c:pt idx="5030">
                  <c:v>0.58541413387111585</c:v>
                </c:pt>
                <c:pt idx="5031">
                  <c:v>0.58533386073551741</c:v>
                </c:pt>
                <c:pt idx="5032">
                  <c:v>0.58526924722693974</c:v>
                </c:pt>
                <c:pt idx="5033">
                  <c:v>0.58527091295694988</c:v>
                </c:pt>
                <c:pt idx="5034">
                  <c:v>0.58535354014344565</c:v>
                </c:pt>
                <c:pt idx="5035">
                  <c:v>0.5855344740805779</c:v>
                </c:pt>
                <c:pt idx="5036">
                  <c:v>0.58580676267836063</c:v>
                </c:pt>
                <c:pt idx="5037">
                  <c:v>0.58615718002743955</c:v>
                </c:pt>
                <c:pt idx="5038">
                  <c:v>0.58656559797127383</c:v>
                </c:pt>
                <c:pt idx="5039">
                  <c:v>0.58699047351717459</c:v>
                </c:pt>
                <c:pt idx="5040">
                  <c:v>0.58740621255112857</c:v>
                </c:pt>
                <c:pt idx="5041">
                  <c:v>0.58778208429096368</c:v>
                </c:pt>
                <c:pt idx="5042">
                  <c:v>0.58811702152880863</c:v>
                </c:pt>
                <c:pt idx="5043">
                  <c:v>0.58841136327740817</c:v>
                </c:pt>
                <c:pt idx="5044">
                  <c:v>0.58865273152696251</c:v>
                </c:pt>
                <c:pt idx="5045">
                  <c:v>0.58885901020069253</c:v>
                </c:pt>
                <c:pt idx="5046">
                  <c:v>0.58903443830611302</c:v>
                </c:pt>
                <c:pt idx="5047">
                  <c:v>0.58917259249545817</c:v>
                </c:pt>
                <c:pt idx="5048">
                  <c:v>0.58926278018092926</c:v>
                </c:pt>
                <c:pt idx="5049">
                  <c:v>0.58932147898342213</c:v>
                </c:pt>
                <c:pt idx="5050">
                  <c:v>0.58934047015217284</c:v>
                </c:pt>
                <c:pt idx="5051">
                  <c:v>0.58930989894866792</c:v>
                </c:pt>
                <c:pt idx="5052">
                  <c:v>0.58924061745766354</c:v>
                </c:pt>
                <c:pt idx="5053">
                  <c:v>0.58912057671354467</c:v>
                </c:pt>
                <c:pt idx="5054">
                  <c:v>0.58894937781049805</c:v>
                </c:pt>
                <c:pt idx="5055">
                  <c:v>0.58872586366019475</c:v>
                </c:pt>
                <c:pt idx="5056">
                  <c:v>0.58845836283097608</c:v>
                </c:pt>
                <c:pt idx="5057">
                  <c:v>0.58814046178021673</c:v>
                </c:pt>
                <c:pt idx="5058">
                  <c:v>0.58779750532622399</c:v>
                </c:pt>
                <c:pt idx="5059">
                  <c:v>0.58744934226073431</c:v>
                </c:pt>
                <c:pt idx="5060">
                  <c:v>0.5871060467122875</c:v>
                </c:pt>
                <c:pt idx="5061">
                  <c:v>0.58674200454804104</c:v>
                </c:pt>
                <c:pt idx="5062">
                  <c:v>0.58634204492724518</c:v>
                </c:pt>
                <c:pt idx="5063">
                  <c:v>0.58589171507229787</c:v>
                </c:pt>
                <c:pt idx="5064">
                  <c:v>0.58536386495675308</c:v>
                </c:pt>
                <c:pt idx="5065">
                  <c:v>0.58475068462251056</c:v>
                </c:pt>
                <c:pt idx="5066">
                  <c:v>0.58409659961024807</c:v>
                </c:pt>
                <c:pt idx="5067">
                  <c:v>0.58342086043469155</c:v>
                </c:pt>
                <c:pt idx="5068">
                  <c:v>0.58274893145515694</c:v>
                </c:pt>
                <c:pt idx="5069">
                  <c:v>0.58209510587057922</c:v>
                </c:pt>
                <c:pt idx="5070">
                  <c:v>0.58141024517677053</c:v>
                </c:pt>
                <c:pt idx="5071">
                  <c:v>0.58066854591996053</c:v>
                </c:pt>
                <c:pt idx="5072">
                  <c:v>0.57985363027924564</c:v>
                </c:pt>
                <c:pt idx="5073">
                  <c:v>0.57895150430041831</c:v>
                </c:pt>
                <c:pt idx="5074">
                  <c:v>0.57796443714636914</c:v>
                </c:pt>
                <c:pt idx="5075">
                  <c:v>0.57690774933332289</c:v>
                </c:pt>
                <c:pt idx="5076">
                  <c:v>0.575829232760108</c:v>
                </c:pt>
                <c:pt idx="5077">
                  <c:v>0.57475449644455179</c:v>
                </c:pt>
                <c:pt idx="5078">
                  <c:v>0.57371938804694256</c:v>
                </c:pt>
                <c:pt idx="5079">
                  <c:v>0.5727451428549577</c:v>
                </c:pt>
                <c:pt idx="5080">
                  <c:v>0.57185153492881846</c:v>
                </c:pt>
                <c:pt idx="5081">
                  <c:v>0.57103771645885104</c:v>
                </c:pt>
                <c:pt idx="5082">
                  <c:v>0.57026912148826481</c:v>
                </c:pt>
                <c:pt idx="5083">
                  <c:v>0.56952435015009362</c:v>
                </c:pt>
                <c:pt idx="5084">
                  <c:v>0.56880446968489251</c:v>
                </c:pt>
                <c:pt idx="5085">
                  <c:v>0.56809595493857956</c:v>
                </c:pt>
                <c:pt idx="5086">
                  <c:v>0.56739139999839605</c:v>
                </c:pt>
                <c:pt idx="5087">
                  <c:v>0.56669760234359856</c:v>
                </c:pt>
                <c:pt idx="5088">
                  <c:v>0.56599789490979968</c:v>
                </c:pt>
                <c:pt idx="5089">
                  <c:v>0.56529461667249237</c:v>
                </c:pt>
                <c:pt idx="5090">
                  <c:v>0.56459210646369629</c:v>
                </c:pt>
                <c:pt idx="5091">
                  <c:v>0.56388357177209281</c:v>
                </c:pt>
                <c:pt idx="5092">
                  <c:v>0.56318508119712707</c:v>
                </c:pt>
                <c:pt idx="5093">
                  <c:v>0.56249040580246334</c:v>
                </c:pt>
                <c:pt idx="5094">
                  <c:v>0.56180253787195822</c:v>
                </c:pt>
                <c:pt idx="5095">
                  <c:v>0.56112074927585254</c:v>
                </c:pt>
                <c:pt idx="5096">
                  <c:v>0.56045449067463493</c:v>
                </c:pt>
                <c:pt idx="5097">
                  <c:v>0.5598020065885726</c:v>
                </c:pt>
                <c:pt idx="5098">
                  <c:v>0.55914856995759021</c:v>
                </c:pt>
                <c:pt idx="5099">
                  <c:v>0.55852372966035368</c:v>
                </c:pt>
                <c:pt idx="5100">
                  <c:v>0.5579103049493177</c:v>
                </c:pt>
                <c:pt idx="5101">
                  <c:v>0.55731281419680134</c:v>
                </c:pt>
                <c:pt idx="5102">
                  <c:v>0.55674008465243829</c:v>
                </c:pt>
                <c:pt idx="5103">
                  <c:v>0.55617396807092345</c:v>
                </c:pt>
                <c:pt idx="5104">
                  <c:v>0.55561055951406113</c:v>
                </c:pt>
                <c:pt idx="5105">
                  <c:v>0.55504986895858244</c:v>
                </c:pt>
                <c:pt idx="5106">
                  <c:v>0.5544812189084346</c:v>
                </c:pt>
                <c:pt idx="5107">
                  <c:v>0.55389807119765244</c:v>
                </c:pt>
                <c:pt idx="5108">
                  <c:v>0.55329906434974618</c:v>
                </c:pt>
                <c:pt idx="5109">
                  <c:v>0.55268270220644555</c:v>
                </c:pt>
                <c:pt idx="5110">
                  <c:v>0.55203208331964193</c:v>
                </c:pt>
                <c:pt idx="5111">
                  <c:v>0.55135765576143392</c:v>
                </c:pt>
                <c:pt idx="5112">
                  <c:v>0.55065891084111485</c:v>
                </c:pt>
                <c:pt idx="5113">
                  <c:v>0.54994548873620352</c:v>
                </c:pt>
                <c:pt idx="5114">
                  <c:v>0.54921115550157118</c:v>
                </c:pt>
                <c:pt idx="5115">
                  <c:v>0.54846194559675621</c:v>
                </c:pt>
                <c:pt idx="5116">
                  <c:v>0.54771685506856671</c:v>
                </c:pt>
                <c:pt idx="5117">
                  <c:v>0.54697121097480916</c:v>
                </c:pt>
                <c:pt idx="5118">
                  <c:v>0.54623043932517767</c:v>
                </c:pt>
                <c:pt idx="5119">
                  <c:v>0.54550523257673555</c:v>
                </c:pt>
                <c:pt idx="5120">
                  <c:v>0.54478803021416566</c:v>
                </c:pt>
                <c:pt idx="5121">
                  <c:v>0.5440885023124955</c:v>
                </c:pt>
                <c:pt idx="5122">
                  <c:v>0.54340848415713328</c:v>
                </c:pt>
                <c:pt idx="5123">
                  <c:v>0.54274678381064534</c:v>
                </c:pt>
                <c:pt idx="5124">
                  <c:v>0.54209144706593193</c:v>
                </c:pt>
                <c:pt idx="5125">
                  <c:v>0.54144331178044902</c:v>
                </c:pt>
                <c:pt idx="5126">
                  <c:v>0.54080479919482149</c:v>
                </c:pt>
                <c:pt idx="5127">
                  <c:v>0.54015648935331861</c:v>
                </c:pt>
                <c:pt idx="5128">
                  <c:v>0.53949734242892511</c:v>
                </c:pt>
                <c:pt idx="5129">
                  <c:v>0.53882901166643848</c:v>
                </c:pt>
                <c:pt idx="5130">
                  <c:v>0.5381537163369241</c:v>
                </c:pt>
                <c:pt idx="5131">
                  <c:v>0.53745950724207503</c:v>
                </c:pt>
                <c:pt idx="5132">
                  <c:v>0.53676128348133356</c:v>
                </c:pt>
                <c:pt idx="5133">
                  <c:v>0.53604655224304265</c:v>
                </c:pt>
                <c:pt idx="5134">
                  <c:v>0.53533181602864266</c:v>
                </c:pt>
                <c:pt idx="5135">
                  <c:v>0.53461342422077907</c:v>
                </c:pt>
                <c:pt idx="5136">
                  <c:v>0.53389904208635686</c:v>
                </c:pt>
                <c:pt idx="5137">
                  <c:v>0.53318980669487581</c:v>
                </c:pt>
                <c:pt idx="5138">
                  <c:v>0.53249114406420117</c:v>
                </c:pt>
                <c:pt idx="5139">
                  <c:v>0.53181126056610661</c:v>
                </c:pt>
                <c:pt idx="5140">
                  <c:v>0.53115646243412151</c:v>
                </c:pt>
                <c:pt idx="5141">
                  <c:v>0.53053084912409387</c:v>
                </c:pt>
                <c:pt idx="5142">
                  <c:v>0.52993448794831555</c:v>
                </c:pt>
                <c:pt idx="5143">
                  <c:v>0.52936625183035935</c:v>
                </c:pt>
                <c:pt idx="5144">
                  <c:v>0.52883691550059131</c:v>
                </c:pt>
                <c:pt idx="5145">
                  <c:v>0.52834549648389895</c:v>
                </c:pt>
                <c:pt idx="5146">
                  <c:v>0.52788185092084916</c:v>
                </c:pt>
                <c:pt idx="5147">
                  <c:v>0.52745694057486947</c:v>
                </c:pt>
                <c:pt idx="5148">
                  <c:v>0.52706507012173032</c:v>
                </c:pt>
                <c:pt idx="5149">
                  <c:v>0.52669384397591701</c:v>
                </c:pt>
                <c:pt idx="5150">
                  <c:v>0.52634823683283261</c:v>
                </c:pt>
                <c:pt idx="5151">
                  <c:v>0.52602814147326216</c:v>
                </c:pt>
                <c:pt idx="5152">
                  <c:v>0.52572043918255373</c:v>
                </c:pt>
                <c:pt idx="5153">
                  <c:v>0.52542250921814992</c:v>
                </c:pt>
                <c:pt idx="5154">
                  <c:v>0.52512957887871992</c:v>
                </c:pt>
                <c:pt idx="5155">
                  <c:v>0.52483673082893445</c:v>
                </c:pt>
                <c:pt idx="5156">
                  <c:v>0.52453168419525564</c:v>
                </c:pt>
                <c:pt idx="5157">
                  <c:v>0.52421332186981628</c:v>
                </c:pt>
                <c:pt idx="5158">
                  <c:v>0.52387747956844588</c:v>
                </c:pt>
                <c:pt idx="5159">
                  <c:v>0.52352102786605093</c:v>
                </c:pt>
                <c:pt idx="5160">
                  <c:v>0.52314199932026673</c:v>
                </c:pt>
                <c:pt idx="5161">
                  <c:v>0.52274647577397482</c:v>
                </c:pt>
                <c:pt idx="5162">
                  <c:v>0.52232844520506738</c:v>
                </c:pt>
                <c:pt idx="5163">
                  <c:v>0.52188820684193005</c:v>
                </c:pt>
                <c:pt idx="5164">
                  <c:v>0.52142918437010377</c:v>
                </c:pt>
                <c:pt idx="5165">
                  <c:v>0.52095797080714601</c:v>
                </c:pt>
                <c:pt idx="5166">
                  <c:v>0.52047437164357513</c:v>
                </c:pt>
                <c:pt idx="5167">
                  <c:v>0.51998475798209853</c:v>
                </c:pt>
                <c:pt idx="5168">
                  <c:v>0.51949914276717724</c:v>
                </c:pt>
                <c:pt idx="5169">
                  <c:v>0.51901121724862853</c:v>
                </c:pt>
                <c:pt idx="5170">
                  <c:v>0.51852215841104654</c:v>
                </c:pt>
                <c:pt idx="5171">
                  <c:v>0.51803666662650649</c:v>
                </c:pt>
                <c:pt idx="5172">
                  <c:v>0.5175717169225279</c:v>
                </c:pt>
                <c:pt idx="5173">
                  <c:v>0.51711132672343463</c:v>
                </c:pt>
                <c:pt idx="5174">
                  <c:v>0.51667146863634295</c:v>
                </c:pt>
                <c:pt idx="5175">
                  <c:v>0.51624745098306934</c:v>
                </c:pt>
                <c:pt idx="5176">
                  <c:v>0.51584642660568747</c:v>
                </c:pt>
                <c:pt idx="5177">
                  <c:v>0.51546423246201134</c:v>
                </c:pt>
                <c:pt idx="5178">
                  <c:v>0.51510063666045991</c:v>
                </c:pt>
                <c:pt idx="5179">
                  <c:v>0.51476879655611096</c:v>
                </c:pt>
                <c:pt idx="5180">
                  <c:v>0.514454701983591</c:v>
                </c:pt>
                <c:pt idx="5181">
                  <c:v>0.51414952194280006</c:v>
                </c:pt>
                <c:pt idx="5182">
                  <c:v>0.51386626417870862</c:v>
                </c:pt>
                <c:pt idx="5183">
                  <c:v>0.51360537504584058</c:v>
                </c:pt>
                <c:pt idx="5184">
                  <c:v>0.513360244065317</c:v>
                </c:pt>
                <c:pt idx="5185">
                  <c:v>0.5131268179308196</c:v>
                </c:pt>
                <c:pt idx="5186">
                  <c:v>0.51289905969067007</c:v>
                </c:pt>
                <c:pt idx="5187">
                  <c:v>0.51267746931717106</c:v>
                </c:pt>
                <c:pt idx="5188">
                  <c:v>0.51246156055704628</c:v>
                </c:pt>
                <c:pt idx="5189">
                  <c:v>0.51224636246535871</c:v>
                </c:pt>
                <c:pt idx="5190">
                  <c:v>0.51203734345903695</c:v>
                </c:pt>
                <c:pt idx="5191">
                  <c:v>0.51183369934494183</c:v>
                </c:pt>
                <c:pt idx="5192">
                  <c:v>0.5116295166262893</c:v>
                </c:pt>
                <c:pt idx="5193">
                  <c:v>0.51142704699647723</c:v>
                </c:pt>
                <c:pt idx="5194">
                  <c:v>0.51122036197319787</c:v>
                </c:pt>
                <c:pt idx="5195">
                  <c:v>0.51100208182341822</c:v>
                </c:pt>
                <c:pt idx="5196">
                  <c:v>0.51077790560549241</c:v>
                </c:pt>
                <c:pt idx="5197">
                  <c:v>0.51054778471043449</c:v>
                </c:pt>
                <c:pt idx="5198">
                  <c:v>0.51030139135071118</c:v>
                </c:pt>
                <c:pt idx="5199">
                  <c:v>0.51005062925328881</c:v>
                </c:pt>
                <c:pt idx="5200">
                  <c:v>0.5097938414229034</c:v>
                </c:pt>
                <c:pt idx="5201">
                  <c:v>0.50952910843786747</c:v>
                </c:pt>
                <c:pt idx="5202">
                  <c:v>0.50926208697381359</c:v>
                </c:pt>
                <c:pt idx="5203">
                  <c:v>0.50899746495028819</c:v>
                </c:pt>
                <c:pt idx="5204">
                  <c:v>0.50874758495601979</c:v>
                </c:pt>
                <c:pt idx="5205">
                  <c:v>0.50851013730020245</c:v>
                </c:pt>
                <c:pt idx="5206">
                  <c:v>0.50829258152971546</c:v>
                </c:pt>
                <c:pt idx="5207">
                  <c:v>0.50810283225619568</c:v>
                </c:pt>
                <c:pt idx="5208">
                  <c:v>0.50794334003273667</c:v>
                </c:pt>
                <c:pt idx="5209">
                  <c:v>0.50781710151955617</c:v>
                </c:pt>
                <c:pt idx="5210">
                  <c:v>0.50772927218453667</c:v>
                </c:pt>
                <c:pt idx="5211">
                  <c:v>0.5076810844783195</c:v>
                </c:pt>
                <c:pt idx="5212">
                  <c:v>0.50766556760842962</c:v>
                </c:pt>
                <c:pt idx="5213">
                  <c:v>0.50768179770426436</c:v>
                </c:pt>
                <c:pt idx="5214">
                  <c:v>0.50773315667901331</c:v>
                </c:pt>
                <c:pt idx="5215">
                  <c:v>0.50780086478645814</c:v>
                </c:pt>
                <c:pt idx="5216">
                  <c:v>0.50788550303021951</c:v>
                </c:pt>
                <c:pt idx="5217">
                  <c:v>0.50797575431428543</c:v>
                </c:pt>
                <c:pt idx="5218">
                  <c:v>0.50805728556139618</c:v>
                </c:pt>
                <c:pt idx="5219">
                  <c:v>0.50813418873136917</c:v>
                </c:pt>
                <c:pt idx="5220">
                  <c:v>0.50819270738646061</c:v>
                </c:pt>
                <c:pt idx="5221">
                  <c:v>0.50824415987120364</c:v>
                </c:pt>
                <c:pt idx="5222">
                  <c:v>0.50828774200634974</c:v>
                </c:pt>
                <c:pt idx="5223">
                  <c:v>0.50831461530720823</c:v>
                </c:pt>
                <c:pt idx="5224">
                  <c:v>0.50831638889376762</c:v>
                </c:pt>
                <c:pt idx="5225">
                  <c:v>0.50828559262959661</c:v>
                </c:pt>
                <c:pt idx="5226">
                  <c:v>0.50819997634591485</c:v>
                </c:pt>
                <c:pt idx="5227">
                  <c:v>0.50804504799062855</c:v>
                </c:pt>
                <c:pt idx="5228">
                  <c:v>0.50780333569910951</c:v>
                </c:pt>
                <c:pt idx="5229">
                  <c:v>0.50746623601180729</c:v>
                </c:pt>
                <c:pt idx="5230">
                  <c:v>0.50704505043946257</c:v>
                </c:pt>
                <c:pt idx="5231">
                  <c:v>0.50656157657823786</c:v>
                </c:pt>
                <c:pt idx="5232">
                  <c:v>0.50604985361517119</c:v>
                </c:pt>
                <c:pt idx="5233">
                  <c:v>0.50555886847922948</c:v>
                </c:pt>
                <c:pt idx="5234">
                  <c:v>0.50511417627467314</c:v>
                </c:pt>
                <c:pt idx="5235">
                  <c:v>0.50472028382908518</c:v>
                </c:pt>
                <c:pt idx="5236">
                  <c:v>0.50438291826313253</c:v>
                </c:pt>
                <c:pt idx="5237">
                  <c:v>0.50409214984613349</c:v>
                </c:pt>
                <c:pt idx="5238">
                  <c:v>0.50384079614164767</c:v>
                </c:pt>
                <c:pt idx="5239">
                  <c:v>0.50362641749744708</c:v>
                </c:pt>
                <c:pt idx="5240">
                  <c:v>0.50343299611533798</c:v>
                </c:pt>
                <c:pt idx="5241">
                  <c:v>0.5032727081278926</c:v>
                </c:pt>
                <c:pt idx="5242">
                  <c:v>0.50315459368376769</c:v>
                </c:pt>
                <c:pt idx="5243">
                  <c:v>0.50307115117121248</c:v>
                </c:pt>
                <c:pt idx="5244">
                  <c:v>0.5030376175870791</c:v>
                </c:pt>
                <c:pt idx="5245">
                  <c:v>0.50304854540265764</c:v>
                </c:pt>
                <c:pt idx="5246">
                  <c:v>0.50309388799936516</c:v>
                </c:pt>
                <c:pt idx="5247">
                  <c:v>0.50316071150906472</c:v>
                </c:pt>
                <c:pt idx="5248">
                  <c:v>0.50324881644453179</c:v>
                </c:pt>
                <c:pt idx="5249">
                  <c:v>0.50335470151498696</c:v>
                </c:pt>
                <c:pt idx="5250">
                  <c:v>0.50346833100924937</c:v>
                </c:pt>
                <c:pt idx="5251">
                  <c:v>0.50358063859566782</c:v>
                </c:pt>
                <c:pt idx="5252">
                  <c:v>0.50368406375238839</c:v>
                </c:pt>
                <c:pt idx="5253">
                  <c:v>0.50377211351759632</c:v>
                </c:pt>
                <c:pt idx="5254">
                  <c:v>0.50383594348838123</c:v>
                </c:pt>
                <c:pt idx="5255">
                  <c:v>0.50388005207624698</c:v>
                </c:pt>
                <c:pt idx="5256">
                  <c:v>0.50389846467223487</c:v>
                </c:pt>
                <c:pt idx="5257">
                  <c:v>0.50389354269335429</c:v>
                </c:pt>
                <c:pt idx="5258">
                  <c:v>0.50385882840030771</c:v>
                </c:pt>
                <c:pt idx="5259">
                  <c:v>0.50380628098447489</c:v>
                </c:pt>
                <c:pt idx="5260">
                  <c:v>0.50372839571688732</c:v>
                </c:pt>
                <c:pt idx="5261">
                  <c:v>0.50363850699669721</c:v>
                </c:pt>
                <c:pt idx="5262">
                  <c:v>0.50354440070303019</c:v>
                </c:pt>
                <c:pt idx="5263">
                  <c:v>0.50344696049887483</c:v>
                </c:pt>
                <c:pt idx="5264">
                  <c:v>0.50336148447364726</c:v>
                </c:pt>
                <c:pt idx="5265">
                  <c:v>0.50328931105358576</c:v>
                </c:pt>
                <c:pt idx="5266">
                  <c:v>0.50322619773155697</c:v>
                </c:pt>
                <c:pt idx="5267">
                  <c:v>0.50318731573643105</c:v>
                </c:pt>
                <c:pt idx="5268">
                  <c:v>0.50316175692010789</c:v>
                </c:pt>
                <c:pt idx="5269">
                  <c:v>0.50315749885466765</c:v>
                </c:pt>
                <c:pt idx="5270">
                  <c:v>0.50316834687437584</c:v>
                </c:pt>
                <c:pt idx="5271">
                  <c:v>0.50320348076861965</c:v>
                </c:pt>
                <c:pt idx="5272">
                  <c:v>0.50325696894277605</c:v>
                </c:pt>
                <c:pt idx="5273">
                  <c:v>0.50331631951422517</c:v>
                </c:pt>
                <c:pt idx="5274">
                  <c:v>0.50337388562031116</c:v>
                </c:pt>
                <c:pt idx="5275">
                  <c:v>0.50342683362272189</c:v>
                </c:pt>
                <c:pt idx="5276">
                  <c:v>0.50348092274824097</c:v>
                </c:pt>
                <c:pt idx="5277">
                  <c:v>0.5035247916396336</c:v>
                </c:pt>
                <c:pt idx="5278">
                  <c:v>0.50355926068404611</c:v>
                </c:pt>
                <c:pt idx="5279">
                  <c:v>0.50358176648347031</c:v>
                </c:pt>
                <c:pt idx="5280">
                  <c:v>0.50359119690451382</c:v>
                </c:pt>
                <c:pt idx="5281">
                  <c:v>0.50359168411460842</c:v>
                </c:pt>
                <c:pt idx="5282">
                  <c:v>0.50358405286337093</c:v>
                </c:pt>
                <c:pt idx="5283">
                  <c:v>0.50356549725450128</c:v>
                </c:pt>
                <c:pt idx="5284">
                  <c:v>0.50354642235883584</c:v>
                </c:pt>
                <c:pt idx="5285">
                  <c:v>0.50351697574370347</c:v>
                </c:pt>
                <c:pt idx="5286">
                  <c:v>0.50348115554761452</c:v>
                </c:pt>
                <c:pt idx="5287">
                  <c:v>0.50345125541366853</c:v>
                </c:pt>
                <c:pt idx="5288">
                  <c:v>0.50342358796503772</c:v>
                </c:pt>
                <c:pt idx="5289">
                  <c:v>0.50339945952511189</c:v>
                </c:pt>
                <c:pt idx="5290">
                  <c:v>0.50337666452469276</c:v>
                </c:pt>
                <c:pt idx="5291">
                  <c:v>0.50336031011928239</c:v>
                </c:pt>
                <c:pt idx="5292">
                  <c:v>0.50335607418404504</c:v>
                </c:pt>
                <c:pt idx="5293">
                  <c:v>0.50336949713179002</c:v>
                </c:pt>
                <c:pt idx="5294">
                  <c:v>0.50340355566927342</c:v>
                </c:pt>
                <c:pt idx="5295">
                  <c:v>0.50346613604431101</c:v>
                </c:pt>
                <c:pt idx="5296">
                  <c:v>0.50352926157782552</c:v>
                </c:pt>
                <c:pt idx="5297">
                  <c:v>0.50355948125477479</c:v>
                </c:pt>
                <c:pt idx="5298">
                  <c:v>0.50351998085186733</c:v>
                </c:pt>
                <c:pt idx="5299">
                  <c:v>0.50339489187133768</c:v>
                </c:pt>
                <c:pt idx="5300">
                  <c:v>0.50319826125355727</c:v>
                </c:pt>
                <c:pt idx="5301">
                  <c:v>0.50298501468967394</c:v>
                </c:pt>
                <c:pt idx="5302">
                  <c:v>0.50281852018698125</c:v>
                </c:pt>
                <c:pt idx="5303">
                  <c:v>0.50273962314815468</c:v>
                </c:pt>
                <c:pt idx="5304">
                  <c:v>0.50274243530503726</c:v>
                </c:pt>
                <c:pt idx="5305">
                  <c:v>0.50279739406402246</c:v>
                </c:pt>
                <c:pt idx="5306">
                  <c:v>0.50286164014782575</c:v>
                </c:pt>
                <c:pt idx="5307">
                  <c:v>0.50292425574374633</c:v>
                </c:pt>
                <c:pt idx="5308">
                  <c:v>0.50297309838271187</c:v>
                </c:pt>
                <c:pt idx="5309">
                  <c:v>0.50301826549109396</c:v>
                </c:pt>
                <c:pt idx="5310">
                  <c:v>0.5030637514642905</c:v>
                </c:pt>
                <c:pt idx="5311">
                  <c:v>0.50311375361672328</c:v>
                </c:pt>
                <c:pt idx="5312">
                  <c:v>0.50315466013810972</c:v>
                </c:pt>
                <c:pt idx="5313">
                  <c:v>0.50319643037147443</c:v>
                </c:pt>
                <c:pt idx="5314">
                  <c:v>0.50323918307341475</c:v>
                </c:pt>
                <c:pt idx="5315">
                  <c:v>0.50327637821743998</c:v>
                </c:pt>
                <c:pt idx="5316">
                  <c:v>0.50330932212612267</c:v>
                </c:pt>
                <c:pt idx="5317">
                  <c:v>0.50332764401475272</c:v>
                </c:pt>
                <c:pt idx="5318">
                  <c:v>0.50334141949081179</c:v>
                </c:pt>
                <c:pt idx="5319">
                  <c:v>0.50334324387862295</c:v>
                </c:pt>
                <c:pt idx="5320">
                  <c:v>0.50333002452155418</c:v>
                </c:pt>
                <c:pt idx="5321">
                  <c:v>0.50330210179117907</c:v>
                </c:pt>
                <c:pt idx="5322">
                  <c:v>0.50326806574750582</c:v>
                </c:pt>
                <c:pt idx="5323">
                  <c:v>0.50322022620059548</c:v>
                </c:pt>
                <c:pt idx="5324">
                  <c:v>0.5031649791729208</c:v>
                </c:pt>
                <c:pt idx="5325">
                  <c:v>0.50310606378385481</c:v>
                </c:pt>
                <c:pt idx="5326">
                  <c:v>0.50304121368213117</c:v>
                </c:pt>
                <c:pt idx="5327">
                  <c:v>0.50296849323081061</c:v>
                </c:pt>
                <c:pt idx="5328">
                  <c:v>0.50288618342038194</c:v>
                </c:pt>
                <c:pt idx="5329">
                  <c:v>0.50280365105858604</c:v>
                </c:pt>
                <c:pt idx="5330">
                  <c:v>0.50271757999939859</c:v>
                </c:pt>
                <c:pt idx="5331">
                  <c:v>0.50262503405825887</c:v>
                </c:pt>
                <c:pt idx="5332">
                  <c:v>0.50252882848230318</c:v>
                </c:pt>
                <c:pt idx="5333">
                  <c:v>0.50243248872054391</c:v>
                </c:pt>
                <c:pt idx="5334">
                  <c:v>0.50233806137551607</c:v>
                </c:pt>
                <c:pt idx="5335">
                  <c:v>0.50224117131248336</c:v>
                </c:pt>
                <c:pt idx="5336">
                  <c:v>0.50212922456832143</c:v>
                </c:pt>
                <c:pt idx="5337">
                  <c:v>0.50200222519582183</c:v>
                </c:pt>
                <c:pt idx="5338">
                  <c:v>0.5018531366328931</c:v>
                </c:pt>
                <c:pt idx="5339">
                  <c:v>0.50166687087424955</c:v>
                </c:pt>
                <c:pt idx="5340">
                  <c:v>0.50144479081485782</c:v>
                </c:pt>
                <c:pt idx="5341">
                  <c:v>0.50119681169258468</c:v>
                </c:pt>
                <c:pt idx="5342">
                  <c:v>0.50093445383051083</c:v>
                </c:pt>
                <c:pt idx="5343">
                  <c:v>0.50067125976347415</c:v>
                </c:pt>
                <c:pt idx="5344">
                  <c:v>0.50042397475169698</c:v>
                </c:pt>
                <c:pt idx="5345">
                  <c:v>0.50021584475102154</c:v>
                </c:pt>
                <c:pt idx="5346">
                  <c:v>0.5000437164395104</c:v>
                </c:pt>
                <c:pt idx="5347">
                  <c:v>0.49992466497984744</c:v>
                </c:pt>
                <c:pt idx="5348">
                  <c:v>0.49984747283431596</c:v>
                </c:pt>
                <c:pt idx="5349">
                  <c:v>0.49981466912223343</c:v>
                </c:pt>
                <c:pt idx="5350">
                  <c:v>0.49982919249407154</c:v>
                </c:pt>
                <c:pt idx="5351">
                  <c:v>0.49987942542675418</c:v>
                </c:pt>
                <c:pt idx="5352">
                  <c:v>0.49996252279353087</c:v>
                </c:pt>
                <c:pt idx="5353">
                  <c:v>0.5000825372061074</c:v>
                </c:pt>
                <c:pt idx="5354">
                  <c:v>0.50023549010046631</c:v>
                </c:pt>
                <c:pt idx="5355">
                  <c:v>0.50041453188049423</c:v>
                </c:pt>
                <c:pt idx="5356">
                  <c:v>0.50061657115458547</c:v>
                </c:pt>
                <c:pt idx="5357">
                  <c:v>0.50083467435834206</c:v>
                </c:pt>
                <c:pt idx="5358">
                  <c:v>0.50106554697187655</c:v>
                </c:pt>
                <c:pt idx="5359">
                  <c:v>0.50129128414289459</c:v>
                </c:pt>
                <c:pt idx="5360">
                  <c:v>0.5015167122656784</c:v>
                </c:pt>
                <c:pt idx="5361">
                  <c:v>0.50172734342998915</c:v>
                </c:pt>
                <c:pt idx="5362">
                  <c:v>0.50192710119807016</c:v>
                </c:pt>
                <c:pt idx="5363">
                  <c:v>0.50209797213222906</c:v>
                </c:pt>
                <c:pt idx="5364">
                  <c:v>0.50225090926604965</c:v>
                </c:pt>
                <c:pt idx="5365">
                  <c:v>0.50237658397464369</c:v>
                </c:pt>
                <c:pt idx="5366">
                  <c:v>0.50247595129752221</c:v>
                </c:pt>
                <c:pt idx="5367">
                  <c:v>0.50255024150286598</c:v>
                </c:pt>
                <c:pt idx="5368">
                  <c:v>0.50260604667184128</c:v>
                </c:pt>
                <c:pt idx="5369">
                  <c:v>0.50263821258181862</c:v>
                </c:pt>
                <c:pt idx="5370">
                  <c:v>0.50264850484124135</c:v>
                </c:pt>
                <c:pt idx="5371">
                  <c:v>0.50264169397224756</c:v>
                </c:pt>
                <c:pt idx="5372">
                  <c:v>0.50262423958528279</c:v>
                </c:pt>
                <c:pt idx="5373">
                  <c:v>0.50259527251180769</c:v>
                </c:pt>
                <c:pt idx="5374">
                  <c:v>0.50255404686168514</c:v>
                </c:pt>
                <c:pt idx="5375">
                  <c:v>0.50250076632854501</c:v>
                </c:pt>
                <c:pt idx="5376">
                  <c:v>0.50244231832603004</c:v>
                </c:pt>
                <c:pt idx="5377">
                  <c:v>0.50237817530733064</c:v>
                </c:pt>
                <c:pt idx="5378">
                  <c:v>0.50230963081483515</c:v>
                </c:pt>
                <c:pt idx="5379">
                  <c:v>0.50224167075449122</c:v>
                </c:pt>
                <c:pt idx="5380">
                  <c:v>0.50217136267994833</c:v>
                </c:pt>
                <c:pt idx="5381">
                  <c:v>0.50210932455044377</c:v>
                </c:pt>
                <c:pt idx="5382">
                  <c:v>0.50204675731592918</c:v>
                </c:pt>
                <c:pt idx="5383">
                  <c:v>0.50198711177397681</c:v>
                </c:pt>
                <c:pt idx="5384">
                  <c:v>0.50192994250808776</c:v>
                </c:pt>
                <c:pt idx="5385">
                  <c:v>0.50186752270612212</c:v>
                </c:pt>
                <c:pt idx="5386">
                  <c:v>0.50179538683975</c:v>
                </c:pt>
                <c:pt idx="5387">
                  <c:v>0.50171941460661784</c:v>
                </c:pt>
                <c:pt idx="5388">
                  <c:v>0.50163878343793555</c:v>
                </c:pt>
                <c:pt idx="5389">
                  <c:v>0.50157410788406087</c:v>
                </c:pt>
                <c:pt idx="5390">
                  <c:v>0.5015395254325723</c:v>
                </c:pt>
                <c:pt idx="5391">
                  <c:v>0.50155863996306826</c:v>
                </c:pt>
                <c:pt idx="5392">
                  <c:v>0.50162620935636848</c:v>
                </c:pt>
                <c:pt idx="5393">
                  <c:v>0.50174215475217654</c:v>
                </c:pt>
                <c:pt idx="5394">
                  <c:v>0.50189294725329792</c:v>
                </c:pt>
                <c:pt idx="5395">
                  <c:v>0.50207019737777114</c:v>
                </c:pt>
                <c:pt idx="5396">
                  <c:v>0.50227070867256007</c:v>
                </c:pt>
                <c:pt idx="5397">
                  <c:v>0.50248479858069284</c:v>
                </c:pt>
                <c:pt idx="5398">
                  <c:v>0.5027167141302894</c:v>
                </c:pt>
                <c:pt idx="5399">
                  <c:v>0.50296550075003399</c:v>
                </c:pt>
                <c:pt idx="5400">
                  <c:v>0.50322763859945507</c:v>
                </c:pt>
                <c:pt idx="5401">
                  <c:v>0.50348446824876614</c:v>
                </c:pt>
                <c:pt idx="5402">
                  <c:v>0.5037243587230551</c:v>
                </c:pt>
                <c:pt idx="5403">
                  <c:v>0.50392501713826265</c:v>
                </c:pt>
                <c:pt idx="5404">
                  <c:v>0.5040790388203461</c:v>
                </c:pt>
                <c:pt idx="5405">
                  <c:v>0.50418721703788338</c:v>
                </c:pt>
                <c:pt idx="5406">
                  <c:v>0.50424491031010932</c:v>
                </c:pt>
                <c:pt idx="5407">
                  <c:v>0.50424308191608092</c:v>
                </c:pt>
                <c:pt idx="5408">
                  <c:v>0.5042055445759086</c:v>
                </c:pt>
                <c:pt idx="5409">
                  <c:v>0.50413357188178776</c:v>
                </c:pt>
                <c:pt idx="5410">
                  <c:v>0.50405766058433765</c:v>
                </c:pt>
                <c:pt idx="5411">
                  <c:v>0.50399307324077824</c:v>
                </c:pt>
                <c:pt idx="5412">
                  <c:v>0.50396993630241416</c:v>
                </c:pt>
                <c:pt idx="5413">
                  <c:v>0.50399629061961904</c:v>
                </c:pt>
                <c:pt idx="5414">
                  <c:v>0.50408304496475398</c:v>
                </c:pt>
                <c:pt idx="5415">
                  <c:v>0.50422503514009276</c:v>
                </c:pt>
                <c:pt idx="5416">
                  <c:v>0.50440946629560257</c:v>
                </c:pt>
                <c:pt idx="5417">
                  <c:v>0.50460530213399613</c:v>
                </c:pt>
                <c:pt idx="5418">
                  <c:v>0.50479747335002556</c:v>
                </c:pt>
                <c:pt idx="5419">
                  <c:v>0.50495953213937028</c:v>
                </c:pt>
                <c:pt idx="5420">
                  <c:v>0.50507914246803864</c:v>
                </c:pt>
                <c:pt idx="5421">
                  <c:v>0.50516513751859149</c:v>
                </c:pt>
                <c:pt idx="5422">
                  <c:v>0.5052075794547638</c:v>
                </c:pt>
                <c:pt idx="5423">
                  <c:v>0.50522843668235717</c:v>
                </c:pt>
                <c:pt idx="5424">
                  <c:v>0.50523335123057522</c:v>
                </c:pt>
                <c:pt idx="5425">
                  <c:v>0.50523262811369452</c:v>
                </c:pt>
                <c:pt idx="5426">
                  <c:v>0.50523038516321384</c:v>
                </c:pt>
                <c:pt idx="5427">
                  <c:v>0.50522996127553588</c:v>
                </c:pt>
                <c:pt idx="5428">
                  <c:v>0.50523378145482545</c:v>
                </c:pt>
                <c:pt idx="5429">
                  <c:v>0.50524790072772086</c:v>
                </c:pt>
                <c:pt idx="5430">
                  <c:v>0.50527175741571684</c:v>
                </c:pt>
                <c:pt idx="5431">
                  <c:v>0.50530612889162418</c:v>
                </c:pt>
                <c:pt idx="5432">
                  <c:v>0.50534134568996791</c:v>
                </c:pt>
                <c:pt idx="5433">
                  <c:v>0.505391960944784</c:v>
                </c:pt>
                <c:pt idx="5434">
                  <c:v>0.50544869730635089</c:v>
                </c:pt>
                <c:pt idx="5435">
                  <c:v>0.50550829379890327</c:v>
                </c:pt>
                <c:pt idx="5436">
                  <c:v>0.50557256761818159</c:v>
                </c:pt>
                <c:pt idx="5437">
                  <c:v>0.50564094898009759</c:v>
                </c:pt>
                <c:pt idx="5438">
                  <c:v>0.50572041304204829</c:v>
                </c:pt>
                <c:pt idx="5439">
                  <c:v>0.50582238973352078</c:v>
                </c:pt>
                <c:pt idx="5440">
                  <c:v>0.50595298083615048</c:v>
                </c:pt>
                <c:pt idx="5441">
                  <c:v>0.50611954676439153</c:v>
                </c:pt>
                <c:pt idx="5442">
                  <c:v>0.50631419472386274</c:v>
                </c:pt>
                <c:pt idx="5443">
                  <c:v>0.50653012286384846</c:v>
                </c:pt>
                <c:pt idx="5444">
                  <c:v>0.50673653426977006</c:v>
                </c:pt>
                <c:pt idx="5445">
                  <c:v>0.50693032069890687</c:v>
                </c:pt>
                <c:pt idx="5446">
                  <c:v>0.507083083434407</c:v>
                </c:pt>
                <c:pt idx="5447">
                  <c:v>0.50720861070718359</c:v>
                </c:pt>
                <c:pt idx="5448">
                  <c:v>0.50732521721052737</c:v>
                </c:pt>
                <c:pt idx="5449">
                  <c:v>0.50743913937925589</c:v>
                </c:pt>
                <c:pt idx="5450">
                  <c:v>0.50759461325580935</c:v>
                </c:pt>
                <c:pt idx="5451">
                  <c:v>0.50780396334088262</c:v>
                </c:pt>
                <c:pt idx="5452">
                  <c:v>0.50808083386055369</c:v>
                </c:pt>
                <c:pt idx="5453">
                  <c:v>0.50840247841440123</c:v>
                </c:pt>
                <c:pt idx="5454">
                  <c:v>0.50874567182596431</c:v>
                </c:pt>
                <c:pt idx="5455">
                  <c:v>0.50907112344799377</c:v>
                </c:pt>
                <c:pt idx="5456">
                  <c:v>0.50936488420114368</c:v>
                </c:pt>
                <c:pt idx="5457">
                  <c:v>0.50960300018353177</c:v>
                </c:pt>
                <c:pt idx="5458">
                  <c:v>0.50979768181058827</c:v>
                </c:pt>
                <c:pt idx="5459">
                  <c:v>0.50994113041646649</c:v>
                </c:pt>
                <c:pt idx="5460">
                  <c:v>0.51004758182368581</c:v>
                </c:pt>
                <c:pt idx="5461">
                  <c:v>0.51011667261287175</c:v>
                </c:pt>
                <c:pt idx="5462">
                  <c:v>0.51015339989234532</c:v>
                </c:pt>
                <c:pt idx="5463">
                  <c:v>0.51016989928065359</c:v>
                </c:pt>
                <c:pt idx="5464">
                  <c:v>0.51016492960221416</c:v>
                </c:pt>
                <c:pt idx="5465">
                  <c:v>0.5101466517084341</c:v>
                </c:pt>
                <c:pt idx="5466">
                  <c:v>0.51011398961584109</c:v>
                </c:pt>
                <c:pt idx="5467">
                  <c:v>0.51008089053263361</c:v>
                </c:pt>
                <c:pt idx="5468">
                  <c:v>0.51006652006918884</c:v>
                </c:pt>
                <c:pt idx="5469">
                  <c:v>0.5100768360170147</c:v>
                </c:pt>
                <c:pt idx="5470">
                  <c:v>0.51010351480839167</c:v>
                </c:pt>
                <c:pt idx="5471">
                  <c:v>0.51014124325811283</c:v>
                </c:pt>
                <c:pt idx="5472">
                  <c:v>0.51017425012397066</c:v>
                </c:pt>
                <c:pt idx="5473">
                  <c:v>0.51020010977753982</c:v>
                </c:pt>
                <c:pt idx="5474">
                  <c:v>0.51019960359531469</c:v>
                </c:pt>
                <c:pt idx="5475">
                  <c:v>0.51016752687780098</c:v>
                </c:pt>
                <c:pt idx="5476">
                  <c:v>0.51011302541914538</c:v>
                </c:pt>
                <c:pt idx="5477">
                  <c:v>0.510050163631663</c:v>
                </c:pt>
                <c:pt idx="5478">
                  <c:v>0.50999009027915931</c:v>
                </c:pt>
                <c:pt idx="5479">
                  <c:v>0.50995199281296255</c:v>
                </c:pt>
                <c:pt idx="5480">
                  <c:v>0.50993231415676166</c:v>
                </c:pt>
                <c:pt idx="5481">
                  <c:v>0.50995408433938472</c:v>
                </c:pt>
                <c:pt idx="5482">
                  <c:v>0.51001221585728318</c:v>
                </c:pt>
                <c:pt idx="5483">
                  <c:v>0.51011177626871484</c:v>
                </c:pt>
                <c:pt idx="5484">
                  <c:v>0.51024117980291828</c:v>
                </c:pt>
                <c:pt idx="5485">
                  <c:v>0.51040626891026097</c:v>
                </c:pt>
                <c:pt idx="5486">
                  <c:v>0.5105963218326508</c:v>
                </c:pt>
                <c:pt idx="5487">
                  <c:v>0.51081977994657413</c:v>
                </c:pt>
                <c:pt idx="5488">
                  <c:v>0.51107234183479489</c:v>
                </c:pt>
                <c:pt idx="5489">
                  <c:v>0.51135497750355463</c:v>
                </c:pt>
                <c:pt idx="5490">
                  <c:v>0.51166921301680324</c:v>
                </c:pt>
                <c:pt idx="5491">
                  <c:v>0.51199732653029784</c:v>
                </c:pt>
                <c:pt idx="5492">
                  <c:v>0.51233852632794097</c:v>
                </c:pt>
                <c:pt idx="5493">
                  <c:v>0.51269127761920752</c:v>
                </c:pt>
                <c:pt idx="5494">
                  <c:v>0.51303234151759858</c:v>
                </c:pt>
                <c:pt idx="5495">
                  <c:v>0.51337372833196138</c:v>
                </c:pt>
                <c:pt idx="5496">
                  <c:v>0.51370149773403806</c:v>
                </c:pt>
                <c:pt idx="5497">
                  <c:v>0.51399474232006115</c:v>
                </c:pt>
                <c:pt idx="5498">
                  <c:v>0.5142524185288907</c:v>
                </c:pt>
                <c:pt idx="5499">
                  <c:v>0.51445042471151403</c:v>
                </c:pt>
                <c:pt idx="5500">
                  <c:v>0.51459139657149933</c:v>
                </c:pt>
                <c:pt idx="5501">
                  <c:v>0.51467274203815516</c:v>
                </c:pt>
                <c:pt idx="5502">
                  <c:v>0.51470850866712559</c:v>
                </c:pt>
                <c:pt idx="5503">
                  <c:v>0.51470632181839249</c:v>
                </c:pt>
                <c:pt idx="5504">
                  <c:v>0.5146953825169085</c:v>
                </c:pt>
                <c:pt idx="5505">
                  <c:v>0.5146886935151932</c:v>
                </c:pt>
                <c:pt idx="5506">
                  <c:v>0.51469426792569417</c:v>
                </c:pt>
                <c:pt idx="5507">
                  <c:v>0.51469924886370366</c:v>
                </c:pt>
                <c:pt idx="5508">
                  <c:v>0.51468198709301105</c:v>
                </c:pt>
                <c:pt idx="5509">
                  <c:v>0.51460824333960575</c:v>
                </c:pt>
                <c:pt idx="5510">
                  <c:v>0.51446097523099266</c:v>
                </c:pt>
                <c:pt idx="5511">
                  <c:v>0.51423470939047611</c:v>
                </c:pt>
                <c:pt idx="5512">
                  <c:v>0.51393962208347976</c:v>
                </c:pt>
                <c:pt idx="5513">
                  <c:v>0.51360219884205449</c:v>
                </c:pt>
                <c:pt idx="5514">
                  <c:v>0.51326648370518979</c:v>
                </c:pt>
                <c:pt idx="5515">
                  <c:v>0.51299221651169458</c:v>
                </c:pt>
                <c:pt idx="5516">
                  <c:v>0.51281751283459232</c:v>
                </c:pt>
                <c:pt idx="5517">
                  <c:v>0.51276832706145459</c:v>
                </c:pt>
                <c:pt idx="5518">
                  <c:v>0.51283198309802891</c:v>
                </c:pt>
                <c:pt idx="5519">
                  <c:v>0.51301011422748044</c:v>
                </c:pt>
                <c:pt idx="5520">
                  <c:v>0.51329721588459454</c:v>
                </c:pt>
                <c:pt idx="5521">
                  <c:v>0.51366850567394284</c:v>
                </c:pt>
                <c:pt idx="5522">
                  <c:v>0.51407510449450944</c:v>
                </c:pt>
                <c:pt idx="5523">
                  <c:v>0.51449170879128803</c:v>
                </c:pt>
                <c:pt idx="5524">
                  <c:v>0.51488888064712324</c:v>
                </c:pt>
                <c:pt idx="5525">
                  <c:v>0.51523941265915341</c:v>
                </c:pt>
                <c:pt idx="5526">
                  <c:v>0.51552795809874385</c:v>
                </c:pt>
                <c:pt idx="5527">
                  <c:v>0.51575134763387798</c:v>
                </c:pt>
                <c:pt idx="5528">
                  <c:v>0.51591137540922727</c:v>
                </c:pt>
                <c:pt idx="5529">
                  <c:v>0.51601870143500972</c:v>
                </c:pt>
                <c:pt idx="5530">
                  <c:v>0.51608270532529743</c:v>
                </c:pt>
                <c:pt idx="5531">
                  <c:v>0.5161199107442932</c:v>
                </c:pt>
                <c:pt idx="5532">
                  <c:v>0.51615331596033964</c:v>
                </c:pt>
                <c:pt idx="5533">
                  <c:v>0.51619787867493772</c:v>
                </c:pt>
                <c:pt idx="5534">
                  <c:v>0.51625767465634886</c:v>
                </c:pt>
                <c:pt idx="5535">
                  <c:v>0.51633221265067519</c:v>
                </c:pt>
                <c:pt idx="5536">
                  <c:v>0.51640374089982322</c:v>
                </c:pt>
                <c:pt idx="5537">
                  <c:v>0.51647474799756454</c:v>
                </c:pt>
                <c:pt idx="5538">
                  <c:v>0.51653798012521646</c:v>
                </c:pt>
                <c:pt idx="5539">
                  <c:v>0.51659297596724441</c:v>
                </c:pt>
                <c:pt idx="5540">
                  <c:v>0.51664250464249928</c:v>
                </c:pt>
                <c:pt idx="5541">
                  <c:v>0.51668046686311997</c:v>
                </c:pt>
                <c:pt idx="5542">
                  <c:v>0.51671093713087091</c:v>
                </c:pt>
                <c:pt idx="5543">
                  <c:v>0.51674628484336971</c:v>
                </c:pt>
                <c:pt idx="5544">
                  <c:v>0.51679652169492207</c:v>
                </c:pt>
                <c:pt idx="5545">
                  <c:v>0.51686902866871609</c:v>
                </c:pt>
                <c:pt idx="5546">
                  <c:v>0.51697122666303452</c:v>
                </c:pt>
                <c:pt idx="5547">
                  <c:v>0.51710455820202705</c:v>
                </c:pt>
                <c:pt idx="5548">
                  <c:v>0.51727864101761123</c:v>
                </c:pt>
                <c:pt idx="5549">
                  <c:v>0.51749140044003594</c:v>
                </c:pt>
                <c:pt idx="5550">
                  <c:v>0.51774973994213058</c:v>
                </c:pt>
                <c:pt idx="5551">
                  <c:v>0.51804665008200634</c:v>
                </c:pt>
                <c:pt idx="5552">
                  <c:v>0.51838181293614216</c:v>
                </c:pt>
                <c:pt idx="5553">
                  <c:v>0.51874512077704893</c:v>
                </c:pt>
                <c:pt idx="5554">
                  <c:v>0.51913878292357429</c:v>
                </c:pt>
                <c:pt idx="5555">
                  <c:v>0.51955053846381283</c:v>
                </c:pt>
                <c:pt idx="5556">
                  <c:v>0.51997109508212991</c:v>
                </c:pt>
                <c:pt idx="5557">
                  <c:v>0.52039127765883664</c:v>
                </c:pt>
                <c:pt idx="5558">
                  <c:v>0.52079956338851763</c:v>
                </c:pt>
                <c:pt idx="5559">
                  <c:v>0.52120824309692859</c:v>
                </c:pt>
                <c:pt idx="5560">
                  <c:v>0.52160781626443997</c:v>
                </c:pt>
                <c:pt idx="5561">
                  <c:v>0.52198033413133693</c:v>
                </c:pt>
                <c:pt idx="5562">
                  <c:v>0.52232910567935453</c:v>
                </c:pt>
                <c:pt idx="5563">
                  <c:v>0.52266033739922702</c:v>
                </c:pt>
                <c:pt idx="5564">
                  <c:v>0.52296458114711886</c:v>
                </c:pt>
                <c:pt idx="5565">
                  <c:v>0.5232368447826472</c:v>
                </c:pt>
                <c:pt idx="5566">
                  <c:v>0.52348470379031076</c:v>
                </c:pt>
                <c:pt idx="5567">
                  <c:v>0.52371017297130484</c:v>
                </c:pt>
                <c:pt idx="5568">
                  <c:v>0.52391790783918513</c:v>
                </c:pt>
                <c:pt idx="5569">
                  <c:v>0.52411366606253518</c:v>
                </c:pt>
                <c:pt idx="5570">
                  <c:v>0.52429340803772084</c:v>
                </c:pt>
                <c:pt idx="5571">
                  <c:v>0.52446445741236969</c:v>
                </c:pt>
                <c:pt idx="5572">
                  <c:v>0.52463205817190695</c:v>
                </c:pt>
                <c:pt idx="5573">
                  <c:v>0.52479822013324784</c:v>
                </c:pt>
                <c:pt idx="5574">
                  <c:v>0.52497418434291498</c:v>
                </c:pt>
                <c:pt idx="5575">
                  <c:v>0.52514725601152057</c:v>
                </c:pt>
                <c:pt idx="5576">
                  <c:v>0.52534653516289576</c:v>
                </c:pt>
                <c:pt idx="5577">
                  <c:v>0.52556535895870937</c:v>
                </c:pt>
                <c:pt idx="5578">
                  <c:v>0.52581486123443966</c:v>
                </c:pt>
                <c:pt idx="5579">
                  <c:v>0.52609188759456804</c:v>
                </c:pt>
                <c:pt idx="5580">
                  <c:v>0.52639746790572106</c:v>
                </c:pt>
                <c:pt idx="5581">
                  <c:v>0.52674388550906359</c:v>
                </c:pt>
                <c:pt idx="5582">
                  <c:v>0.52712553235429083</c:v>
                </c:pt>
                <c:pt idx="5583">
                  <c:v>0.52755469180708048</c:v>
                </c:pt>
                <c:pt idx="5584">
                  <c:v>0.52802420979154518</c:v>
                </c:pt>
                <c:pt idx="5585">
                  <c:v>0.52853485682833623</c:v>
                </c:pt>
                <c:pt idx="5586">
                  <c:v>0.52908368050783638</c:v>
                </c:pt>
                <c:pt idx="5587">
                  <c:v>0.52966839423851719</c:v>
                </c:pt>
                <c:pt idx="5588">
                  <c:v>0.53028071434324064</c:v>
                </c:pt>
                <c:pt idx="5589">
                  <c:v>0.53091146447667537</c:v>
                </c:pt>
                <c:pt idx="5590">
                  <c:v>0.53156219563234164</c:v>
                </c:pt>
                <c:pt idx="5591">
                  <c:v>0.53221967440812357</c:v>
                </c:pt>
                <c:pt idx="5592">
                  <c:v>0.53288309537706846</c:v>
                </c:pt>
                <c:pt idx="5593">
                  <c:v>0.53353481399212721</c:v>
                </c:pt>
                <c:pt idx="5594">
                  <c:v>0.53416275885025388</c:v>
                </c:pt>
                <c:pt idx="5595">
                  <c:v>0.534762655964094</c:v>
                </c:pt>
                <c:pt idx="5596">
                  <c:v>0.53532887982202071</c:v>
                </c:pt>
                <c:pt idx="5597">
                  <c:v>0.53586194909147178</c:v>
                </c:pt>
                <c:pt idx="5598">
                  <c:v>0.53637410223875104</c:v>
                </c:pt>
                <c:pt idx="5599">
                  <c:v>0.53684463511248959</c:v>
                </c:pt>
                <c:pt idx="5600">
                  <c:v>0.53728375889258351</c:v>
                </c:pt>
                <c:pt idx="5601">
                  <c:v>0.53769909395473481</c:v>
                </c:pt>
                <c:pt idx="5602">
                  <c:v>0.53808962790998038</c:v>
                </c:pt>
                <c:pt idx="5603">
                  <c:v>0.5384672401521956</c:v>
                </c:pt>
                <c:pt idx="5604">
                  <c:v>0.53883150428848881</c:v>
                </c:pt>
                <c:pt idx="5605">
                  <c:v>0.53920234148070678</c:v>
                </c:pt>
                <c:pt idx="5606">
                  <c:v>0.53957848251056417</c:v>
                </c:pt>
                <c:pt idx="5607">
                  <c:v>0.53996585960266408</c:v>
                </c:pt>
                <c:pt idx="5608">
                  <c:v>0.54038054134828095</c:v>
                </c:pt>
                <c:pt idx="5609">
                  <c:v>0.54082919557819686</c:v>
                </c:pt>
                <c:pt idx="5610">
                  <c:v>0.54131174000276727</c:v>
                </c:pt>
                <c:pt idx="5611">
                  <c:v>0.54184109384288259</c:v>
                </c:pt>
                <c:pt idx="5612">
                  <c:v>0.54242399224978788</c:v>
                </c:pt>
                <c:pt idx="5613">
                  <c:v>0.54305405415221586</c:v>
                </c:pt>
                <c:pt idx="5614">
                  <c:v>0.54373202264093634</c:v>
                </c:pt>
                <c:pt idx="5615">
                  <c:v>0.54446076035133106</c:v>
                </c:pt>
                <c:pt idx="5616">
                  <c:v>0.54524154896238552</c:v>
                </c:pt>
                <c:pt idx="5617">
                  <c:v>0.54606959583564885</c:v>
                </c:pt>
                <c:pt idx="5618">
                  <c:v>0.54693024372364862</c:v>
                </c:pt>
                <c:pt idx="5619">
                  <c:v>0.54780758859805767</c:v>
                </c:pt>
                <c:pt idx="5620">
                  <c:v>0.5486797617917839</c:v>
                </c:pt>
                <c:pt idx="5621">
                  <c:v>0.54951708975379576</c:v>
                </c:pt>
                <c:pt idx="5622">
                  <c:v>0.55030466588371796</c:v>
                </c:pt>
                <c:pt idx="5623">
                  <c:v>0.55103324899155459</c:v>
                </c:pt>
                <c:pt idx="5624">
                  <c:v>0.55169539324128125</c:v>
                </c:pt>
                <c:pt idx="5625">
                  <c:v>0.55230576088099259</c:v>
                </c:pt>
                <c:pt idx="5626">
                  <c:v>0.5528608060367507</c:v>
                </c:pt>
                <c:pt idx="5627">
                  <c:v>0.55338279634682841</c:v>
                </c:pt>
                <c:pt idx="5628">
                  <c:v>0.55388089819616826</c:v>
                </c:pt>
                <c:pt idx="5629">
                  <c:v>0.5543612308179221</c:v>
                </c:pt>
                <c:pt idx="5630">
                  <c:v>0.55482909057330942</c:v>
                </c:pt>
                <c:pt idx="5631">
                  <c:v>0.55527720120621704</c:v>
                </c:pt>
                <c:pt idx="5632">
                  <c:v>0.55572195048976658</c:v>
                </c:pt>
                <c:pt idx="5633">
                  <c:v>0.55615277066377355</c:v>
                </c:pt>
                <c:pt idx="5634">
                  <c:v>0.55657257920704106</c:v>
                </c:pt>
                <c:pt idx="5635">
                  <c:v>0.55697305754430027</c:v>
                </c:pt>
                <c:pt idx="5636">
                  <c:v>0.55737577012180672</c:v>
                </c:pt>
                <c:pt idx="5637">
                  <c:v>0.55779704488498094</c:v>
                </c:pt>
                <c:pt idx="5638">
                  <c:v>0.55824607814078708</c:v>
                </c:pt>
                <c:pt idx="5639">
                  <c:v>0.55877049220814257</c:v>
                </c:pt>
                <c:pt idx="5640">
                  <c:v>0.55939291877385777</c:v>
                </c:pt>
                <c:pt idx="5641">
                  <c:v>0.56010891929580175</c:v>
                </c:pt>
                <c:pt idx="5642">
                  <c:v>0.56094947394173311</c:v>
                </c:pt>
                <c:pt idx="5643">
                  <c:v>0.56189829468949615</c:v>
                </c:pt>
                <c:pt idx="5644">
                  <c:v>0.56291084127009439</c:v>
                </c:pt>
                <c:pt idx="5645">
                  <c:v>0.56393200564617596</c:v>
                </c:pt>
                <c:pt idx="5646">
                  <c:v>0.56491998052748049</c:v>
                </c:pt>
                <c:pt idx="5647">
                  <c:v>0.56590432974551386</c:v>
                </c:pt>
                <c:pt idx="5648">
                  <c:v>0.56686221214297317</c:v>
                </c:pt>
                <c:pt idx="5649">
                  <c:v>0.56782245346938753</c:v>
                </c:pt>
                <c:pt idx="5650">
                  <c:v>0.56880534643607372</c:v>
                </c:pt>
                <c:pt idx="5651">
                  <c:v>0.56983611108275112</c:v>
                </c:pt>
                <c:pt idx="5652">
                  <c:v>0.57092157980314862</c:v>
                </c:pt>
                <c:pt idx="5653">
                  <c:v>0.57204247227491223</c:v>
                </c:pt>
                <c:pt idx="5654">
                  <c:v>0.57316952387858</c:v>
                </c:pt>
                <c:pt idx="5655">
                  <c:v>0.57428796765532431</c:v>
                </c:pt>
                <c:pt idx="5656">
                  <c:v>0.57537169585699988</c:v>
                </c:pt>
                <c:pt idx="5657">
                  <c:v>0.57641368658918901</c:v>
                </c:pt>
                <c:pt idx="5658">
                  <c:v>0.57740213524672812</c:v>
                </c:pt>
                <c:pt idx="5659">
                  <c:v>0.57837659494251081</c:v>
                </c:pt>
                <c:pt idx="5660">
                  <c:v>0.5793036916490093</c:v>
                </c:pt>
                <c:pt idx="5661">
                  <c:v>0.58020775269689473</c:v>
                </c:pt>
                <c:pt idx="5662">
                  <c:v>0.5811184915441221</c:v>
                </c:pt>
                <c:pt idx="5663">
                  <c:v>0.58200545665075942</c:v>
                </c:pt>
                <c:pt idx="5664">
                  <c:v>0.58287747023313463</c:v>
                </c:pt>
                <c:pt idx="5665">
                  <c:v>0.58375306963722562</c:v>
                </c:pt>
                <c:pt idx="5666">
                  <c:v>0.58463631427305063</c:v>
                </c:pt>
                <c:pt idx="5667">
                  <c:v>0.58552849596791567</c:v>
                </c:pt>
                <c:pt idx="5668">
                  <c:v>0.58646413559947619</c:v>
                </c:pt>
                <c:pt idx="5669">
                  <c:v>0.58742064155126417</c:v>
                </c:pt>
                <c:pt idx="5670">
                  <c:v>0.58835018696095298</c:v>
                </c:pt>
                <c:pt idx="5671">
                  <c:v>0.58925638257165791</c:v>
                </c:pt>
                <c:pt idx="5672">
                  <c:v>0.59013333345099506</c:v>
                </c:pt>
                <c:pt idx="5673">
                  <c:v>0.59101533128145234</c:v>
                </c:pt>
                <c:pt idx="5674">
                  <c:v>0.59192092837001842</c:v>
                </c:pt>
                <c:pt idx="5675">
                  <c:v>0.592904843775937</c:v>
                </c:pt>
                <c:pt idx="5676">
                  <c:v>0.59399899511196974</c:v>
                </c:pt>
                <c:pt idx="5677">
                  <c:v>0.59522475742173475</c:v>
                </c:pt>
                <c:pt idx="5678">
                  <c:v>0.59657867954078392</c:v>
                </c:pt>
                <c:pt idx="5679">
                  <c:v>0.5980520241081122</c:v>
                </c:pt>
                <c:pt idx="5680">
                  <c:v>0.59960276914990074</c:v>
                </c:pt>
                <c:pt idx="5681">
                  <c:v>0.60120222882780938</c:v>
                </c:pt>
                <c:pt idx="5682">
                  <c:v>0.60282917762661814</c:v>
                </c:pt>
                <c:pt idx="5683">
                  <c:v>0.60442835793972238</c:v>
                </c:pt>
                <c:pt idx="5684">
                  <c:v>0.60601810260237465</c:v>
                </c:pt>
                <c:pt idx="5685">
                  <c:v>0.60754609636731827</c:v>
                </c:pt>
                <c:pt idx="5686">
                  <c:v>0.60903884089606097</c:v>
                </c:pt>
                <c:pt idx="5687">
                  <c:v>0.61050243049218389</c:v>
                </c:pt>
                <c:pt idx="5688">
                  <c:v>0.61213977257686691</c:v>
                </c:pt>
                <c:pt idx="5689">
                  <c:v>0.61395554493767746</c:v>
                </c:pt>
                <c:pt idx="5690">
                  <c:v>0.61577526713605757</c:v>
                </c:pt>
                <c:pt idx="5691">
                  <c:v>0.61732363835324799</c:v>
                </c:pt>
                <c:pt idx="5692">
                  <c:v>0.61845775675070769</c:v>
                </c:pt>
                <c:pt idx="5693">
                  <c:v>0.61923215182162417</c:v>
                </c:pt>
                <c:pt idx="5694">
                  <c:v>0.61989891422732024</c:v>
                </c:pt>
                <c:pt idx="5695">
                  <c:v>0.62076335734216037</c:v>
                </c:pt>
                <c:pt idx="5696">
                  <c:v>0.62205310481439402</c:v>
                </c:pt>
                <c:pt idx="5697">
                  <c:v>0.6237543921055968</c:v>
                </c:pt>
                <c:pt idx="5698">
                  <c:v>0.62560568293543395</c:v>
                </c:pt>
                <c:pt idx="5699">
                  <c:v>0.62731294490749967</c:v>
                </c:pt>
                <c:pt idx="5700">
                  <c:v>0.62878245925997689</c:v>
                </c:pt>
                <c:pt idx="5701">
                  <c:v>0.62999983319004138</c:v>
                </c:pt>
                <c:pt idx="5702">
                  <c:v>0.63115840855030503</c:v>
                </c:pt>
                <c:pt idx="5703">
                  <c:v>0.63244945267070563</c:v>
                </c:pt>
                <c:pt idx="5704">
                  <c:v>0.63391825892859499</c:v>
                </c:pt>
                <c:pt idx="5705">
                  <c:v>0.63559877966687839</c:v>
                </c:pt>
                <c:pt idx="5706">
                  <c:v>0.63740176506180657</c:v>
                </c:pt>
                <c:pt idx="5707">
                  <c:v>0.63925444233855888</c:v>
                </c:pt>
                <c:pt idx="5708">
                  <c:v>0.64102964919751315</c:v>
                </c:pt>
                <c:pt idx="5709">
                  <c:v>0.64263866423030158</c:v>
                </c:pt>
                <c:pt idx="5710">
                  <c:v>0.644074974126991</c:v>
                </c:pt>
                <c:pt idx="5711">
                  <c:v>0.64532601131172518</c:v>
                </c:pt>
                <c:pt idx="5712">
                  <c:v>0.64646496723883873</c:v>
                </c:pt>
                <c:pt idx="5713">
                  <c:v>0.64753208825285336</c:v>
                </c:pt>
                <c:pt idx="5714">
                  <c:v>0.64856164601742816</c:v>
                </c:pt>
                <c:pt idx="5715">
                  <c:v>0.64959948242583554</c:v>
                </c:pt>
                <c:pt idx="5716">
                  <c:v>0.65065543219775956</c:v>
                </c:pt>
                <c:pt idx="5717">
                  <c:v>0.65172188490971628</c:v>
                </c:pt>
                <c:pt idx="5718">
                  <c:v>0.65281548764811892</c:v>
                </c:pt>
                <c:pt idx="5719">
                  <c:v>0.65395007489472989</c:v>
                </c:pt>
                <c:pt idx="5720">
                  <c:v>0.65512811010947647</c:v>
                </c:pt>
                <c:pt idx="5721">
                  <c:v>0.6563764842179578</c:v>
                </c:pt>
                <c:pt idx="5722">
                  <c:v>0.65771208355202371</c:v>
                </c:pt>
                <c:pt idx="5723">
                  <c:v>0.65912227075589902</c:v>
                </c:pt>
                <c:pt idx="5724">
                  <c:v>0.66057116824727369</c:v>
                </c:pt>
                <c:pt idx="5725">
                  <c:v>0.66203795963042933</c:v>
                </c:pt>
                <c:pt idx="5726">
                  <c:v>0.66342673199815672</c:v>
                </c:pt>
                <c:pt idx="5727">
                  <c:v>0.6646911347337926</c:v>
                </c:pt>
                <c:pt idx="5728">
                  <c:v>0.66582651987373964</c:v>
                </c:pt>
                <c:pt idx="5729">
                  <c:v>0.66680048085554633</c:v>
                </c:pt>
                <c:pt idx="5730">
                  <c:v>0.66765125919926993</c:v>
                </c:pt>
                <c:pt idx="5731">
                  <c:v>0.66840872790067818</c:v>
                </c:pt>
                <c:pt idx="5732">
                  <c:v>0.66909003280101509</c:v>
                </c:pt>
                <c:pt idx="5733">
                  <c:v>0.66977377141901862</c:v>
                </c:pt>
                <c:pt idx="5734">
                  <c:v>0.67050993493843736</c:v>
                </c:pt>
                <c:pt idx="5735">
                  <c:v>0.67133624626908772</c:v>
                </c:pt>
                <c:pt idx="5736">
                  <c:v>0.67230530990988135</c:v>
                </c:pt>
                <c:pt idx="5737">
                  <c:v>0.67334313634972887</c:v>
                </c:pt>
                <c:pt idx="5738">
                  <c:v>0.67441543398785142</c:v>
                </c:pt>
                <c:pt idx="5739">
                  <c:v>0.67546744389076585</c:v>
                </c:pt>
                <c:pt idx="5740">
                  <c:v>0.67643636789001205</c:v>
                </c:pt>
                <c:pt idx="5741">
                  <c:v>0.67734101739342512</c:v>
                </c:pt>
                <c:pt idx="5742">
                  <c:v>0.67821033799386798</c:v>
                </c:pt>
                <c:pt idx="5743">
                  <c:v>0.67907467137284017</c:v>
                </c:pt>
                <c:pt idx="5744">
                  <c:v>0.67993575312198029</c:v>
                </c:pt>
                <c:pt idx="5745">
                  <c:v>0.68083449788786843</c:v>
                </c:pt>
                <c:pt idx="5746">
                  <c:v>0.68172817568380717</c:v>
                </c:pt>
                <c:pt idx="5747">
                  <c:v>0.68254511117536476</c:v>
                </c:pt>
                <c:pt idx="5748">
                  <c:v>0.68328953348320576</c:v>
                </c:pt>
                <c:pt idx="5749">
                  <c:v>0.68390861863668273</c:v>
                </c:pt>
                <c:pt idx="5750">
                  <c:v>0.68440815175060221</c:v>
                </c:pt>
                <c:pt idx="5751">
                  <c:v>0.68479429707188388</c:v>
                </c:pt>
                <c:pt idx="5752">
                  <c:v>0.6851029219691489</c:v>
                </c:pt>
                <c:pt idx="5753">
                  <c:v>0.68536119665109174</c:v>
                </c:pt>
                <c:pt idx="5754">
                  <c:v>0.68562840831036509</c:v>
                </c:pt>
                <c:pt idx="5755">
                  <c:v>0.68592296953070053</c:v>
                </c:pt>
                <c:pt idx="5756">
                  <c:v>0.68629161978430497</c:v>
                </c:pt>
                <c:pt idx="5757">
                  <c:v>0.68672187148892971</c:v>
                </c:pt>
                <c:pt idx="5758">
                  <c:v>0.68721075205270932</c:v>
                </c:pt>
                <c:pt idx="5759">
                  <c:v>0.68770950721041246</c:v>
                </c:pt>
                <c:pt idx="5760">
                  <c:v>0.68821680035792365</c:v>
                </c:pt>
                <c:pt idx="5761">
                  <c:v>0.68875070498451973</c:v>
                </c:pt>
                <c:pt idx="5762">
                  <c:v>0.68931417341810874</c:v>
                </c:pt>
                <c:pt idx="5763">
                  <c:v>0.68992829145065382</c:v>
                </c:pt>
                <c:pt idx="5764">
                  <c:v>0.69059104412571171</c:v>
                </c:pt>
                <c:pt idx="5765">
                  <c:v>0.69126091843798276</c:v>
                </c:pt>
                <c:pt idx="5766">
                  <c:v>0.69189797731342884</c:v>
                </c:pt>
                <c:pt idx="5767">
                  <c:v>0.69245923150108712</c:v>
                </c:pt>
                <c:pt idx="5768">
                  <c:v>0.69292319630318078</c:v>
                </c:pt>
                <c:pt idx="5769">
                  <c:v>0.69325633805631848</c:v>
                </c:pt>
                <c:pt idx="5770">
                  <c:v>0.69346785316551562</c:v>
                </c:pt>
                <c:pt idx="5771">
                  <c:v>0.69358796377126286</c:v>
                </c:pt>
                <c:pt idx="5772">
                  <c:v>0.69362654438577476</c:v>
                </c:pt>
                <c:pt idx="5773">
                  <c:v>0.69361293950772696</c:v>
                </c:pt>
                <c:pt idx="5774">
                  <c:v>0.69356615999786153</c:v>
                </c:pt>
                <c:pt idx="5775">
                  <c:v>0.69348119886100701</c:v>
                </c:pt>
                <c:pt idx="5776">
                  <c:v>0.69338279242477208</c:v>
                </c:pt>
                <c:pt idx="5777">
                  <c:v>0.6932738929353548</c:v>
                </c:pt>
                <c:pt idx="5778">
                  <c:v>0.69315015173108185</c:v>
                </c:pt>
                <c:pt idx="5779">
                  <c:v>0.69300991296879366</c:v>
                </c:pt>
                <c:pt idx="5780">
                  <c:v>0.69286263239948065</c:v>
                </c:pt>
                <c:pt idx="5781">
                  <c:v>0.6926976973472424</c:v>
                </c:pt>
                <c:pt idx="5782">
                  <c:v>0.69251177627034899</c:v>
                </c:pt>
                <c:pt idx="5783">
                  <c:v>0.69229301981951119</c:v>
                </c:pt>
                <c:pt idx="5784">
                  <c:v>0.69202153924704335</c:v>
                </c:pt>
                <c:pt idx="5785">
                  <c:v>0.69168129571210279</c:v>
                </c:pt>
                <c:pt idx="5786">
                  <c:v>0.69125631059375314</c:v>
                </c:pt>
                <c:pt idx="5787">
                  <c:v>0.69075671758676493</c:v>
                </c:pt>
                <c:pt idx="5788">
                  <c:v>0.69018289582325065</c:v>
                </c:pt>
                <c:pt idx="5789">
                  <c:v>0.68954509886582749</c:v>
                </c:pt>
                <c:pt idx="5790">
                  <c:v>0.68886892082850881</c:v>
                </c:pt>
                <c:pt idx="5791">
                  <c:v>0.68817179672248374</c:v>
                </c:pt>
                <c:pt idx="5792">
                  <c:v>0.68746435916077298</c:v>
                </c:pt>
                <c:pt idx="5793">
                  <c:v>0.68674918150259034</c:v>
                </c:pt>
                <c:pt idx="5794">
                  <c:v>0.68604028771404535</c:v>
                </c:pt>
                <c:pt idx="5795">
                  <c:v>0.68532780320121423</c:v>
                </c:pt>
                <c:pt idx="5796">
                  <c:v>0.6846332325172837</c:v>
                </c:pt>
                <c:pt idx="5797">
                  <c:v>0.68393618815973767</c:v>
                </c:pt>
                <c:pt idx="5798">
                  <c:v>0.68325189097554406</c:v>
                </c:pt>
                <c:pt idx="5799">
                  <c:v>0.68258656494127201</c:v>
                </c:pt>
                <c:pt idx="5800">
                  <c:v>0.6819504038081794</c:v>
                </c:pt>
                <c:pt idx="5801">
                  <c:v>0.68134083413534274</c:v>
                </c:pt>
                <c:pt idx="5802">
                  <c:v>0.68075422532423646</c:v>
                </c:pt>
                <c:pt idx="5803">
                  <c:v>0.68017471821322362</c:v>
                </c:pt>
                <c:pt idx="5804">
                  <c:v>0.67957235000778837</c:v>
                </c:pt>
                <c:pt idx="5805">
                  <c:v>0.67893317657200991</c:v>
                </c:pt>
                <c:pt idx="5806">
                  <c:v>0.6782544051566477</c:v>
                </c:pt>
                <c:pt idx="5807">
                  <c:v>0.67750126534321209</c:v>
                </c:pt>
                <c:pt idx="5808">
                  <c:v>0.67672787775051724</c:v>
                </c:pt>
                <c:pt idx="5809">
                  <c:v>0.67596961107406339</c:v>
                </c:pt>
                <c:pt idx="5810">
                  <c:v>0.67527891039751398</c:v>
                </c:pt>
                <c:pt idx="5811">
                  <c:v>0.67467366961264985</c:v>
                </c:pt>
                <c:pt idx="5812">
                  <c:v>0.67415151473145407</c:v>
                </c:pt>
                <c:pt idx="5813">
                  <c:v>0.67370614211058821</c:v>
                </c:pt>
                <c:pt idx="5814">
                  <c:v>0.67326414074227259</c:v>
                </c:pt>
                <c:pt idx="5815">
                  <c:v>0.67277412310899332</c:v>
                </c:pt>
                <c:pt idx="5816">
                  <c:v>0.67220808131619014</c:v>
                </c:pt>
                <c:pt idx="5817">
                  <c:v>0.67153545404720849</c:v>
                </c:pt>
                <c:pt idx="5818">
                  <c:v>0.67075598211949217</c:v>
                </c:pt>
                <c:pt idx="5819">
                  <c:v>0.66989466096149641</c:v>
                </c:pt>
                <c:pt idx="5820">
                  <c:v>0.66899066979158139</c:v>
                </c:pt>
                <c:pt idx="5821">
                  <c:v>0.66806842561660207</c:v>
                </c:pt>
                <c:pt idx="5822">
                  <c:v>0.66715563702919445</c:v>
                </c:pt>
                <c:pt idx="5823">
                  <c:v>0.66626316616438408</c:v>
                </c:pt>
                <c:pt idx="5824">
                  <c:v>0.66539296792212632</c:v>
                </c:pt>
                <c:pt idx="5825">
                  <c:v>0.6645374916902963</c:v>
                </c:pt>
                <c:pt idx="5826">
                  <c:v>0.66369211949268569</c:v>
                </c:pt>
                <c:pt idx="5827">
                  <c:v>0.66284564013125502</c:v>
                </c:pt>
                <c:pt idx="5828">
                  <c:v>0.66199147059786134</c:v>
                </c:pt>
                <c:pt idx="5829">
                  <c:v>0.66113769000172118</c:v>
                </c:pt>
                <c:pt idx="5830">
                  <c:v>0.66027808449824432</c:v>
                </c:pt>
                <c:pt idx="5831">
                  <c:v>0.65941799020849645</c:v>
                </c:pt>
                <c:pt idx="5832">
                  <c:v>0.65855488369777226</c:v>
                </c:pt>
                <c:pt idx="5833">
                  <c:v>0.65767255665971114</c:v>
                </c:pt>
                <c:pt idx="5834">
                  <c:v>0.65676975240209501</c:v>
                </c:pt>
                <c:pt idx="5835">
                  <c:v>0.65583953877205781</c:v>
                </c:pt>
                <c:pt idx="5836">
                  <c:v>0.65487363704405743</c:v>
                </c:pt>
                <c:pt idx="5837">
                  <c:v>0.65387086030579478</c:v>
                </c:pt>
                <c:pt idx="5838">
                  <c:v>0.65281801255359539</c:v>
                </c:pt>
                <c:pt idx="5839">
                  <c:v>0.65172225538062112</c:v>
                </c:pt>
                <c:pt idx="5840">
                  <c:v>0.65058662094496811</c:v>
                </c:pt>
                <c:pt idx="5841">
                  <c:v>0.64941953741886671</c:v>
                </c:pt>
                <c:pt idx="5842">
                  <c:v>0.64822400729986196</c:v>
                </c:pt>
                <c:pt idx="5843">
                  <c:v>0.64700039942466869</c:v>
                </c:pt>
                <c:pt idx="5844">
                  <c:v>0.64579475530288466</c:v>
                </c:pt>
                <c:pt idx="5845">
                  <c:v>0.64459656202591764</c:v>
                </c:pt>
                <c:pt idx="5846">
                  <c:v>0.64339846843454906</c:v>
                </c:pt>
                <c:pt idx="5847">
                  <c:v>0.6422332801604631</c:v>
                </c:pt>
                <c:pt idx="5848">
                  <c:v>0.64109562088151661</c:v>
                </c:pt>
                <c:pt idx="5849">
                  <c:v>0.63999954455120789</c:v>
                </c:pt>
                <c:pt idx="5850">
                  <c:v>0.6389478538056278</c:v>
                </c:pt>
                <c:pt idx="5851">
                  <c:v>0.63794017972635231</c:v>
                </c:pt>
                <c:pt idx="5852">
                  <c:v>0.63698087097505451</c:v>
                </c:pt>
                <c:pt idx="5853">
                  <c:v>0.63607094508022544</c:v>
                </c:pt>
                <c:pt idx="5854">
                  <c:v>0.63517394587453579</c:v>
                </c:pt>
                <c:pt idx="5855">
                  <c:v>0.63430097473844782</c:v>
                </c:pt>
                <c:pt idx="5856">
                  <c:v>0.63343505545965373</c:v>
                </c:pt>
                <c:pt idx="5857">
                  <c:v>0.63255749617132739</c:v>
                </c:pt>
                <c:pt idx="5858">
                  <c:v>0.63165551979443646</c:v>
                </c:pt>
                <c:pt idx="5859">
                  <c:v>0.63073510084642503</c:v>
                </c:pt>
                <c:pt idx="5860">
                  <c:v>0.62980606416012708</c:v>
                </c:pt>
                <c:pt idx="5861">
                  <c:v>0.62889666692580837</c:v>
                </c:pt>
                <c:pt idx="5862">
                  <c:v>0.62804002371879908</c:v>
                </c:pt>
                <c:pt idx="5863">
                  <c:v>0.62727462551828184</c:v>
                </c:pt>
                <c:pt idx="5864">
                  <c:v>0.62660930945256965</c:v>
                </c:pt>
                <c:pt idx="5865">
                  <c:v>0.62603379205336562</c:v>
                </c:pt>
                <c:pt idx="5866">
                  <c:v>0.62554187924978044</c:v>
                </c:pt>
                <c:pt idx="5867">
                  <c:v>0.62509598793696397</c:v>
                </c:pt>
                <c:pt idx="5868">
                  <c:v>0.62467321706454515</c:v>
                </c:pt>
                <c:pt idx="5869">
                  <c:v>0.62424146934055635</c:v>
                </c:pt>
                <c:pt idx="5870">
                  <c:v>0.62378379829495056</c:v>
                </c:pt>
                <c:pt idx="5871">
                  <c:v>0.62329650363099276</c:v>
                </c:pt>
                <c:pt idx="5872">
                  <c:v>0.62278524079050201</c:v>
                </c:pt>
                <c:pt idx="5873">
                  <c:v>0.62226123069494932</c:v>
                </c:pt>
                <c:pt idx="5874">
                  <c:v>0.6217345375043144</c:v>
                </c:pt>
                <c:pt idx="5875">
                  <c:v>0.62121237265455875</c:v>
                </c:pt>
                <c:pt idx="5876">
                  <c:v>0.62070924881635303</c:v>
                </c:pt>
                <c:pt idx="5877">
                  <c:v>0.62022331061192126</c:v>
                </c:pt>
                <c:pt idx="5878">
                  <c:v>0.61975146615351784</c:v>
                </c:pt>
                <c:pt idx="5879">
                  <c:v>0.61929266808868166</c:v>
                </c:pt>
                <c:pt idx="5880">
                  <c:v>0.61884782404661687</c:v>
                </c:pt>
                <c:pt idx="5881">
                  <c:v>0.618418839166189</c:v>
                </c:pt>
                <c:pt idx="5882">
                  <c:v>0.61799930995504226</c:v>
                </c:pt>
                <c:pt idx="5883">
                  <c:v>0.61759115143889276</c:v>
                </c:pt>
                <c:pt idx="5884">
                  <c:v>0.61720151516063315</c:v>
                </c:pt>
                <c:pt idx="5885">
                  <c:v>0.61682598259696175</c:v>
                </c:pt>
                <c:pt idx="5886">
                  <c:v>0.61646008521835838</c:v>
                </c:pt>
                <c:pt idx="5887">
                  <c:v>0.61609305077025533</c:v>
                </c:pt>
                <c:pt idx="5888">
                  <c:v>0.61573675858933097</c:v>
                </c:pt>
                <c:pt idx="5889">
                  <c:v>0.61539941762120831</c:v>
                </c:pt>
                <c:pt idx="5890">
                  <c:v>0.61506490935827518</c:v>
                </c:pt>
                <c:pt idx="5891">
                  <c:v>0.61474252989114553</c:v>
                </c:pt>
                <c:pt idx="5892">
                  <c:v>0.61444837762689275</c:v>
                </c:pt>
                <c:pt idx="5893">
                  <c:v>0.61417933077209164</c:v>
                </c:pt>
                <c:pt idx="5894">
                  <c:v>0.61392403840544563</c:v>
                </c:pt>
                <c:pt idx="5895">
                  <c:v>0.61370920188649769</c:v>
                </c:pt>
                <c:pt idx="5896">
                  <c:v>0.61352536546425696</c:v>
                </c:pt>
                <c:pt idx="5897">
                  <c:v>0.61337433459199064</c:v>
                </c:pt>
                <c:pt idx="5898">
                  <c:v>0.61324980538123208</c:v>
                </c:pt>
                <c:pt idx="5899">
                  <c:v>0.61315942821141411</c:v>
                </c:pt>
                <c:pt idx="5900">
                  <c:v>0.61310787106496356</c:v>
                </c:pt>
                <c:pt idx="5901">
                  <c:v>0.61308509968758007</c:v>
                </c:pt>
                <c:pt idx="5902">
                  <c:v>0.61307225282862887</c:v>
                </c:pt>
                <c:pt idx="5903">
                  <c:v>0.61307345967804761</c:v>
                </c:pt>
                <c:pt idx="5904">
                  <c:v>0.61307617276051884</c:v>
                </c:pt>
                <c:pt idx="5905">
                  <c:v>0.61305702209481039</c:v>
                </c:pt>
                <c:pt idx="5906">
                  <c:v>0.61301935907806249</c:v>
                </c:pt>
                <c:pt idx="5907">
                  <c:v>0.61295283046205917</c:v>
                </c:pt>
                <c:pt idx="5908">
                  <c:v>0.61285853344206087</c:v>
                </c:pt>
                <c:pt idx="5909">
                  <c:v>0.61271609040240171</c:v>
                </c:pt>
                <c:pt idx="5910">
                  <c:v>0.61253910630283892</c:v>
                </c:pt>
                <c:pt idx="5911">
                  <c:v>0.61233043386739117</c:v>
                </c:pt>
                <c:pt idx="5912">
                  <c:v>0.61210118452678997</c:v>
                </c:pt>
                <c:pt idx="5913">
                  <c:v>0.61187411944473047</c:v>
                </c:pt>
                <c:pt idx="5914">
                  <c:v>0.61165805605753454</c:v>
                </c:pt>
                <c:pt idx="5915">
                  <c:v>0.61145699404557086</c:v>
                </c:pt>
                <c:pt idx="5916">
                  <c:v>0.61129902097016897</c:v>
                </c:pt>
                <c:pt idx="5917">
                  <c:v>0.61118830622234355</c:v>
                </c:pt>
                <c:pt idx="5918">
                  <c:v>0.61115748564142325</c:v>
                </c:pt>
                <c:pt idx="5919">
                  <c:v>0.61120670883751516</c:v>
                </c:pt>
                <c:pt idx="5920">
                  <c:v>0.61133890828311699</c:v>
                </c:pt>
                <c:pt idx="5921">
                  <c:v>0.61155608880269297</c:v>
                </c:pt>
                <c:pt idx="5922">
                  <c:v>0.61186315778752531</c:v>
                </c:pt>
                <c:pt idx="5923">
                  <c:v>0.6122537415692284</c:v>
                </c:pt>
                <c:pt idx="5924">
                  <c:v>0.61272727169476171</c:v>
                </c:pt>
                <c:pt idx="5925">
                  <c:v>0.61327249717355581</c:v>
                </c:pt>
                <c:pt idx="5926">
                  <c:v>0.61388356302917557</c:v>
                </c:pt>
                <c:pt idx="5927">
                  <c:v>0.61454943766107784</c:v>
                </c:pt>
                <c:pt idx="5928">
                  <c:v>0.61525449134792121</c:v>
                </c:pt>
                <c:pt idx="5929">
                  <c:v>0.61598803166532645</c:v>
                </c:pt>
                <c:pt idx="5930">
                  <c:v>0.61673426931328501</c:v>
                </c:pt>
                <c:pt idx="5931">
                  <c:v>0.61747660696647333</c:v>
                </c:pt>
                <c:pt idx="5932">
                  <c:v>0.61820630718217706</c:v>
                </c:pt>
                <c:pt idx="5933">
                  <c:v>0.6188978257708917</c:v>
                </c:pt>
                <c:pt idx="5934">
                  <c:v>0.6195546237839159</c:v>
                </c:pt>
                <c:pt idx="5935">
                  <c:v>0.62017702046029344</c:v>
                </c:pt>
                <c:pt idx="5936">
                  <c:v>0.62074088788140525</c:v>
                </c:pt>
                <c:pt idx="5937">
                  <c:v>0.62124995641308489</c:v>
                </c:pt>
                <c:pt idx="5938">
                  <c:v>0.62168527500594961</c:v>
                </c:pt>
                <c:pt idx="5939">
                  <c:v>0.62206267283424732</c:v>
                </c:pt>
                <c:pt idx="5940">
                  <c:v>0.6223727839457357</c:v>
                </c:pt>
                <c:pt idx="5941">
                  <c:v>0.62262363768854112</c:v>
                </c:pt>
                <c:pt idx="5942">
                  <c:v>0.62282344300828685</c:v>
                </c:pt>
                <c:pt idx="5943">
                  <c:v>0.62298997401061618</c:v>
                </c:pt>
                <c:pt idx="5944">
                  <c:v>0.62312456729964527</c:v>
                </c:pt>
                <c:pt idx="5945">
                  <c:v>0.62322866913364827</c:v>
                </c:pt>
                <c:pt idx="5946">
                  <c:v>0.62332425291496318</c:v>
                </c:pt>
                <c:pt idx="5947">
                  <c:v>0.62342366682941974</c:v>
                </c:pt>
                <c:pt idx="5948">
                  <c:v>0.62353373329401629</c:v>
                </c:pt>
                <c:pt idx="5949">
                  <c:v>0.62367030150183012</c:v>
                </c:pt>
                <c:pt idx="5950">
                  <c:v>0.62385434734553735</c:v>
                </c:pt>
                <c:pt idx="5951">
                  <c:v>0.62410573971741312</c:v>
                </c:pt>
                <c:pt idx="5952">
                  <c:v>0.62444596331523394</c:v>
                </c:pt>
                <c:pt idx="5953">
                  <c:v>0.62487459913264787</c:v>
                </c:pt>
                <c:pt idx="5954">
                  <c:v>0.62538004703436179</c:v>
                </c:pt>
                <c:pt idx="5955">
                  <c:v>0.62592362672026547</c:v>
                </c:pt>
                <c:pt idx="5956">
                  <c:v>0.62644098394604697</c:v>
                </c:pt>
                <c:pt idx="5957">
                  <c:v>0.62685522679721783</c:v>
                </c:pt>
                <c:pt idx="5958">
                  <c:v>0.62714143951209222</c:v>
                </c:pt>
                <c:pt idx="5959">
                  <c:v>0.62729431571186511</c:v>
                </c:pt>
                <c:pt idx="5960">
                  <c:v>0.62739464722408556</c:v>
                </c:pt>
                <c:pt idx="5961">
                  <c:v>0.62751964520228598</c:v>
                </c:pt>
                <c:pt idx="5962">
                  <c:v>0.62776221033269908</c:v>
                </c:pt>
                <c:pt idx="5963">
                  <c:v>0.62817495708279636</c:v>
                </c:pt>
                <c:pt idx="5964">
                  <c:v>0.62880625078055563</c:v>
                </c:pt>
                <c:pt idx="5965">
                  <c:v>0.62965589205477956</c:v>
                </c:pt>
                <c:pt idx="5966">
                  <c:v>0.6306670073299433</c:v>
                </c:pt>
                <c:pt idx="5967">
                  <c:v>0.63175997175367704</c:v>
                </c:pt>
                <c:pt idx="5968">
                  <c:v>0.63284979420173726</c:v>
                </c:pt>
                <c:pt idx="5969">
                  <c:v>0.63384591807022861</c:v>
                </c:pt>
                <c:pt idx="5970">
                  <c:v>0.63467043407959078</c:v>
                </c:pt>
                <c:pt idx="5971">
                  <c:v>0.63530074031795758</c:v>
                </c:pt>
                <c:pt idx="5972">
                  <c:v>0.63575369345662791</c:v>
                </c:pt>
                <c:pt idx="5973">
                  <c:v>0.63605656322647541</c:v>
                </c:pt>
                <c:pt idx="5974">
                  <c:v>0.63625417423740993</c:v>
                </c:pt>
                <c:pt idx="5975">
                  <c:v>0.63637083367870917</c:v>
                </c:pt>
                <c:pt idx="5976">
                  <c:v>0.63644860331672204</c:v>
                </c:pt>
                <c:pt idx="5977">
                  <c:v>0.63651081309502211</c:v>
                </c:pt>
                <c:pt idx="5978">
                  <c:v>0.63656353729836157</c:v>
                </c:pt>
                <c:pt idx="5979">
                  <c:v>0.63663683848856389</c:v>
                </c:pt>
                <c:pt idx="5980">
                  <c:v>0.63672518092823793</c:v>
                </c:pt>
                <c:pt idx="5981">
                  <c:v>0.63683720229278995</c:v>
                </c:pt>
                <c:pt idx="5982">
                  <c:v>0.63697371068924458</c:v>
                </c:pt>
                <c:pt idx="5983">
                  <c:v>0.63715306861340548</c:v>
                </c:pt>
                <c:pt idx="5984">
                  <c:v>0.63734192216279639</c:v>
                </c:pt>
                <c:pt idx="5985">
                  <c:v>0.63755762643670899</c:v>
                </c:pt>
                <c:pt idx="5986">
                  <c:v>0.63779269087950596</c:v>
                </c:pt>
                <c:pt idx="5987">
                  <c:v>0.63804242757164098</c:v>
                </c:pt>
                <c:pt idx="5988">
                  <c:v>0.63831059678462709</c:v>
                </c:pt>
                <c:pt idx="5989">
                  <c:v>0.63858106996058284</c:v>
                </c:pt>
                <c:pt idx="5990">
                  <c:v>0.63884118988832261</c:v>
                </c:pt>
                <c:pt idx="5991">
                  <c:v>0.63909964408605235</c:v>
                </c:pt>
                <c:pt idx="5992">
                  <c:v>0.6393266293379235</c:v>
                </c:pt>
                <c:pt idx="5993">
                  <c:v>0.63953400512520431</c:v>
                </c:pt>
                <c:pt idx="5994">
                  <c:v>0.63972061444127537</c:v>
                </c:pt>
                <c:pt idx="5995">
                  <c:v>0.63988611810997298</c:v>
                </c:pt>
                <c:pt idx="5996">
                  <c:v>0.64002919946430104</c:v>
                </c:pt>
                <c:pt idx="5997">
                  <c:v>0.64014805329612079</c:v>
                </c:pt>
                <c:pt idx="5998">
                  <c:v>0.6402310994072592</c:v>
                </c:pt>
                <c:pt idx="5999">
                  <c:v>0.64028558902620736</c:v>
                </c:pt>
                <c:pt idx="6000">
                  <c:v>0.6403102355550675</c:v>
                </c:pt>
                <c:pt idx="6001">
                  <c:v>0.64028559899476711</c:v>
                </c:pt>
                <c:pt idx="6002">
                  <c:v>0.64022448649343688</c:v>
                </c:pt>
                <c:pt idx="6003">
                  <c:v>0.64011606582173064</c:v>
                </c:pt>
                <c:pt idx="6004">
                  <c:v>0.63996204258389833</c:v>
                </c:pt>
                <c:pt idx="6005">
                  <c:v>0.63974903129191807</c:v>
                </c:pt>
                <c:pt idx="6006">
                  <c:v>0.63947639371283094</c:v>
                </c:pt>
                <c:pt idx="6007">
                  <c:v>0.6391631206885493</c:v>
                </c:pt>
                <c:pt idx="6008">
                  <c:v>0.6388197851841535</c:v>
                </c:pt>
                <c:pt idx="6009">
                  <c:v>0.63844169919838767</c:v>
                </c:pt>
                <c:pt idx="6010">
                  <c:v>0.6380498287370775</c:v>
                </c:pt>
                <c:pt idx="6011">
                  <c:v>0.63765953412531995</c:v>
                </c:pt>
                <c:pt idx="6012">
                  <c:v>0.63727872517023243</c:v>
                </c:pt>
                <c:pt idx="6013">
                  <c:v>0.63690733192847726</c:v>
                </c:pt>
                <c:pt idx="6014">
                  <c:v>0.63654094576360287</c:v>
                </c:pt>
                <c:pt idx="6015">
                  <c:v>0.63617306349765501</c:v>
                </c:pt>
                <c:pt idx="6016">
                  <c:v>0.63579095789440054</c:v>
                </c:pt>
                <c:pt idx="6017">
                  <c:v>0.63537251582824483</c:v>
                </c:pt>
                <c:pt idx="6018">
                  <c:v>0.63491122415267331</c:v>
                </c:pt>
                <c:pt idx="6019">
                  <c:v>0.63441430427220735</c:v>
                </c:pt>
                <c:pt idx="6020">
                  <c:v>0.63389484253636297</c:v>
                </c:pt>
                <c:pt idx="6021">
                  <c:v>0.63339082095580357</c:v>
                </c:pt>
                <c:pt idx="6022">
                  <c:v>0.63292361449243772</c:v>
                </c:pt>
                <c:pt idx="6023">
                  <c:v>0.63250158170199589</c:v>
                </c:pt>
                <c:pt idx="6024">
                  <c:v>0.63210895322158911</c:v>
                </c:pt>
                <c:pt idx="6025">
                  <c:v>0.63174305576127621</c:v>
                </c:pt>
                <c:pt idx="6026">
                  <c:v>0.631388189983216</c:v>
                </c:pt>
                <c:pt idx="6027">
                  <c:v>0.6310234296741124</c:v>
                </c:pt>
                <c:pt idx="6028">
                  <c:v>0.63064048613986345</c:v>
                </c:pt>
                <c:pt idx="6029">
                  <c:v>0.63022195435666895</c:v>
                </c:pt>
                <c:pt idx="6030">
                  <c:v>0.62976492170744158</c:v>
                </c:pt>
                <c:pt idx="6031">
                  <c:v>0.62929123200324111</c:v>
                </c:pt>
                <c:pt idx="6032">
                  <c:v>0.62879848143208039</c:v>
                </c:pt>
                <c:pt idx="6033">
                  <c:v>0.62827454111644654</c:v>
                </c:pt>
                <c:pt idx="6034">
                  <c:v>0.62771844369748608</c:v>
                </c:pt>
                <c:pt idx="6035">
                  <c:v>0.62711768132899237</c:v>
                </c:pt>
                <c:pt idx="6036">
                  <c:v>0.62650764288871397</c:v>
                </c:pt>
                <c:pt idx="6037">
                  <c:v>0.62587298782525491</c:v>
                </c:pt>
                <c:pt idx="6038">
                  <c:v>0.62519641080041333</c:v>
                </c:pt>
                <c:pt idx="6039">
                  <c:v>0.62448492371553443</c:v>
                </c:pt>
                <c:pt idx="6040">
                  <c:v>0.62373985304275514</c:v>
                </c:pt>
                <c:pt idx="6041">
                  <c:v>0.62295848594473302</c:v>
                </c:pt>
                <c:pt idx="6042">
                  <c:v>0.62214521103909004</c:v>
                </c:pt>
                <c:pt idx="6043">
                  <c:v>0.62128905661835176</c:v>
                </c:pt>
                <c:pt idx="6044">
                  <c:v>0.62040711859925357</c:v>
                </c:pt>
                <c:pt idx="6045">
                  <c:v>0.61949594589905688</c:v>
                </c:pt>
                <c:pt idx="6046">
                  <c:v>0.61854236245120664</c:v>
                </c:pt>
                <c:pt idx="6047">
                  <c:v>0.6175811785484322</c:v>
                </c:pt>
                <c:pt idx="6048">
                  <c:v>0.61664770332000307</c:v>
                </c:pt>
                <c:pt idx="6049">
                  <c:v>0.61576873764764184</c:v>
                </c:pt>
                <c:pt idx="6050">
                  <c:v>0.61499156976460456</c:v>
                </c:pt>
                <c:pt idx="6051">
                  <c:v>0.61431522209834921</c:v>
                </c:pt>
                <c:pt idx="6052">
                  <c:v>0.61372037451764982</c:v>
                </c:pt>
                <c:pt idx="6053">
                  <c:v>0.61316359882807159</c:v>
                </c:pt>
                <c:pt idx="6054">
                  <c:v>0.61259062488240212</c:v>
                </c:pt>
                <c:pt idx="6055">
                  <c:v>0.61195457340346804</c:v>
                </c:pt>
                <c:pt idx="6056">
                  <c:v>0.6112103506302432</c:v>
                </c:pt>
                <c:pt idx="6057">
                  <c:v>0.61032787398207466</c:v>
                </c:pt>
                <c:pt idx="6058">
                  <c:v>0.60930770210686203</c:v>
                </c:pt>
                <c:pt idx="6059">
                  <c:v>0.60820096317614392</c:v>
                </c:pt>
                <c:pt idx="6060">
                  <c:v>0.60706385249482764</c:v>
                </c:pt>
                <c:pt idx="6061">
                  <c:v>0.60596154221939014</c:v>
                </c:pt>
                <c:pt idx="6062">
                  <c:v>0.60495894499691438</c:v>
                </c:pt>
                <c:pt idx="6063">
                  <c:v>0.60406474859073467</c:v>
                </c:pt>
                <c:pt idx="6064">
                  <c:v>0.60326387171372076</c:v>
                </c:pt>
                <c:pt idx="6065">
                  <c:v>0.6025258828856247</c:v>
                </c:pt>
                <c:pt idx="6066">
                  <c:v>0.60181949259466538</c:v>
                </c:pt>
                <c:pt idx="6067">
                  <c:v>0.60111446881350139</c:v>
                </c:pt>
                <c:pt idx="6068">
                  <c:v>0.60040923561087101</c:v>
                </c:pt>
                <c:pt idx="6069">
                  <c:v>0.59969955381584028</c:v>
                </c:pt>
                <c:pt idx="6070">
                  <c:v>0.59898025685457068</c:v>
                </c:pt>
                <c:pt idx="6071">
                  <c:v>0.59826438098865065</c:v>
                </c:pt>
                <c:pt idx="6072">
                  <c:v>0.59755771149630577</c:v>
                </c:pt>
                <c:pt idx="6073">
                  <c:v>0.59687139951908808</c:v>
                </c:pt>
                <c:pt idx="6074">
                  <c:v>0.59618248427697662</c:v>
                </c:pt>
                <c:pt idx="6075">
                  <c:v>0.59549198305333384</c:v>
                </c:pt>
                <c:pt idx="6076">
                  <c:v>0.59477798242059987</c:v>
                </c:pt>
                <c:pt idx="6077">
                  <c:v>0.59405878514492894</c:v>
                </c:pt>
                <c:pt idx="6078">
                  <c:v>0.59331334547201597</c:v>
                </c:pt>
                <c:pt idx="6079">
                  <c:v>0.59252573446030521</c:v>
                </c:pt>
                <c:pt idx="6080">
                  <c:v>0.59170703355313881</c:v>
                </c:pt>
                <c:pt idx="6081">
                  <c:v>0.59085286401974524</c:v>
                </c:pt>
                <c:pt idx="6082">
                  <c:v>0.58996780404380267</c:v>
                </c:pt>
                <c:pt idx="6083">
                  <c:v>0.5890513449836301</c:v>
                </c:pt>
                <c:pt idx="6084">
                  <c:v>0.58812138064929875</c:v>
                </c:pt>
                <c:pt idx="6085">
                  <c:v>0.58719406950437003</c:v>
                </c:pt>
                <c:pt idx="6086">
                  <c:v>0.58624133387436461</c:v>
                </c:pt>
                <c:pt idx="6087">
                  <c:v>0.58525549355587958</c:v>
                </c:pt>
                <c:pt idx="6088">
                  <c:v>0.58423497253594348</c:v>
                </c:pt>
                <c:pt idx="6089">
                  <c:v>0.58317651420044436</c:v>
                </c:pt>
                <c:pt idx="6090">
                  <c:v>0.58209529960382045</c:v>
                </c:pt>
                <c:pt idx="6091">
                  <c:v>0.5809935079141112</c:v>
                </c:pt>
                <c:pt idx="6092">
                  <c:v>0.57989580572803168</c:v>
                </c:pt>
                <c:pt idx="6093">
                  <c:v>0.57883849947206878</c:v>
                </c:pt>
                <c:pt idx="6094">
                  <c:v>0.57786216463298035</c:v>
                </c:pt>
                <c:pt idx="6095">
                  <c:v>0.576974800587846</c:v>
                </c:pt>
                <c:pt idx="6096">
                  <c:v>0.57617606323341863</c:v>
                </c:pt>
                <c:pt idx="6097">
                  <c:v>0.57543538132533878</c:v>
                </c:pt>
                <c:pt idx="6098">
                  <c:v>0.57475872946275974</c:v>
                </c:pt>
                <c:pt idx="6099">
                  <c:v>0.57413983880242236</c:v>
                </c:pt>
                <c:pt idx="6100">
                  <c:v>0.57354550986464781</c:v>
                </c:pt>
                <c:pt idx="6101">
                  <c:v>0.57297716399448184</c:v>
                </c:pt>
                <c:pt idx="6102">
                  <c:v>0.57241985968524789</c:v>
                </c:pt>
                <c:pt idx="6103">
                  <c:v>0.57185502975882718</c:v>
                </c:pt>
                <c:pt idx="6104">
                  <c:v>0.57127922810041909</c:v>
                </c:pt>
                <c:pt idx="6105">
                  <c:v>0.57067349354500407</c:v>
                </c:pt>
                <c:pt idx="6106">
                  <c:v>0.57003109843409905</c:v>
                </c:pt>
                <c:pt idx="6107">
                  <c:v>0.56935176348460881</c:v>
                </c:pt>
                <c:pt idx="6108">
                  <c:v>0.56863198272951909</c:v>
                </c:pt>
                <c:pt idx="6109">
                  <c:v>0.56785865491549947</c:v>
                </c:pt>
                <c:pt idx="6110">
                  <c:v>0.56704118582000629</c:v>
                </c:pt>
                <c:pt idx="6111">
                  <c:v>0.56618227846707037</c:v>
                </c:pt>
                <c:pt idx="6112">
                  <c:v>0.56530262456370239</c:v>
                </c:pt>
                <c:pt idx="6113">
                  <c:v>0.56440391475314133</c:v>
                </c:pt>
                <c:pt idx="6114">
                  <c:v>0.56351976243908664</c:v>
                </c:pt>
                <c:pt idx="6115">
                  <c:v>0.56263483711224072</c:v>
                </c:pt>
                <c:pt idx="6116">
                  <c:v>0.561735214647341</c:v>
                </c:pt>
                <c:pt idx="6117">
                  <c:v>0.56082176280752294</c:v>
                </c:pt>
                <c:pt idx="6118">
                  <c:v>0.55990074545993684</c:v>
                </c:pt>
                <c:pt idx="6119">
                  <c:v>0.55898395223239339</c:v>
                </c:pt>
                <c:pt idx="6120">
                  <c:v>0.55809265831949306</c:v>
                </c:pt>
                <c:pt idx="6121">
                  <c:v>0.55725156507717533</c:v>
                </c:pt>
                <c:pt idx="6122">
                  <c:v>0.55647912497158192</c:v>
                </c:pt>
                <c:pt idx="6123">
                  <c:v>0.55577632547027633</c:v>
                </c:pt>
                <c:pt idx="6124">
                  <c:v>0.55513465848913013</c:v>
                </c:pt>
                <c:pt idx="6125">
                  <c:v>0.5544987516605363</c:v>
                </c:pt>
                <c:pt idx="6126">
                  <c:v>0.55386985677414236</c:v>
                </c:pt>
                <c:pt idx="6127">
                  <c:v>0.55325886078015118</c:v>
                </c:pt>
                <c:pt idx="6128">
                  <c:v>0.55262306865536326</c:v>
                </c:pt>
                <c:pt idx="6129">
                  <c:v>0.55196474457838929</c:v>
                </c:pt>
                <c:pt idx="6130">
                  <c:v>0.55128812264600269</c:v>
                </c:pt>
                <c:pt idx="6131">
                  <c:v>0.5505962898924045</c:v>
                </c:pt>
                <c:pt idx="6132">
                  <c:v>0.54992295448798023</c:v>
                </c:pt>
                <c:pt idx="6133">
                  <c:v>0.54929274299178688</c:v>
                </c:pt>
                <c:pt idx="6134">
                  <c:v>0.54869091338273812</c:v>
                </c:pt>
                <c:pt idx="6135">
                  <c:v>0.54814515432452127</c:v>
                </c:pt>
                <c:pt idx="6136">
                  <c:v>0.54761420710816411</c:v>
                </c:pt>
                <c:pt idx="6137">
                  <c:v>0.5470597205349379</c:v>
                </c:pt>
                <c:pt idx="6138">
                  <c:v>0.54643931378738153</c:v>
                </c:pt>
                <c:pt idx="6139">
                  <c:v>0.5457429876073765</c:v>
                </c:pt>
                <c:pt idx="6140">
                  <c:v>0.54497095146541485</c:v>
                </c:pt>
                <c:pt idx="6141">
                  <c:v>0.54412687590780029</c:v>
                </c:pt>
                <c:pt idx="6142">
                  <c:v>0.54321751852320821</c:v>
                </c:pt>
                <c:pt idx="6143">
                  <c:v>0.542291179884832</c:v>
                </c:pt>
                <c:pt idx="6144">
                  <c:v>0.54142647995701132</c:v>
                </c:pt>
                <c:pt idx="6145">
                  <c:v>0.54068977530004048</c:v>
                </c:pt>
                <c:pt idx="6146">
                  <c:v>0.54012515982022091</c:v>
                </c:pt>
                <c:pt idx="6147">
                  <c:v>0.5397085979388474</c:v>
                </c:pt>
                <c:pt idx="6148">
                  <c:v>0.53938639297871183</c:v>
                </c:pt>
                <c:pt idx="6149">
                  <c:v>0.53910089097312952</c:v>
                </c:pt>
                <c:pt idx="6150">
                  <c:v>0.53878370059897851</c:v>
                </c:pt>
                <c:pt idx="6151">
                  <c:v>0.53838265873576219</c:v>
                </c:pt>
                <c:pt idx="6152">
                  <c:v>0.53789171097865152</c:v>
                </c:pt>
                <c:pt idx="6153">
                  <c:v>0.53731944021682865</c:v>
                </c:pt>
                <c:pt idx="6154">
                  <c:v>0.5367168500638595</c:v>
                </c:pt>
                <c:pt idx="6155">
                  <c:v>0.53613709359177297</c:v>
                </c:pt>
                <c:pt idx="6156">
                  <c:v>0.53563072555930047</c:v>
                </c:pt>
                <c:pt idx="6157">
                  <c:v>0.5352301499958988</c:v>
                </c:pt>
                <c:pt idx="6158">
                  <c:v>0.53493507265746232</c:v>
                </c:pt>
                <c:pt idx="6159">
                  <c:v>0.53472105898593381</c:v>
                </c:pt>
                <c:pt idx="6160">
                  <c:v>0.53452535066257978</c:v>
                </c:pt>
                <c:pt idx="6161">
                  <c:v>0.53432757266192565</c:v>
                </c:pt>
                <c:pt idx="6162">
                  <c:v>0.53409418390952779</c:v>
                </c:pt>
                <c:pt idx="6163">
                  <c:v>0.53382136672477321</c:v>
                </c:pt>
                <c:pt idx="6164">
                  <c:v>0.53352091572792348</c:v>
                </c:pt>
                <c:pt idx="6165">
                  <c:v>0.53319536438761161</c:v>
                </c:pt>
                <c:pt idx="6166">
                  <c:v>0.53287748828276471</c:v>
                </c:pt>
                <c:pt idx="6167">
                  <c:v>0.53258367767864467</c:v>
                </c:pt>
                <c:pt idx="6168">
                  <c:v>0.53231091535365316</c:v>
                </c:pt>
                <c:pt idx="6169">
                  <c:v>0.53205281276010308</c:v>
                </c:pt>
                <c:pt idx="6170">
                  <c:v>0.53179990428466639</c:v>
                </c:pt>
                <c:pt idx="6171">
                  <c:v>0.53153691179383955</c:v>
                </c:pt>
                <c:pt idx="6172">
                  <c:v>0.53124619571668219</c:v>
                </c:pt>
                <c:pt idx="6173">
                  <c:v>0.53091736782513876</c:v>
                </c:pt>
                <c:pt idx="6174">
                  <c:v>0.53053669847891505</c:v>
                </c:pt>
                <c:pt idx="6175">
                  <c:v>0.53008998426965337</c:v>
                </c:pt>
                <c:pt idx="6176">
                  <c:v>0.52958696760163715</c:v>
                </c:pt>
                <c:pt idx="6177">
                  <c:v>0.52903828608033732</c:v>
                </c:pt>
                <c:pt idx="6178">
                  <c:v>0.52846411272081428</c:v>
                </c:pt>
                <c:pt idx="6179">
                  <c:v>0.52789296905993122</c:v>
                </c:pt>
                <c:pt idx="6180">
                  <c:v>0.52734019556737444</c:v>
                </c:pt>
                <c:pt idx="6181">
                  <c:v>0.5268237160896303</c:v>
                </c:pt>
                <c:pt idx="6182">
                  <c:v>0.52634108191533735</c:v>
                </c:pt>
                <c:pt idx="6183">
                  <c:v>0.52588222149797637</c:v>
                </c:pt>
                <c:pt idx="6184">
                  <c:v>0.5254519898285227</c:v>
                </c:pt>
                <c:pt idx="6185">
                  <c:v>0.52504635729641524</c:v>
                </c:pt>
                <c:pt idx="6186">
                  <c:v>0.52465953878684723</c:v>
                </c:pt>
                <c:pt idx="6187">
                  <c:v>0.52430835349096661</c:v>
                </c:pt>
                <c:pt idx="6188">
                  <c:v>0.52400103517774443</c:v>
                </c:pt>
                <c:pt idx="6189">
                  <c:v>0.5237407432269795</c:v>
                </c:pt>
                <c:pt idx="6190">
                  <c:v>0.52353220046451932</c:v>
                </c:pt>
                <c:pt idx="6191">
                  <c:v>0.52335702175285614</c:v>
                </c:pt>
                <c:pt idx="6192">
                  <c:v>0.52321495025449627</c:v>
                </c:pt>
                <c:pt idx="6193">
                  <c:v>0.523101557371356</c:v>
                </c:pt>
                <c:pt idx="6194">
                  <c:v>0.52299797671327264</c:v>
                </c:pt>
                <c:pt idx="6195">
                  <c:v>0.52290612334681696</c:v>
                </c:pt>
                <c:pt idx="6196">
                  <c:v>0.52282547860455142</c:v>
                </c:pt>
                <c:pt idx="6197">
                  <c:v>0.52274766406716444</c:v>
                </c:pt>
                <c:pt idx="6198">
                  <c:v>0.52267501123372939</c:v>
                </c:pt>
                <c:pt idx="6199">
                  <c:v>0.52260881177630425</c:v>
                </c:pt>
                <c:pt idx="6200">
                  <c:v>0.52254429548569803</c:v>
                </c:pt>
                <c:pt idx="6201">
                  <c:v>0.5224864894085951</c:v>
                </c:pt>
                <c:pt idx="6202">
                  <c:v>0.52243039642033262</c:v>
                </c:pt>
                <c:pt idx="6203">
                  <c:v>0.5223663663748318</c:v>
                </c:pt>
                <c:pt idx="6204">
                  <c:v>0.52229243184606955</c:v>
                </c:pt>
                <c:pt idx="6205">
                  <c:v>0.52221164995439651</c:v>
                </c:pt>
                <c:pt idx="6206">
                  <c:v>0.52210959536026291</c:v>
                </c:pt>
                <c:pt idx="6207">
                  <c:v>0.52197836094479377</c:v>
                </c:pt>
                <c:pt idx="6208">
                  <c:v>0.52181788435546428</c:v>
                </c:pt>
                <c:pt idx="6209">
                  <c:v>0.52162801598216713</c:v>
                </c:pt>
                <c:pt idx="6210">
                  <c:v>0.52140107062904828</c:v>
                </c:pt>
                <c:pt idx="6211">
                  <c:v>0.52113306355223687</c:v>
                </c:pt>
                <c:pt idx="6212">
                  <c:v>0.52082701572379753</c:v>
                </c:pt>
                <c:pt idx="6213">
                  <c:v>0.52049278549380396</c:v>
                </c:pt>
                <c:pt idx="6214">
                  <c:v>0.52012725589786268</c:v>
                </c:pt>
                <c:pt idx="6215">
                  <c:v>0.51974241729135939</c:v>
                </c:pt>
                <c:pt idx="6216">
                  <c:v>0.51934575290058838</c:v>
                </c:pt>
                <c:pt idx="6217">
                  <c:v>0.51895081905180862</c:v>
                </c:pt>
                <c:pt idx="6218">
                  <c:v>0.5185649431186008</c:v>
                </c:pt>
                <c:pt idx="6219">
                  <c:v>0.51819759819888389</c:v>
                </c:pt>
                <c:pt idx="6220">
                  <c:v>0.51785571767116678</c:v>
                </c:pt>
                <c:pt idx="6221">
                  <c:v>0.51754962620985068</c:v>
                </c:pt>
                <c:pt idx="6222">
                  <c:v>0.51727719552740625</c:v>
                </c:pt>
                <c:pt idx="6223">
                  <c:v>0.51704089178017432</c:v>
                </c:pt>
                <c:pt idx="6224">
                  <c:v>0.51684295668482205</c:v>
                </c:pt>
                <c:pt idx="6225">
                  <c:v>0.51668296011433346</c:v>
                </c:pt>
                <c:pt idx="6226">
                  <c:v>0.51654586828748583</c:v>
                </c:pt>
                <c:pt idx="6227">
                  <c:v>0.51643969056626027</c:v>
                </c:pt>
                <c:pt idx="6228">
                  <c:v>0.51634718886755027</c:v>
                </c:pt>
                <c:pt idx="6229">
                  <c:v>0.51626536466489281</c:v>
                </c:pt>
                <c:pt idx="6230">
                  <c:v>0.51619647463596563</c:v>
                </c:pt>
                <c:pt idx="6231">
                  <c:v>0.51612312858724396</c:v>
                </c:pt>
                <c:pt idx="6232">
                  <c:v>0.51605749018814873</c:v>
                </c:pt>
                <c:pt idx="6233">
                  <c:v>0.51599848096306777</c:v>
                </c:pt>
                <c:pt idx="6234">
                  <c:v>0.51592792522864328</c:v>
                </c:pt>
                <c:pt idx="6235">
                  <c:v>0.5158636632752196</c:v>
                </c:pt>
                <c:pt idx="6236">
                  <c:v>0.5158041653047224</c:v>
                </c:pt>
                <c:pt idx="6237">
                  <c:v>0.51574460001376232</c:v>
                </c:pt>
                <c:pt idx="6238">
                  <c:v>0.51569009667578802</c:v>
                </c:pt>
                <c:pt idx="6239">
                  <c:v>0.51564031492167706</c:v>
                </c:pt>
                <c:pt idx="6240">
                  <c:v>0.51558854454609693</c:v>
                </c:pt>
                <c:pt idx="6241">
                  <c:v>0.51553218723575023</c:v>
                </c:pt>
                <c:pt idx="6242">
                  <c:v>0.51548221971507491</c:v>
                </c:pt>
                <c:pt idx="6243">
                  <c:v>0.51543255266476984</c:v>
                </c:pt>
                <c:pt idx="6244">
                  <c:v>0.51537810543671403</c:v>
                </c:pt>
                <c:pt idx="6245">
                  <c:v>0.51531434095528195</c:v>
                </c:pt>
                <c:pt idx="6246">
                  <c:v>0.51523094205517606</c:v>
                </c:pt>
                <c:pt idx="6247">
                  <c:v>0.51513536702494933</c:v>
                </c:pt>
                <c:pt idx="6248">
                  <c:v>0.51502764329448336</c:v>
                </c:pt>
                <c:pt idx="6249">
                  <c:v>0.51489277448099668</c:v>
                </c:pt>
                <c:pt idx="6250">
                  <c:v>0.5147437571270862</c:v>
                </c:pt>
                <c:pt idx="6251">
                  <c:v>0.51457737450105057</c:v>
                </c:pt>
                <c:pt idx="6252">
                  <c:v>0.51439972964121738</c:v>
                </c:pt>
                <c:pt idx="6253">
                  <c:v>0.51421238851028861</c:v>
                </c:pt>
                <c:pt idx="6254">
                  <c:v>0.51401709661126616</c:v>
                </c:pt>
                <c:pt idx="6255">
                  <c:v>0.5138284463551287</c:v>
                </c:pt>
                <c:pt idx="6256">
                  <c:v>0.51364027610149021</c:v>
                </c:pt>
                <c:pt idx="6257">
                  <c:v>0.51346693016675327</c:v>
                </c:pt>
                <c:pt idx="6258">
                  <c:v>0.51330409839893532</c:v>
                </c:pt>
                <c:pt idx="6259">
                  <c:v>0.51315585903392502</c:v>
                </c:pt>
                <c:pt idx="6260">
                  <c:v>0.51302946589857601</c:v>
                </c:pt>
                <c:pt idx="6261">
                  <c:v>0.51291543591006761</c:v>
                </c:pt>
                <c:pt idx="6262">
                  <c:v>0.51282507369308938</c:v>
                </c:pt>
                <c:pt idx="6263">
                  <c:v>0.51275978563984748</c:v>
                </c:pt>
                <c:pt idx="6264">
                  <c:v>0.51271320564008538</c:v>
                </c:pt>
                <c:pt idx="6265">
                  <c:v>0.51268237631624769</c:v>
                </c:pt>
                <c:pt idx="6266">
                  <c:v>0.51266490757537375</c:v>
                </c:pt>
                <c:pt idx="6267">
                  <c:v>0.51265189485429441</c:v>
                </c:pt>
                <c:pt idx="6268">
                  <c:v>0.51261921903450425</c:v>
                </c:pt>
                <c:pt idx="6269">
                  <c:v>0.51255476758039176</c:v>
                </c:pt>
                <c:pt idx="6270">
                  <c:v>0.51242998653276162</c:v>
                </c:pt>
                <c:pt idx="6271">
                  <c:v>0.51223138690215964</c:v>
                </c:pt>
                <c:pt idx="6272">
                  <c:v>0.51195592153679537</c:v>
                </c:pt>
                <c:pt idx="6273">
                  <c:v>0.51160066173915031</c:v>
                </c:pt>
                <c:pt idx="6274">
                  <c:v>0.51118925158499795</c:v>
                </c:pt>
                <c:pt idx="6275">
                  <c:v>0.51075197555918295</c:v>
                </c:pt>
                <c:pt idx="6276">
                  <c:v>0.51030826486883529</c:v>
                </c:pt>
                <c:pt idx="6277">
                  <c:v>0.50988811160949965</c:v>
                </c:pt>
                <c:pt idx="6278">
                  <c:v>0.5095133364521035</c:v>
                </c:pt>
                <c:pt idx="6279">
                  <c:v>0.50920085706409268</c:v>
                </c:pt>
                <c:pt idx="6280">
                  <c:v>0.50894536338156326</c:v>
                </c:pt>
                <c:pt idx="6281">
                  <c:v>0.50875332995962952</c:v>
                </c:pt>
                <c:pt idx="6282">
                  <c:v>0.50861993422964824</c:v>
                </c:pt>
                <c:pt idx="6283">
                  <c:v>0.50853774159882359</c:v>
                </c:pt>
                <c:pt idx="6284">
                  <c:v>0.50850441184150685</c:v>
                </c:pt>
                <c:pt idx="6285">
                  <c:v>0.50852211811191772</c:v>
                </c:pt>
                <c:pt idx="6286">
                  <c:v>0.50857954143717687</c:v>
                </c:pt>
                <c:pt idx="6287">
                  <c:v>0.50866705973842119</c:v>
                </c:pt>
                <c:pt idx="6288">
                  <c:v>0.50877896770651942</c:v>
                </c:pt>
                <c:pt idx="6289">
                  <c:v>0.50889673682012071</c:v>
                </c:pt>
                <c:pt idx="6290">
                  <c:v>0.50902152348936491</c:v>
                </c:pt>
                <c:pt idx="6291">
                  <c:v>0.50913740123215245</c:v>
                </c:pt>
                <c:pt idx="6292">
                  <c:v>0.50924654756599042</c:v>
                </c:pt>
                <c:pt idx="6293">
                  <c:v>0.50932772158158768</c:v>
                </c:pt>
                <c:pt idx="6294">
                  <c:v>0.50938377530843204</c:v>
                </c:pt>
                <c:pt idx="6295">
                  <c:v>0.50940833891031356</c:v>
                </c:pt>
                <c:pt idx="6296">
                  <c:v>0.50938384451638452</c:v>
                </c:pt>
                <c:pt idx="6297">
                  <c:v>0.50931989364739594</c:v>
                </c:pt>
                <c:pt idx="6298">
                  <c:v>0.50920076927539837</c:v>
                </c:pt>
                <c:pt idx="6299">
                  <c:v>0.50904312352011061</c:v>
                </c:pt>
                <c:pt idx="6300">
                  <c:v>0.50887113160178554</c:v>
                </c:pt>
                <c:pt idx="6301">
                  <c:v>0.50870266247446239</c:v>
                </c:pt>
                <c:pt idx="6302">
                  <c:v>0.50856595777091707</c:v>
                </c:pt>
                <c:pt idx="6303">
                  <c:v>0.50846166208110866</c:v>
                </c:pt>
                <c:pt idx="6304">
                  <c:v>0.50840636827719254</c:v>
                </c:pt>
                <c:pt idx="6305">
                  <c:v>0.50839556735892966</c:v>
                </c:pt>
                <c:pt idx="6306">
                  <c:v>0.50840957752430316</c:v>
                </c:pt>
                <c:pt idx="6307">
                  <c:v>0.50843336437926911</c:v>
                </c:pt>
                <c:pt idx="6308">
                  <c:v>0.50845305615801673</c:v>
                </c:pt>
                <c:pt idx="6309">
                  <c:v>0.50844893053878482</c:v>
                </c:pt>
                <c:pt idx="6310">
                  <c:v>0.5084201422040393</c:v>
                </c:pt>
                <c:pt idx="6311">
                  <c:v>0.50836609082586126</c:v>
                </c:pt>
                <c:pt idx="6312">
                  <c:v>0.50828210469587032</c:v>
                </c:pt>
                <c:pt idx="6313">
                  <c:v>0.50817975087335099</c:v>
                </c:pt>
                <c:pt idx="6314">
                  <c:v>0.50806249668979464</c:v>
                </c:pt>
                <c:pt idx="6315">
                  <c:v>0.50792069137649587</c:v>
                </c:pt>
                <c:pt idx="6316">
                  <c:v>0.50775831281290984</c:v>
                </c:pt>
                <c:pt idx="6317">
                  <c:v>0.50755971443082926</c:v>
                </c:pt>
                <c:pt idx="6318">
                  <c:v>0.50731782881138421</c:v>
                </c:pt>
                <c:pt idx="6319">
                  <c:v>0.50703926704872648</c:v>
                </c:pt>
                <c:pt idx="6320">
                  <c:v>0.50672470988927176</c:v>
                </c:pt>
                <c:pt idx="6321">
                  <c:v>0.50640117273815077</c:v>
                </c:pt>
                <c:pt idx="6322">
                  <c:v>0.50609635112428342</c:v>
                </c:pt>
                <c:pt idx="6323">
                  <c:v>0.50584186483990035</c:v>
                </c:pt>
                <c:pt idx="6324">
                  <c:v>0.50565614889635846</c:v>
                </c:pt>
                <c:pt idx="6325">
                  <c:v>0.50554797569333365</c:v>
                </c:pt>
                <c:pt idx="6326">
                  <c:v>0.50552229809753424</c:v>
                </c:pt>
                <c:pt idx="6327">
                  <c:v>0.50555898359730267</c:v>
                </c:pt>
                <c:pt idx="6328">
                  <c:v>0.50563769022029414</c:v>
                </c:pt>
                <c:pt idx="6329">
                  <c:v>0.50572997062596337</c:v>
                </c:pt>
                <c:pt idx="6330">
                  <c:v>0.50581525717338083</c:v>
                </c:pt>
                <c:pt idx="6331">
                  <c:v>0.50587869251257667</c:v>
                </c:pt>
                <c:pt idx="6332">
                  <c:v>0.50591796385105225</c:v>
                </c:pt>
                <c:pt idx="6333">
                  <c:v>0.50593973028320893</c:v>
                </c:pt>
                <c:pt idx="6334">
                  <c:v>0.50594799462460938</c:v>
                </c:pt>
                <c:pt idx="6335">
                  <c:v>0.50594682015503412</c:v>
                </c:pt>
                <c:pt idx="6336">
                  <c:v>0.50594279365842221</c:v>
                </c:pt>
                <c:pt idx="6337">
                  <c:v>0.50594862987925715</c:v>
                </c:pt>
                <c:pt idx="6338">
                  <c:v>0.50595658751013228</c:v>
                </c:pt>
                <c:pt idx="6339">
                  <c:v>0.5059767137930743</c:v>
                </c:pt>
                <c:pt idx="6340">
                  <c:v>0.50600805119479753</c:v>
                </c:pt>
                <c:pt idx="6341">
                  <c:v>0.5060423509648927</c:v>
                </c:pt>
                <c:pt idx="6342">
                  <c:v>0.50607968541790771</c:v>
                </c:pt>
                <c:pt idx="6343">
                  <c:v>0.50611825169730362</c:v>
                </c:pt>
                <c:pt idx="6344">
                  <c:v>0.50616706906842124</c:v>
                </c:pt>
                <c:pt idx="6345">
                  <c:v>0.50620825485002408</c:v>
                </c:pt>
                <c:pt idx="6346">
                  <c:v>0.50624948052792795</c:v>
                </c:pt>
                <c:pt idx="6347">
                  <c:v>0.50628898626238072</c:v>
                </c:pt>
                <c:pt idx="6348">
                  <c:v>0.50632605577231926</c:v>
                </c:pt>
                <c:pt idx="6349">
                  <c:v>0.50635257184493276</c:v>
                </c:pt>
                <c:pt idx="6350">
                  <c:v>0.50637242882151046</c:v>
                </c:pt>
                <c:pt idx="6351">
                  <c:v>0.50637089153721115</c:v>
                </c:pt>
                <c:pt idx="6352">
                  <c:v>0.50635679660230948</c:v>
                </c:pt>
                <c:pt idx="6353">
                  <c:v>0.50633163268313119</c:v>
                </c:pt>
                <c:pt idx="6354">
                  <c:v>0.5062829848853877</c:v>
                </c:pt>
                <c:pt idx="6355">
                  <c:v>0.50620964008600433</c:v>
                </c:pt>
                <c:pt idx="6356">
                  <c:v>0.50611105717684446</c:v>
                </c:pt>
                <c:pt idx="6357">
                  <c:v>0.50598758712965608</c:v>
                </c:pt>
                <c:pt idx="6358">
                  <c:v>0.50585886249441658</c:v>
                </c:pt>
                <c:pt idx="6359">
                  <c:v>0.50572305672618378</c:v>
                </c:pt>
                <c:pt idx="6360">
                  <c:v>0.50558341521381744</c:v>
                </c:pt>
                <c:pt idx="6361">
                  <c:v>0.50545818033851175</c:v>
                </c:pt>
                <c:pt idx="6362">
                  <c:v>0.50534221969652693</c:v>
                </c:pt>
                <c:pt idx="6363">
                  <c:v>0.50523865399945422</c:v>
                </c:pt>
                <c:pt idx="6364">
                  <c:v>0.5051487649442552</c:v>
                </c:pt>
                <c:pt idx="6365">
                  <c:v>0.50506510858239528</c:v>
                </c:pt>
                <c:pt idx="6366">
                  <c:v>0.50498840555822544</c:v>
                </c:pt>
                <c:pt idx="6367">
                  <c:v>0.5049154799907124</c:v>
                </c:pt>
                <c:pt idx="6368">
                  <c:v>0.50484943607060218</c:v>
                </c:pt>
                <c:pt idx="6369">
                  <c:v>0.50478801991549938</c:v>
                </c:pt>
                <c:pt idx="6370">
                  <c:v>0.50472749427962982</c:v>
                </c:pt>
                <c:pt idx="6371">
                  <c:v>0.5046656152548773</c:v>
                </c:pt>
                <c:pt idx="6372">
                  <c:v>0.50460012054440151</c:v>
                </c:pt>
                <c:pt idx="6373">
                  <c:v>0.50452630383502872</c:v>
                </c:pt>
                <c:pt idx="6374">
                  <c:v>0.5044377101925489</c:v>
                </c:pt>
                <c:pt idx="6375">
                  <c:v>0.50433983608231281</c:v>
                </c:pt>
                <c:pt idx="6376">
                  <c:v>0.50423061183682572</c:v>
                </c:pt>
                <c:pt idx="6377">
                  <c:v>0.50410586320907658</c:v>
                </c:pt>
                <c:pt idx="6378">
                  <c:v>0.50396855319006395</c:v>
                </c:pt>
                <c:pt idx="6379">
                  <c:v>0.50382677250155927</c:v>
                </c:pt>
                <c:pt idx="6380">
                  <c:v>0.50367732125954434</c:v>
                </c:pt>
                <c:pt idx="6381">
                  <c:v>0.50352475865840818</c:v>
                </c:pt>
                <c:pt idx="6382">
                  <c:v>0.50338187674391321</c:v>
                </c:pt>
                <c:pt idx="6383">
                  <c:v>0.50324786728565374</c:v>
                </c:pt>
                <c:pt idx="6384">
                  <c:v>0.50312466155728131</c:v>
                </c:pt>
                <c:pt idx="6385">
                  <c:v>0.50302102261090398</c:v>
                </c:pt>
                <c:pt idx="6386">
                  <c:v>0.5029485711342071</c:v>
                </c:pt>
                <c:pt idx="6387">
                  <c:v>0.50290559030095727</c:v>
                </c:pt>
                <c:pt idx="6388">
                  <c:v>0.50289344253710899</c:v>
                </c:pt>
                <c:pt idx="6389">
                  <c:v>0.50291166497464668</c:v>
                </c:pt>
                <c:pt idx="6390">
                  <c:v>0.50296518959451164</c:v>
                </c:pt>
                <c:pt idx="6391">
                  <c:v>0.50305717482213541</c:v>
                </c:pt>
                <c:pt idx="6392">
                  <c:v>0.50318538267497548</c:v>
                </c:pt>
                <c:pt idx="6393">
                  <c:v>0.50333833646609627</c:v>
                </c:pt>
                <c:pt idx="6394">
                  <c:v>0.50351135824696236</c:v>
                </c:pt>
                <c:pt idx="6395">
                  <c:v>0.50370978583084347</c:v>
                </c:pt>
                <c:pt idx="6396">
                  <c:v>0.50392889170666844</c:v>
                </c:pt>
                <c:pt idx="6397">
                  <c:v>0.50415897960415901</c:v>
                </c:pt>
                <c:pt idx="6398">
                  <c:v>0.50438645080534705</c:v>
                </c:pt>
                <c:pt idx="6399">
                  <c:v>0.50460376192939904</c:v>
                </c:pt>
                <c:pt idx="6400">
                  <c:v>0.50481300727023826</c:v>
                </c:pt>
                <c:pt idx="6401">
                  <c:v>0.50500820006134828</c:v>
                </c:pt>
                <c:pt idx="6402">
                  <c:v>0.50517579644370725</c:v>
                </c:pt>
                <c:pt idx="6403">
                  <c:v>0.50531777413546752</c:v>
                </c:pt>
                <c:pt idx="6404">
                  <c:v>0.50542836362506993</c:v>
                </c:pt>
                <c:pt idx="6405">
                  <c:v>0.50551395314153424</c:v>
                </c:pt>
                <c:pt idx="6406">
                  <c:v>0.50556563874840332</c:v>
                </c:pt>
                <c:pt idx="6407">
                  <c:v>0.50559231191571496</c:v>
                </c:pt>
                <c:pt idx="6408">
                  <c:v>0.50558702865579785</c:v>
                </c:pt>
                <c:pt idx="6409">
                  <c:v>0.50555840676903785</c:v>
                </c:pt>
                <c:pt idx="6410">
                  <c:v>0.50551327803144019</c:v>
                </c:pt>
                <c:pt idx="6411">
                  <c:v>0.5054566819593771</c:v>
                </c:pt>
                <c:pt idx="6412">
                  <c:v>0.50539531941633309</c:v>
                </c:pt>
                <c:pt idx="6413">
                  <c:v>0.50533479346833321</c:v>
                </c:pt>
                <c:pt idx="6414">
                  <c:v>0.50527888998647907</c:v>
                </c:pt>
                <c:pt idx="6415">
                  <c:v>0.50523691624578204</c:v>
                </c:pt>
                <c:pt idx="6416">
                  <c:v>0.50520777195500854</c:v>
                </c:pt>
                <c:pt idx="6417">
                  <c:v>0.50519753551788682</c:v>
                </c:pt>
                <c:pt idx="6418">
                  <c:v>0.50521160490304273</c:v>
                </c:pt>
                <c:pt idx="6419">
                  <c:v>0.50524872210273497</c:v>
                </c:pt>
                <c:pt idx="6420">
                  <c:v>0.50530996060012512</c:v>
                </c:pt>
                <c:pt idx="6421">
                  <c:v>0.50540001922951538</c:v>
                </c:pt>
                <c:pt idx="6422">
                  <c:v>0.50551592377628951</c:v>
                </c:pt>
                <c:pt idx="6423">
                  <c:v>0.5056545896869471</c:v>
                </c:pt>
                <c:pt idx="6424">
                  <c:v>0.50580962904296445</c:v>
                </c:pt>
                <c:pt idx="6425">
                  <c:v>0.50597943972109705</c:v>
                </c:pt>
                <c:pt idx="6426">
                  <c:v>0.50615405552125869</c:v>
                </c:pt>
                <c:pt idx="6427">
                  <c:v>0.50633366283672554</c:v>
                </c:pt>
                <c:pt idx="6428">
                  <c:v>0.506512480936406</c:v>
                </c:pt>
                <c:pt idx="6429">
                  <c:v>0.50669061267867876</c:v>
                </c:pt>
                <c:pt idx="6430">
                  <c:v>0.50685424801537515</c:v>
                </c:pt>
                <c:pt idx="6431">
                  <c:v>0.50698280621488556</c:v>
                </c:pt>
                <c:pt idx="6432">
                  <c:v>0.50706887200462702</c:v>
                </c:pt>
                <c:pt idx="6433">
                  <c:v>0.50708949014448323</c:v>
                </c:pt>
                <c:pt idx="6434">
                  <c:v>0.50703536146666017</c:v>
                </c:pt>
                <c:pt idx="6435">
                  <c:v>0.50688807090835997</c:v>
                </c:pt>
                <c:pt idx="6436">
                  <c:v>0.5066447471182477</c:v>
                </c:pt>
                <c:pt idx="6437">
                  <c:v>0.50633425573398205</c:v>
                </c:pt>
                <c:pt idx="6438">
                  <c:v>0.50599020455399035</c:v>
                </c:pt>
                <c:pt idx="6439">
                  <c:v>0.50565464337744714</c:v>
                </c:pt>
                <c:pt idx="6440">
                  <c:v>0.50536448461469019</c:v>
                </c:pt>
                <c:pt idx="6441">
                  <c:v>0.50514169573676437</c:v>
                </c:pt>
                <c:pt idx="6442">
                  <c:v>0.50499610112219873</c:v>
                </c:pt>
                <c:pt idx="6443">
                  <c:v>0.50493333251378703</c:v>
                </c:pt>
                <c:pt idx="6444">
                  <c:v>0.50494190574490516</c:v>
                </c:pt>
                <c:pt idx="6445">
                  <c:v>0.50499358480684275</c:v>
                </c:pt>
                <c:pt idx="6446">
                  <c:v>0.50505919953060829</c:v>
                </c:pt>
                <c:pt idx="6447">
                  <c:v>0.50513384100022019</c:v>
                </c:pt>
                <c:pt idx="6448">
                  <c:v>0.50519564024054153</c:v>
                </c:pt>
                <c:pt idx="6449">
                  <c:v>0.50525199195215287</c:v>
                </c:pt>
                <c:pt idx="6450">
                  <c:v>0.50530279857308569</c:v>
                </c:pt>
                <c:pt idx="6451">
                  <c:v>0.50535271685806327</c:v>
                </c:pt>
                <c:pt idx="6452">
                  <c:v>0.50540189642046129</c:v>
                </c:pt>
                <c:pt idx="6453">
                  <c:v>0.50545006546177584</c:v>
                </c:pt>
                <c:pt idx="6454">
                  <c:v>0.50549730813871341</c:v>
                </c:pt>
                <c:pt idx="6455">
                  <c:v>0.50554070759182923</c:v>
                </c:pt>
                <c:pt idx="6456">
                  <c:v>0.50557664377129508</c:v>
                </c:pt>
                <c:pt idx="6457">
                  <c:v>0.50560294726518673</c:v>
                </c:pt>
                <c:pt idx="6458">
                  <c:v>0.50561482791411982</c:v>
                </c:pt>
                <c:pt idx="6459">
                  <c:v>0.50561739630212754</c:v>
                </c:pt>
                <c:pt idx="6460">
                  <c:v>0.5056183594513074</c:v>
                </c:pt>
                <c:pt idx="6461">
                  <c:v>0.50561584094368528</c:v>
                </c:pt>
                <c:pt idx="6462">
                  <c:v>0.50560488853844776</c:v>
                </c:pt>
                <c:pt idx="6463">
                  <c:v>0.50557484780613593</c:v>
                </c:pt>
                <c:pt idx="6464">
                  <c:v>0.50549302734005419</c:v>
                </c:pt>
                <c:pt idx="6465">
                  <c:v>0.50534922841201835</c:v>
                </c:pt>
                <c:pt idx="6466">
                  <c:v>0.50513903334033461</c:v>
                </c:pt>
                <c:pt idx="6467">
                  <c:v>0.50488967478345625</c:v>
                </c:pt>
                <c:pt idx="6468">
                  <c:v>0.50466547921671912</c:v>
                </c:pt>
                <c:pt idx="6469">
                  <c:v>0.50451201394042633</c:v>
                </c:pt>
                <c:pt idx="6470">
                  <c:v>0.50445651628844912</c:v>
                </c:pt>
                <c:pt idx="6471">
                  <c:v>0.50446639677771365</c:v>
                </c:pt>
                <c:pt idx="6472">
                  <c:v>0.5044831302376126</c:v>
                </c:pt>
                <c:pt idx="6473">
                  <c:v>0.5044338213298819</c:v>
                </c:pt>
                <c:pt idx="6474">
                  <c:v>0.50430209318144825</c:v>
                </c:pt>
                <c:pt idx="6475">
                  <c:v>0.50411249224500176</c:v>
                </c:pt>
                <c:pt idx="6476">
                  <c:v>0.50391165369464919</c:v>
                </c:pt>
                <c:pt idx="6477">
                  <c:v>0.5037227275823134</c:v>
                </c:pt>
                <c:pt idx="6478">
                  <c:v>0.50356077292519863</c:v>
                </c:pt>
                <c:pt idx="6479">
                  <c:v>0.50343361487855609</c:v>
                </c:pt>
                <c:pt idx="6480">
                  <c:v>0.5033283086643956</c:v>
                </c:pt>
                <c:pt idx="6481">
                  <c:v>0.50324182520997229</c:v>
                </c:pt>
                <c:pt idx="6482">
                  <c:v>0.5031790350939841</c:v>
                </c:pt>
                <c:pt idx="6483">
                  <c:v>0.50313522982161352</c:v>
                </c:pt>
                <c:pt idx="6484">
                  <c:v>0.50310511895721477</c:v>
                </c:pt>
                <c:pt idx="6485">
                  <c:v>0.50308026798136285</c:v>
                </c:pt>
                <c:pt idx="6486">
                  <c:v>0.50305810133930906</c:v>
                </c:pt>
                <c:pt idx="6487">
                  <c:v>0.50303543972312337</c:v>
                </c:pt>
                <c:pt idx="6488">
                  <c:v>0.50301382883726975</c:v>
                </c:pt>
                <c:pt idx="6489">
                  <c:v>0.502996602905184</c:v>
                </c:pt>
                <c:pt idx="6490">
                  <c:v>0.5029873105985373</c:v>
                </c:pt>
                <c:pt idx="6491">
                  <c:v>0.50299342111165057</c:v>
                </c:pt>
                <c:pt idx="6492">
                  <c:v>0.50301630092490379</c:v>
                </c:pt>
                <c:pt idx="6493">
                  <c:v>0.50306641838415866</c:v>
                </c:pt>
                <c:pt idx="6494">
                  <c:v>0.50313731107306525</c:v>
                </c:pt>
                <c:pt idx="6495">
                  <c:v>0.50322187978203614</c:v>
                </c:pt>
                <c:pt idx="6496">
                  <c:v>0.50331307018206461</c:v>
                </c:pt>
                <c:pt idx="6497">
                  <c:v>0.50340440739201564</c:v>
                </c:pt>
                <c:pt idx="6498">
                  <c:v>0.50348418812242901</c:v>
                </c:pt>
                <c:pt idx="6499">
                  <c:v>0.50355191272293787</c:v>
                </c:pt>
                <c:pt idx="6500">
                  <c:v>0.50359489044959227</c:v>
                </c:pt>
                <c:pt idx="6501">
                  <c:v>0.50360041247857945</c:v>
                </c:pt>
                <c:pt idx="6502">
                  <c:v>0.5035735660176599</c:v>
                </c:pt>
                <c:pt idx="6503">
                  <c:v>0.50352474803290392</c:v>
                </c:pt>
                <c:pt idx="6504">
                  <c:v>0.50346649840799851</c:v>
                </c:pt>
                <c:pt idx="6505">
                  <c:v>0.503424734750615</c:v>
                </c:pt>
                <c:pt idx="6506">
                  <c:v>0.50340735172301387</c:v>
                </c:pt>
                <c:pt idx="6507">
                  <c:v>0.50342317627413791</c:v>
                </c:pt>
                <c:pt idx="6508">
                  <c:v>0.50347399661001146</c:v>
                </c:pt>
                <c:pt idx="6509">
                  <c:v>0.50355590965950137</c:v>
                </c:pt>
                <c:pt idx="6510">
                  <c:v>0.503655373122603</c:v>
                </c:pt>
                <c:pt idx="6511">
                  <c:v>0.50374368624735721</c:v>
                </c:pt>
                <c:pt idx="6512">
                  <c:v>0.50381764478890945</c:v>
                </c:pt>
                <c:pt idx="6513">
                  <c:v>0.5038578764641235</c:v>
                </c:pt>
                <c:pt idx="6514">
                  <c:v>0.50386345989780534</c:v>
                </c:pt>
                <c:pt idx="6515">
                  <c:v>0.50385102506067758</c:v>
                </c:pt>
                <c:pt idx="6516">
                  <c:v>0.50382320672808822</c:v>
                </c:pt>
                <c:pt idx="6517">
                  <c:v>0.50378875143130031</c:v>
                </c:pt>
                <c:pt idx="6518">
                  <c:v>0.50376704578938269</c:v>
                </c:pt>
                <c:pt idx="6519">
                  <c:v>0.50375408044429248</c:v>
                </c:pt>
                <c:pt idx="6520">
                  <c:v>0.50374760213707781</c:v>
                </c:pt>
                <c:pt idx="6521">
                  <c:v>0.50376030722431464</c:v>
                </c:pt>
                <c:pt idx="6522">
                  <c:v>0.50378570804386669</c:v>
                </c:pt>
                <c:pt idx="6523">
                  <c:v>0.50382339751815297</c:v>
                </c:pt>
                <c:pt idx="6524">
                  <c:v>0.50387056382938533</c:v>
                </c:pt>
                <c:pt idx="6525">
                  <c:v>0.50391972500142468</c:v>
                </c:pt>
                <c:pt idx="6526">
                  <c:v>0.50398067985488337</c:v>
                </c:pt>
                <c:pt idx="6527">
                  <c:v>0.50404772339684611</c:v>
                </c:pt>
                <c:pt idx="6528">
                  <c:v>0.50412064803940759</c:v>
                </c:pt>
                <c:pt idx="6529">
                  <c:v>0.50419389778203583</c:v>
                </c:pt>
                <c:pt idx="6530">
                  <c:v>0.5042731436395651</c:v>
                </c:pt>
                <c:pt idx="6531">
                  <c:v>0.50435462436568756</c:v>
                </c:pt>
                <c:pt idx="6532">
                  <c:v>0.50444241477429796</c:v>
                </c:pt>
                <c:pt idx="6533">
                  <c:v>0.50454214660818997</c:v>
                </c:pt>
                <c:pt idx="6534">
                  <c:v>0.50463728122253959</c:v>
                </c:pt>
                <c:pt idx="6535">
                  <c:v>0.50473874827384069</c:v>
                </c:pt>
                <c:pt idx="6536">
                  <c:v>0.50484626661111887</c:v>
                </c:pt>
                <c:pt idx="6537">
                  <c:v>0.50496194424242113</c:v>
                </c:pt>
                <c:pt idx="6538">
                  <c:v>0.50508603769229321</c:v>
                </c:pt>
                <c:pt idx="6539">
                  <c:v>0.50522316911801923</c:v>
                </c:pt>
                <c:pt idx="6540">
                  <c:v>0.50536341595565815</c:v>
                </c:pt>
                <c:pt idx="6541">
                  <c:v>0.50552034419525183</c:v>
                </c:pt>
                <c:pt idx="6542">
                  <c:v>0.50569558401173575</c:v>
                </c:pt>
                <c:pt idx="6543">
                  <c:v>0.5058807108583302</c:v>
                </c:pt>
                <c:pt idx="6544">
                  <c:v>0.50607144949834226</c:v>
                </c:pt>
                <c:pt idx="6545">
                  <c:v>0.50625144394201405</c:v>
                </c:pt>
                <c:pt idx="6546">
                  <c:v>0.50640406078764066</c:v>
                </c:pt>
                <c:pt idx="6547">
                  <c:v>0.506507121546107</c:v>
                </c:pt>
                <c:pt idx="6548">
                  <c:v>0.50655258443309936</c:v>
                </c:pt>
                <c:pt idx="6549">
                  <c:v>0.50653542426899578</c:v>
                </c:pt>
                <c:pt idx="6550">
                  <c:v>0.5064458381820266</c:v>
                </c:pt>
                <c:pt idx="6551">
                  <c:v>0.50630010735526143</c:v>
                </c:pt>
                <c:pt idx="6552">
                  <c:v>0.5061196509856849</c:v>
                </c:pt>
                <c:pt idx="6553">
                  <c:v>0.5059203350756537</c:v>
                </c:pt>
                <c:pt idx="6554">
                  <c:v>0.50572543528911618</c:v>
                </c:pt>
                <c:pt idx="6555">
                  <c:v>0.50555537900282776</c:v>
                </c:pt>
                <c:pt idx="6556">
                  <c:v>0.50541726979211499</c:v>
                </c:pt>
                <c:pt idx="6557">
                  <c:v>0.5053148237089401</c:v>
                </c:pt>
                <c:pt idx="6558">
                  <c:v>0.50524407659123982</c:v>
                </c:pt>
                <c:pt idx="6559">
                  <c:v>0.50519835718623818</c:v>
                </c:pt>
                <c:pt idx="6560">
                  <c:v>0.50516881641560663</c:v>
                </c:pt>
                <c:pt idx="6561">
                  <c:v>0.50515474766288238</c:v>
                </c:pt>
                <c:pt idx="6562">
                  <c:v>0.50514782051227214</c:v>
                </c:pt>
                <c:pt idx="6563">
                  <c:v>0.50515240370964598</c:v>
                </c:pt>
                <c:pt idx="6564">
                  <c:v>0.50517436308164443</c:v>
                </c:pt>
                <c:pt idx="6565">
                  <c:v>0.50521569473596184</c:v>
                </c:pt>
                <c:pt idx="6566">
                  <c:v>0.5052708127500446</c:v>
                </c:pt>
                <c:pt idx="6567">
                  <c:v>0.50533740370795044</c:v>
                </c:pt>
                <c:pt idx="6568">
                  <c:v>0.50541779287104893</c:v>
                </c:pt>
                <c:pt idx="6569">
                  <c:v>0.50551121907361041</c:v>
                </c:pt>
                <c:pt idx="6570">
                  <c:v>0.50561954501785089</c:v>
                </c:pt>
                <c:pt idx="6571">
                  <c:v>0.50573773243265108</c:v>
                </c:pt>
                <c:pt idx="6572">
                  <c:v>0.50586454824474314</c:v>
                </c:pt>
                <c:pt idx="6573">
                  <c:v>0.50600076296987573</c:v>
                </c:pt>
                <c:pt idx="6574">
                  <c:v>0.50614344665465527</c:v>
                </c:pt>
                <c:pt idx="6575">
                  <c:v>0.50629684274342301</c:v>
                </c:pt>
                <c:pt idx="6576">
                  <c:v>0.50646066260388201</c:v>
                </c:pt>
                <c:pt idx="6577">
                  <c:v>0.50663200558366817</c:v>
                </c:pt>
                <c:pt idx="6578">
                  <c:v>0.50680788624944983</c:v>
                </c:pt>
                <c:pt idx="6579">
                  <c:v>0.50698866180495916</c:v>
                </c:pt>
                <c:pt idx="6580">
                  <c:v>0.50717586019019634</c:v>
                </c:pt>
                <c:pt idx="6581">
                  <c:v>0.50736045652801132</c:v>
                </c:pt>
                <c:pt idx="6582">
                  <c:v>0.50751959594616092</c:v>
                </c:pt>
                <c:pt idx="6583">
                  <c:v>0.50764820401625188</c:v>
                </c:pt>
                <c:pt idx="6584">
                  <c:v>0.50774080609182293</c:v>
                </c:pt>
                <c:pt idx="6585">
                  <c:v>0.50779257273981526</c:v>
                </c:pt>
                <c:pt idx="6586">
                  <c:v>0.50780650373112779</c:v>
                </c:pt>
                <c:pt idx="6587">
                  <c:v>0.50779731490630331</c:v>
                </c:pt>
                <c:pt idx="6588">
                  <c:v>0.50777400807671513</c:v>
                </c:pt>
                <c:pt idx="6589">
                  <c:v>0.50773527224355541</c:v>
                </c:pt>
                <c:pt idx="6590">
                  <c:v>0.50767721555849188</c:v>
                </c:pt>
                <c:pt idx="6591">
                  <c:v>0.5075959960437727</c:v>
                </c:pt>
                <c:pt idx="6592">
                  <c:v>0.50749255003642013</c:v>
                </c:pt>
                <c:pt idx="6593">
                  <c:v>0.50735833205141334</c:v>
                </c:pt>
                <c:pt idx="6594">
                  <c:v>0.50720551946821135</c:v>
                </c:pt>
                <c:pt idx="6595">
                  <c:v>0.50705513687427117</c:v>
                </c:pt>
                <c:pt idx="6596">
                  <c:v>0.50692092075959494</c:v>
                </c:pt>
                <c:pt idx="6597">
                  <c:v>0.50681093472575156</c:v>
                </c:pt>
                <c:pt idx="6598">
                  <c:v>0.50673207163967637</c:v>
                </c:pt>
                <c:pt idx="6599">
                  <c:v>0.50669849813309509</c:v>
                </c:pt>
                <c:pt idx="6600">
                  <c:v>0.50669941514990435</c:v>
                </c:pt>
                <c:pt idx="6601">
                  <c:v>0.50673800636377342</c:v>
                </c:pt>
                <c:pt idx="6602">
                  <c:v>0.50681330177336303</c:v>
                </c:pt>
                <c:pt idx="6603">
                  <c:v>0.50692375349093144</c:v>
                </c:pt>
                <c:pt idx="6604">
                  <c:v>0.50705723712645168</c:v>
                </c:pt>
                <c:pt idx="6605">
                  <c:v>0.5072083310204436</c:v>
                </c:pt>
                <c:pt idx="6606">
                  <c:v>0.50737656201684789</c:v>
                </c:pt>
                <c:pt idx="6607">
                  <c:v>0.50755299625636863</c:v>
                </c:pt>
                <c:pt idx="6608">
                  <c:v>0.50771089200352726</c:v>
                </c:pt>
                <c:pt idx="6609">
                  <c:v>0.50784406518786107</c:v>
                </c:pt>
                <c:pt idx="6610">
                  <c:v>0.50794638660030433</c:v>
                </c:pt>
                <c:pt idx="6611">
                  <c:v>0.50801408782372326</c:v>
                </c:pt>
                <c:pt idx="6612">
                  <c:v>0.50805327126156241</c:v>
                </c:pt>
                <c:pt idx="6613">
                  <c:v>0.50807752191848332</c:v>
                </c:pt>
                <c:pt idx="6614">
                  <c:v>0.50809599059497423</c:v>
                </c:pt>
                <c:pt idx="6615">
                  <c:v>0.50812351968081126</c:v>
                </c:pt>
                <c:pt idx="6616">
                  <c:v>0.50816218632562882</c:v>
                </c:pt>
                <c:pt idx="6617">
                  <c:v>0.50820436641796618</c:v>
                </c:pt>
                <c:pt idx="6618">
                  <c:v>0.50824624727946666</c:v>
                </c:pt>
                <c:pt idx="6619">
                  <c:v>0.50827892560773869</c:v>
                </c:pt>
                <c:pt idx="6620">
                  <c:v>0.50828759452886052</c:v>
                </c:pt>
                <c:pt idx="6621">
                  <c:v>0.50826662791838428</c:v>
                </c:pt>
                <c:pt idx="6622">
                  <c:v>0.50822533928739066</c:v>
                </c:pt>
                <c:pt idx="6623">
                  <c:v>0.50817221053211115</c:v>
                </c:pt>
                <c:pt idx="6624">
                  <c:v>0.50812465491756675</c:v>
                </c:pt>
                <c:pt idx="6625">
                  <c:v>0.50808448340833101</c:v>
                </c:pt>
                <c:pt idx="6626">
                  <c:v>0.50806727711267397</c:v>
                </c:pt>
                <c:pt idx="6627">
                  <c:v>0.50809115435551366</c:v>
                </c:pt>
                <c:pt idx="6628">
                  <c:v>0.50814473009284622</c:v>
                </c:pt>
                <c:pt idx="6629">
                  <c:v>0.50822644334624956</c:v>
                </c:pt>
                <c:pt idx="6630">
                  <c:v>0.50832221662825317</c:v>
                </c:pt>
                <c:pt idx="6631">
                  <c:v>0.50841724120604392</c:v>
                </c:pt>
                <c:pt idx="6632">
                  <c:v>0.50851614081635044</c:v>
                </c:pt>
                <c:pt idx="6633">
                  <c:v>0.50860365038284849</c:v>
                </c:pt>
                <c:pt idx="6634">
                  <c:v>0.5086996038261441</c:v>
                </c:pt>
                <c:pt idx="6635">
                  <c:v>0.50880655019687315</c:v>
                </c:pt>
                <c:pt idx="6636">
                  <c:v>0.50892504993237331</c:v>
                </c:pt>
                <c:pt idx="6637">
                  <c:v>0.50904529517087538</c:v>
                </c:pt>
                <c:pt idx="6638">
                  <c:v>0.50915396897046339</c:v>
                </c:pt>
                <c:pt idx="6639">
                  <c:v>0.50923003177858406</c:v>
                </c:pt>
                <c:pt idx="6640">
                  <c:v>0.50925544568227943</c:v>
                </c:pt>
                <c:pt idx="6641">
                  <c:v>0.50923648640474939</c:v>
                </c:pt>
                <c:pt idx="6642">
                  <c:v>0.509174738603831</c:v>
                </c:pt>
                <c:pt idx="6643">
                  <c:v>0.50907211485395532</c:v>
                </c:pt>
                <c:pt idx="6644">
                  <c:v>0.50894962041419534</c:v>
                </c:pt>
                <c:pt idx="6645">
                  <c:v>0.50882175980061306</c:v>
                </c:pt>
                <c:pt idx="6646">
                  <c:v>0.50869017877341516</c:v>
                </c:pt>
                <c:pt idx="6647">
                  <c:v>0.50855590780387849</c:v>
                </c:pt>
                <c:pt idx="6648">
                  <c:v>0.50840994756214763</c:v>
                </c:pt>
                <c:pt idx="6649">
                  <c:v>0.50826854434133295</c:v>
                </c:pt>
                <c:pt idx="6650">
                  <c:v>0.50812521856853943</c:v>
                </c:pt>
                <c:pt idx="6651">
                  <c:v>0.50800198727979895</c:v>
                </c:pt>
                <c:pt idx="6652">
                  <c:v>0.50792103582373982</c:v>
                </c:pt>
                <c:pt idx="6653">
                  <c:v>0.50789448547480531</c:v>
                </c:pt>
                <c:pt idx="6654">
                  <c:v>0.50793044409497012</c:v>
                </c:pt>
                <c:pt idx="6655">
                  <c:v>0.50802656710020055</c:v>
                </c:pt>
                <c:pt idx="6656">
                  <c:v>0.50816930314933484</c:v>
                </c:pt>
                <c:pt idx="6657">
                  <c:v>0.50835098325278272</c:v>
                </c:pt>
                <c:pt idx="6658">
                  <c:v>0.50855848371242929</c:v>
                </c:pt>
                <c:pt idx="6659">
                  <c:v>0.5087829972190292</c:v>
                </c:pt>
                <c:pt idx="6660">
                  <c:v>0.50901814145933078</c:v>
                </c:pt>
                <c:pt idx="6661">
                  <c:v>0.50926816924158447</c:v>
                </c:pt>
                <c:pt idx="6662">
                  <c:v>0.50951901678263845</c:v>
                </c:pt>
                <c:pt idx="6663">
                  <c:v>0.50976897660709519</c:v>
                </c:pt>
                <c:pt idx="6664">
                  <c:v>0.51001500469263827</c:v>
                </c:pt>
                <c:pt idx="6665">
                  <c:v>0.51025275410166504</c:v>
                </c:pt>
                <c:pt idx="6666">
                  <c:v>0.51049070923071771</c:v>
                </c:pt>
                <c:pt idx="6667">
                  <c:v>0.51072196723613006</c:v>
                </c:pt>
                <c:pt idx="6668">
                  <c:v>0.51095131516742243</c:v>
                </c:pt>
                <c:pt idx="6669">
                  <c:v>0.51118389601706971</c:v>
                </c:pt>
                <c:pt idx="6670">
                  <c:v>0.5114211011999249</c:v>
                </c:pt>
                <c:pt idx="6671">
                  <c:v>0.51166002820636691</c:v>
                </c:pt>
                <c:pt idx="6672">
                  <c:v>0.5119017804252366</c:v>
                </c:pt>
                <c:pt idx="6673">
                  <c:v>0.51213507319347662</c:v>
                </c:pt>
                <c:pt idx="6674">
                  <c:v>0.51237169862286669</c:v>
                </c:pt>
                <c:pt idx="6675">
                  <c:v>0.51258701519333949</c:v>
                </c:pt>
                <c:pt idx="6676">
                  <c:v>0.51279267913376436</c:v>
                </c:pt>
                <c:pt idx="6677">
                  <c:v>0.5129871282155638</c:v>
                </c:pt>
                <c:pt idx="6678">
                  <c:v>0.51315837207518111</c:v>
                </c:pt>
                <c:pt idx="6679">
                  <c:v>0.5133029035036174</c:v>
                </c:pt>
                <c:pt idx="6680">
                  <c:v>0.51342435687437749</c:v>
                </c:pt>
                <c:pt idx="6681">
                  <c:v>0.51351145250868391</c:v>
                </c:pt>
                <c:pt idx="6682">
                  <c:v>0.51356283889043575</c:v>
                </c:pt>
                <c:pt idx="6683">
                  <c:v>0.51357621817670551</c:v>
                </c:pt>
                <c:pt idx="6684">
                  <c:v>0.51356821504915973</c:v>
                </c:pt>
                <c:pt idx="6685">
                  <c:v>0.51354674660340427</c:v>
                </c:pt>
                <c:pt idx="6686">
                  <c:v>0.51354547114251248</c:v>
                </c:pt>
                <c:pt idx="6687">
                  <c:v>0.51358506166201823</c:v>
                </c:pt>
                <c:pt idx="6688">
                  <c:v>0.51367987865680631</c:v>
                </c:pt>
                <c:pt idx="6689">
                  <c:v>0.51383308523262894</c:v>
                </c:pt>
                <c:pt idx="6690">
                  <c:v>0.51403874667274296</c:v>
                </c:pt>
                <c:pt idx="6691">
                  <c:v>0.51428504219350246</c:v>
                </c:pt>
                <c:pt idx="6692">
                  <c:v>0.51453780854342268</c:v>
                </c:pt>
                <c:pt idx="6693">
                  <c:v>0.51477001285931967</c:v>
                </c:pt>
                <c:pt idx="6694">
                  <c:v>0.51495506864070462</c:v>
                </c:pt>
                <c:pt idx="6695">
                  <c:v>0.51507907793387009</c:v>
                </c:pt>
                <c:pt idx="6696">
                  <c:v>0.51513674437759638</c:v>
                </c:pt>
                <c:pt idx="6697">
                  <c:v>0.51513341296660176</c:v>
                </c:pt>
                <c:pt idx="6698">
                  <c:v>0.51509225150828497</c:v>
                </c:pt>
                <c:pt idx="6699">
                  <c:v>0.51503127484083921</c:v>
                </c:pt>
                <c:pt idx="6700">
                  <c:v>0.51497276682187432</c:v>
                </c:pt>
                <c:pt idx="6701">
                  <c:v>0.51494914019108073</c:v>
                </c:pt>
                <c:pt idx="6702">
                  <c:v>0.51496659397911482</c:v>
                </c:pt>
                <c:pt idx="6703">
                  <c:v>0.51504750180965109</c:v>
                </c:pt>
                <c:pt idx="6704">
                  <c:v>0.51519099590321193</c:v>
                </c:pt>
                <c:pt idx="6705">
                  <c:v>0.51538224323066251</c:v>
                </c:pt>
                <c:pt idx="6706">
                  <c:v>0.5156154773968441</c:v>
                </c:pt>
                <c:pt idx="6707">
                  <c:v>0.51587524695421783</c:v>
                </c:pt>
                <c:pt idx="6708">
                  <c:v>0.51614647449685525</c:v>
                </c:pt>
                <c:pt idx="6709">
                  <c:v>0.51640884485149563</c:v>
                </c:pt>
                <c:pt idx="6710">
                  <c:v>0.5166560704797446</c:v>
                </c:pt>
                <c:pt idx="6711">
                  <c:v>0.51688440351359211</c:v>
                </c:pt>
                <c:pt idx="6712">
                  <c:v>0.5170938090712498</c:v>
                </c:pt>
                <c:pt idx="6713">
                  <c:v>0.51728831300464129</c:v>
                </c:pt>
                <c:pt idx="6714">
                  <c:v>0.51747084154365786</c:v>
                </c:pt>
                <c:pt idx="6715">
                  <c:v>0.51764274122012044</c:v>
                </c:pt>
                <c:pt idx="6716">
                  <c:v>0.51781659959603066</c:v>
                </c:pt>
                <c:pt idx="6717">
                  <c:v>0.51798573887204657</c:v>
                </c:pt>
                <c:pt idx="6718">
                  <c:v>0.51815547537102025</c:v>
                </c:pt>
                <c:pt idx="6719">
                  <c:v>0.51833406405736915</c:v>
                </c:pt>
                <c:pt idx="6720">
                  <c:v>0.5185209339123743</c:v>
                </c:pt>
                <c:pt idx="6721">
                  <c:v>0.51871898745382794</c:v>
                </c:pt>
                <c:pt idx="6722">
                  <c:v>0.51895241237902467</c:v>
                </c:pt>
                <c:pt idx="6723">
                  <c:v>0.51922394289234308</c:v>
                </c:pt>
                <c:pt idx="6724">
                  <c:v>0.51954000493174068</c:v>
                </c:pt>
                <c:pt idx="6725">
                  <c:v>0.51990073440464057</c:v>
                </c:pt>
                <c:pt idx="6726">
                  <c:v>0.52029346394336562</c:v>
                </c:pt>
                <c:pt idx="6727">
                  <c:v>0.5206824306775828</c:v>
                </c:pt>
                <c:pt idx="6728">
                  <c:v>0.5210335224732745</c:v>
                </c:pt>
                <c:pt idx="6729">
                  <c:v>0.52131120962635713</c:v>
                </c:pt>
                <c:pt idx="6730">
                  <c:v>0.52150654143230291</c:v>
                </c:pt>
                <c:pt idx="6731">
                  <c:v>0.52161069811789795</c:v>
                </c:pt>
                <c:pt idx="6732">
                  <c:v>0.52164013229275785</c:v>
                </c:pt>
                <c:pt idx="6733">
                  <c:v>0.52161845564300746</c:v>
                </c:pt>
                <c:pt idx="6734">
                  <c:v>0.52158247832607318</c:v>
                </c:pt>
                <c:pt idx="6735">
                  <c:v>0.52156816021390962</c:v>
                </c:pt>
                <c:pt idx="6736">
                  <c:v>0.52160461380738932</c:v>
                </c:pt>
                <c:pt idx="6737">
                  <c:v>0.52172313598849107</c:v>
                </c:pt>
                <c:pt idx="6738">
                  <c:v>0.52195607591056692</c:v>
                </c:pt>
                <c:pt idx="6739">
                  <c:v>0.5222945165497479</c:v>
                </c:pt>
                <c:pt idx="6740">
                  <c:v>0.52271757670650543</c:v>
                </c:pt>
                <c:pt idx="6741">
                  <c:v>0.52317022064823016</c:v>
                </c:pt>
                <c:pt idx="6742">
                  <c:v>0.52361418943439775</c:v>
                </c:pt>
                <c:pt idx="6743">
                  <c:v>0.52402085930955167</c:v>
                </c:pt>
                <c:pt idx="6744">
                  <c:v>0.52438626798359345</c:v>
                </c:pt>
                <c:pt idx="6745">
                  <c:v>0.52472106301421251</c:v>
                </c:pt>
                <c:pt idx="6746">
                  <c:v>0.52502425945049813</c:v>
                </c:pt>
                <c:pt idx="6747">
                  <c:v>0.52531753893465161</c:v>
                </c:pt>
                <c:pt idx="6748">
                  <c:v>0.525616483821013</c:v>
                </c:pt>
                <c:pt idx="6749">
                  <c:v>0.52592483447665972</c:v>
                </c:pt>
                <c:pt idx="6750">
                  <c:v>0.52625026114460582</c:v>
                </c:pt>
                <c:pt idx="6751">
                  <c:v>0.52660481776657531</c:v>
                </c:pt>
                <c:pt idx="6752">
                  <c:v>0.52697911105032469</c:v>
                </c:pt>
                <c:pt idx="6753">
                  <c:v>0.52737877896000951</c:v>
                </c:pt>
                <c:pt idx="6754">
                  <c:v>0.52779744294101538</c:v>
                </c:pt>
                <c:pt idx="6755">
                  <c:v>0.52823432748024035</c:v>
                </c:pt>
                <c:pt idx="6756">
                  <c:v>0.5286862806988184</c:v>
                </c:pt>
                <c:pt idx="6757">
                  <c:v>0.52913940340922871</c:v>
                </c:pt>
                <c:pt idx="6758">
                  <c:v>0.52960116136827295</c:v>
                </c:pt>
                <c:pt idx="6759">
                  <c:v>0.53006852489365319</c:v>
                </c:pt>
                <c:pt idx="6760">
                  <c:v>0.53052200418435203</c:v>
                </c:pt>
                <c:pt idx="6761">
                  <c:v>0.53095053025772698</c:v>
                </c:pt>
                <c:pt idx="6762">
                  <c:v>0.5313346831335346</c:v>
                </c:pt>
                <c:pt idx="6763">
                  <c:v>0.5316651617859065</c:v>
                </c:pt>
                <c:pt idx="6764">
                  <c:v>0.53193745034283446</c:v>
                </c:pt>
                <c:pt idx="6765">
                  <c:v>0.53214563903348777</c:v>
                </c:pt>
                <c:pt idx="6766">
                  <c:v>0.53230022580544833</c:v>
                </c:pt>
                <c:pt idx="6767">
                  <c:v>0.53240924495843867</c:v>
                </c:pt>
                <c:pt idx="6768">
                  <c:v>0.53250152723443844</c:v>
                </c:pt>
                <c:pt idx="6769">
                  <c:v>0.53257881563613885</c:v>
                </c:pt>
                <c:pt idx="6770">
                  <c:v>0.53266651221935646</c:v>
                </c:pt>
                <c:pt idx="6771">
                  <c:v>0.53278331382702704</c:v>
                </c:pt>
                <c:pt idx="6772">
                  <c:v>0.53293677849049848</c:v>
                </c:pt>
                <c:pt idx="6773">
                  <c:v>0.53312176195896976</c:v>
                </c:pt>
                <c:pt idx="6774">
                  <c:v>0.53334025908834526</c:v>
                </c:pt>
                <c:pt idx="6775">
                  <c:v>0.53357967732417244</c:v>
                </c:pt>
                <c:pt idx="6776">
                  <c:v>0.53384265486215954</c:v>
                </c:pt>
                <c:pt idx="6777">
                  <c:v>0.53412498255961638</c:v>
                </c:pt>
                <c:pt idx="6778">
                  <c:v>0.53443348283354142</c:v>
                </c:pt>
                <c:pt idx="6779">
                  <c:v>0.53476255760218938</c:v>
                </c:pt>
                <c:pt idx="6780">
                  <c:v>0.53510895025961946</c:v>
                </c:pt>
                <c:pt idx="6781">
                  <c:v>0.53547449607489794</c:v>
                </c:pt>
                <c:pt idx="6782">
                  <c:v>0.5358652245151122</c:v>
                </c:pt>
                <c:pt idx="6783">
                  <c:v>0.53627342295452674</c:v>
                </c:pt>
                <c:pt idx="6784">
                  <c:v>0.53671278111834164</c:v>
                </c:pt>
                <c:pt idx="6785">
                  <c:v>0.53717660625437491</c:v>
                </c:pt>
                <c:pt idx="6786">
                  <c:v>0.53766051964819694</c:v>
                </c:pt>
                <c:pt idx="6787">
                  <c:v>0.5381687553720681</c:v>
                </c:pt>
                <c:pt idx="6788">
                  <c:v>0.53869279040536244</c:v>
                </c:pt>
                <c:pt idx="6789">
                  <c:v>0.53924338202529509</c:v>
                </c:pt>
                <c:pt idx="6790">
                  <c:v>0.53981549569241982</c:v>
                </c:pt>
                <c:pt idx="6791">
                  <c:v>0.54040326653528026</c:v>
                </c:pt>
                <c:pt idx="6792">
                  <c:v>0.54099453586056423</c:v>
                </c:pt>
                <c:pt idx="6793">
                  <c:v>0.54160386615722911</c:v>
                </c:pt>
                <c:pt idx="6794">
                  <c:v>0.54222045525685647</c:v>
                </c:pt>
                <c:pt idx="6795">
                  <c:v>0.54284364485863212</c:v>
                </c:pt>
                <c:pt idx="6796">
                  <c:v>0.54347722768091433</c:v>
                </c:pt>
                <c:pt idx="6797">
                  <c:v>0.54411626644308331</c:v>
                </c:pt>
                <c:pt idx="6798">
                  <c:v>0.54476513489163092</c:v>
                </c:pt>
                <c:pt idx="6799">
                  <c:v>0.54541809778723338</c:v>
                </c:pt>
                <c:pt idx="6800">
                  <c:v>0.54607969344750096</c:v>
                </c:pt>
                <c:pt idx="6801">
                  <c:v>0.54675526310034328</c:v>
                </c:pt>
                <c:pt idx="6802">
                  <c:v>0.54743937575178614</c:v>
                </c:pt>
                <c:pt idx="6803">
                  <c:v>0.54813633531120587</c:v>
                </c:pt>
                <c:pt idx="6804">
                  <c:v>0.54883390828840772</c:v>
                </c:pt>
                <c:pt idx="6805">
                  <c:v>0.54952617493583011</c:v>
                </c:pt>
                <c:pt idx="6806">
                  <c:v>0.55020739503804061</c:v>
                </c:pt>
                <c:pt idx="6807">
                  <c:v>0.55087537424537336</c:v>
                </c:pt>
                <c:pt idx="6808">
                  <c:v>0.55152109081505518</c:v>
                </c:pt>
                <c:pt idx="6809">
                  <c:v>0.55213437592539849</c:v>
                </c:pt>
                <c:pt idx="6810">
                  <c:v>0.552728141320874</c:v>
                </c:pt>
                <c:pt idx="6811">
                  <c:v>0.55327551622544702</c:v>
                </c:pt>
                <c:pt idx="6812">
                  <c:v>0.55377924357007158</c:v>
                </c:pt>
                <c:pt idx="6813">
                  <c:v>0.55424234556879681</c:v>
                </c:pt>
                <c:pt idx="6814">
                  <c:v>0.55467250742564767</c:v>
                </c:pt>
                <c:pt idx="6815">
                  <c:v>0.55508327424816739</c:v>
                </c:pt>
                <c:pt idx="6816">
                  <c:v>0.55547046180689486</c:v>
                </c:pt>
                <c:pt idx="6817">
                  <c:v>0.55584584976925178</c:v>
                </c:pt>
                <c:pt idx="6818">
                  <c:v>0.55622257927914964</c:v>
                </c:pt>
                <c:pt idx="6819">
                  <c:v>0.55660447546910852</c:v>
                </c:pt>
                <c:pt idx="6820">
                  <c:v>0.55700850964069437</c:v>
                </c:pt>
                <c:pt idx="6821">
                  <c:v>0.55744952354144661</c:v>
                </c:pt>
                <c:pt idx="6822">
                  <c:v>0.55794148120355114</c:v>
                </c:pt>
                <c:pt idx="6823">
                  <c:v>0.55850295977368658</c:v>
                </c:pt>
                <c:pt idx="6824">
                  <c:v>0.55914466167747601</c:v>
                </c:pt>
                <c:pt idx="6825">
                  <c:v>0.55989012129567961</c:v>
                </c:pt>
                <c:pt idx="6826">
                  <c:v>0.56074879924917465</c:v>
                </c:pt>
                <c:pt idx="6827">
                  <c:v>0.56172596196898816</c:v>
                </c:pt>
                <c:pt idx="6828">
                  <c:v>0.56279776587741448</c:v>
                </c:pt>
                <c:pt idx="6829">
                  <c:v>0.56390567678393377</c:v>
                </c:pt>
                <c:pt idx="6830">
                  <c:v>0.56499823223524293</c:v>
                </c:pt>
                <c:pt idx="6831">
                  <c:v>0.56604900034158256</c:v>
                </c:pt>
                <c:pt idx="6832">
                  <c:v>0.56702196886337486</c:v>
                </c:pt>
                <c:pt idx="6833">
                  <c:v>0.56792325206583394</c:v>
                </c:pt>
                <c:pt idx="6834">
                  <c:v>0.56875777224405588</c:v>
                </c:pt>
                <c:pt idx="6835">
                  <c:v>0.56954823592258874</c:v>
                </c:pt>
                <c:pt idx="6836">
                  <c:v>0.57032985738230624</c:v>
                </c:pt>
                <c:pt idx="6837">
                  <c:v>0.57110858629279138</c:v>
                </c:pt>
                <c:pt idx="6838">
                  <c:v>0.57189038230035782</c:v>
                </c:pt>
                <c:pt idx="6839">
                  <c:v>0.57266752529467935</c:v>
                </c:pt>
                <c:pt idx="6840">
                  <c:v>0.57342931285013266</c:v>
                </c:pt>
                <c:pt idx="6841">
                  <c:v>0.5741913148440162</c:v>
                </c:pt>
                <c:pt idx="6842">
                  <c:v>0.57496341083819169</c:v>
                </c:pt>
                <c:pt idx="6843">
                  <c:v>0.57578499435054342</c:v>
                </c:pt>
                <c:pt idx="6844">
                  <c:v>0.5766905515403572</c:v>
                </c:pt>
                <c:pt idx="6845">
                  <c:v>0.57770300833854915</c:v>
                </c:pt>
                <c:pt idx="6846">
                  <c:v>0.57881715317385529</c:v>
                </c:pt>
                <c:pt idx="6847">
                  <c:v>0.58002236341815694</c:v>
                </c:pt>
                <c:pt idx="6848">
                  <c:v>0.58127643778612192</c:v>
                </c:pt>
                <c:pt idx="6849">
                  <c:v>0.5825453089940813</c:v>
                </c:pt>
                <c:pt idx="6850">
                  <c:v>0.5838119360259173</c:v>
                </c:pt>
                <c:pt idx="6851">
                  <c:v>0.58508026866200302</c:v>
                </c:pt>
                <c:pt idx="6852">
                  <c:v>0.58635465572743051</c:v>
                </c:pt>
                <c:pt idx="6853">
                  <c:v>0.58767469520178361</c:v>
                </c:pt>
                <c:pt idx="6854">
                  <c:v>0.58908175039854527</c:v>
                </c:pt>
                <c:pt idx="6855">
                  <c:v>0.59059085284375579</c:v>
                </c:pt>
                <c:pt idx="6856">
                  <c:v>0.59221549751617597</c:v>
                </c:pt>
                <c:pt idx="6857">
                  <c:v>0.59391788200263906</c:v>
                </c:pt>
                <c:pt idx="6858">
                  <c:v>0.59561272592724657</c:v>
                </c:pt>
                <c:pt idx="6859">
                  <c:v>0.59725324969842353</c:v>
                </c:pt>
                <c:pt idx="6860">
                  <c:v>0.59877808163228341</c:v>
                </c:pt>
                <c:pt idx="6861">
                  <c:v>0.60014920940393568</c:v>
                </c:pt>
                <c:pt idx="6862">
                  <c:v>0.60138584373557658</c:v>
                </c:pt>
                <c:pt idx="6863">
                  <c:v>0.60248481266414344</c:v>
                </c:pt>
                <c:pt idx="6864">
                  <c:v>0.60348159486613284</c:v>
                </c:pt>
                <c:pt idx="6865">
                  <c:v>0.60440202370099461</c:v>
                </c:pt>
                <c:pt idx="6866">
                  <c:v>0.60525084706305332</c:v>
                </c:pt>
                <c:pt idx="6867">
                  <c:v>0.60605532463291323</c:v>
                </c:pt>
                <c:pt idx="6868">
                  <c:v>0.60680975112595603</c:v>
                </c:pt>
                <c:pt idx="6869">
                  <c:v>0.60753692782524482</c:v>
                </c:pt>
                <c:pt idx="6870">
                  <c:v>0.60820867737070194</c:v>
                </c:pt>
                <c:pt idx="6871">
                  <c:v>0.60884901778165967</c:v>
                </c:pt>
                <c:pt idx="6872">
                  <c:v>0.60945784937251934</c:v>
                </c:pt>
                <c:pt idx="6873">
                  <c:v>0.61001371735118415</c:v>
                </c:pt>
                <c:pt idx="6874">
                  <c:v>0.61051942459887343</c:v>
                </c:pt>
                <c:pt idx="6875">
                  <c:v>0.61097374424733919</c:v>
                </c:pt>
                <c:pt idx="6876">
                  <c:v>0.61140671883957598</c:v>
                </c:pt>
                <c:pt idx="6877">
                  <c:v>0.61188492691609575</c:v>
                </c:pt>
                <c:pt idx="6878">
                  <c:v>0.61241840264948955</c:v>
                </c:pt>
                <c:pt idx="6879">
                  <c:v>0.61305335693316343</c:v>
                </c:pt>
                <c:pt idx="6880">
                  <c:v>0.61381971268739344</c:v>
                </c:pt>
                <c:pt idx="6881">
                  <c:v>0.61472176889447272</c:v>
                </c:pt>
                <c:pt idx="6882">
                  <c:v>0.61574734691579847</c:v>
                </c:pt>
                <c:pt idx="6883">
                  <c:v>0.61686751120877736</c:v>
                </c:pt>
                <c:pt idx="6884">
                  <c:v>0.61802919863903494</c:v>
                </c:pt>
                <c:pt idx="6885">
                  <c:v>0.61917332122169655</c:v>
                </c:pt>
                <c:pt idx="6886">
                  <c:v>0.62025545349779376</c:v>
                </c:pt>
                <c:pt idx="6887">
                  <c:v>0.62126121255135325</c:v>
                </c:pt>
                <c:pt idx="6888">
                  <c:v>0.6221885835893507</c:v>
                </c:pt>
                <c:pt idx="6889">
                  <c:v>0.62304475794720859</c:v>
                </c:pt>
                <c:pt idx="6890">
                  <c:v>0.62386610207521764</c:v>
                </c:pt>
                <c:pt idx="6891">
                  <c:v>0.6246572640186846</c:v>
                </c:pt>
                <c:pt idx="6892">
                  <c:v>0.62543352427251786</c:v>
                </c:pt>
                <c:pt idx="6893">
                  <c:v>0.62620357051834208</c:v>
                </c:pt>
                <c:pt idx="6894">
                  <c:v>0.62696627573692698</c:v>
                </c:pt>
                <c:pt idx="6895">
                  <c:v>0.62768813608885077</c:v>
                </c:pt>
                <c:pt idx="6896">
                  <c:v>0.62837434838047002</c:v>
                </c:pt>
                <c:pt idx="6897">
                  <c:v>0.62903382948857622</c:v>
                </c:pt>
                <c:pt idx="6898">
                  <c:v>0.62964212245036566</c:v>
                </c:pt>
                <c:pt idx="6899">
                  <c:v>0.63019215547142449</c:v>
                </c:pt>
                <c:pt idx="6900">
                  <c:v>0.63070636083468212</c:v>
                </c:pt>
                <c:pt idx="6901">
                  <c:v>0.63117878379639514</c:v>
                </c:pt>
                <c:pt idx="6902">
                  <c:v>0.63161789264816215</c:v>
                </c:pt>
                <c:pt idx="6903">
                  <c:v>0.63203533728636574</c:v>
                </c:pt>
                <c:pt idx="6904">
                  <c:v>0.6324323345289844</c:v>
                </c:pt>
                <c:pt idx="6905">
                  <c:v>0.63280948297986672</c:v>
                </c:pt>
                <c:pt idx="6906">
                  <c:v>0.63318558407828807</c:v>
                </c:pt>
                <c:pt idx="6907">
                  <c:v>0.63359143854975852</c:v>
                </c:pt>
                <c:pt idx="6908">
                  <c:v>0.63401867795169742</c:v>
                </c:pt>
                <c:pt idx="6909">
                  <c:v>0.63448398924475735</c:v>
                </c:pt>
                <c:pt idx="6910">
                  <c:v>0.63497735827517676</c:v>
                </c:pt>
                <c:pt idx="6911">
                  <c:v>0.63552047916219845</c:v>
                </c:pt>
                <c:pt idx="6912">
                  <c:v>0.63610842457742056</c:v>
                </c:pt>
                <c:pt idx="6913">
                  <c:v>0.63673052195187396</c:v>
                </c:pt>
                <c:pt idx="6914">
                  <c:v>0.63740270039053348</c:v>
                </c:pt>
                <c:pt idx="6915">
                  <c:v>0.63810527043520149</c:v>
                </c:pt>
                <c:pt idx="6916">
                  <c:v>0.63884858557922231</c:v>
                </c:pt>
                <c:pt idx="6917">
                  <c:v>0.63960249346202402</c:v>
                </c:pt>
                <c:pt idx="6918">
                  <c:v>0.64036378224630464</c:v>
                </c:pt>
                <c:pt idx="6919">
                  <c:v>0.64111958521770274</c:v>
                </c:pt>
                <c:pt idx="6920">
                  <c:v>0.64187151818171961</c:v>
                </c:pt>
                <c:pt idx="6921">
                  <c:v>0.6425961613960337</c:v>
                </c:pt>
                <c:pt idx="6922">
                  <c:v>0.64328941549467755</c:v>
                </c:pt>
                <c:pt idx="6923">
                  <c:v>0.64393907193336897</c:v>
                </c:pt>
                <c:pt idx="6924">
                  <c:v>0.64454159979918091</c:v>
                </c:pt>
                <c:pt idx="6925">
                  <c:v>0.6450899970776186</c:v>
                </c:pt>
                <c:pt idx="6926">
                  <c:v>0.64558642817181366</c:v>
                </c:pt>
                <c:pt idx="6927">
                  <c:v>0.64603077345904769</c:v>
                </c:pt>
                <c:pt idx="6928">
                  <c:v>0.64641847477447145</c:v>
                </c:pt>
                <c:pt idx="6929">
                  <c:v>0.6467648823929123</c:v>
                </c:pt>
                <c:pt idx="6930">
                  <c:v>0.64706956742116772</c:v>
                </c:pt>
                <c:pt idx="6931">
                  <c:v>0.64733320829327479</c:v>
                </c:pt>
                <c:pt idx="6932">
                  <c:v>0.64757261159260415</c:v>
                </c:pt>
                <c:pt idx="6933">
                  <c:v>0.64777849119710185</c:v>
                </c:pt>
                <c:pt idx="6934">
                  <c:v>0.64795374975529541</c:v>
                </c:pt>
                <c:pt idx="6935">
                  <c:v>0.64811852522886637</c:v>
                </c:pt>
                <c:pt idx="6936">
                  <c:v>0.64828763955896984</c:v>
                </c:pt>
                <c:pt idx="6937">
                  <c:v>0.6484560257756562</c:v>
                </c:pt>
                <c:pt idx="6938">
                  <c:v>0.64861920546255503</c:v>
                </c:pt>
                <c:pt idx="6939">
                  <c:v>0.64879086324619317</c:v>
                </c:pt>
                <c:pt idx="6940">
                  <c:v>0.64896740840228417</c:v>
                </c:pt>
                <c:pt idx="6941">
                  <c:v>0.64914129048212244</c:v>
                </c:pt>
                <c:pt idx="6942">
                  <c:v>0.64932083797233953</c:v>
                </c:pt>
                <c:pt idx="6943">
                  <c:v>0.64950336777785345</c:v>
                </c:pt>
                <c:pt idx="6944">
                  <c:v>0.64967861628577761</c:v>
                </c:pt>
                <c:pt idx="6945">
                  <c:v>0.64984529689821435</c:v>
                </c:pt>
                <c:pt idx="6946">
                  <c:v>0.64998789951654079</c:v>
                </c:pt>
                <c:pt idx="6947">
                  <c:v>0.65009647984862362</c:v>
                </c:pt>
                <c:pt idx="6948">
                  <c:v>0.65015243566296577</c:v>
                </c:pt>
                <c:pt idx="6949">
                  <c:v>0.65015949748881963</c:v>
                </c:pt>
                <c:pt idx="6950">
                  <c:v>0.65011243869585922</c:v>
                </c:pt>
                <c:pt idx="6951">
                  <c:v>0.65000127511771177</c:v>
                </c:pt>
                <c:pt idx="6952">
                  <c:v>0.64983119326533578</c:v>
                </c:pt>
                <c:pt idx="6953">
                  <c:v>0.64961881040117408</c:v>
                </c:pt>
                <c:pt idx="6954">
                  <c:v>0.64939795932712363</c:v>
                </c:pt>
                <c:pt idx="6955">
                  <c:v>0.64915923429841205</c:v>
                </c:pt>
                <c:pt idx="6956">
                  <c:v>0.64890593686938014</c:v>
                </c:pt>
                <c:pt idx="6957">
                  <c:v>0.64861686154363662</c:v>
                </c:pt>
                <c:pt idx="6958">
                  <c:v>0.64828491667135779</c:v>
                </c:pt>
                <c:pt idx="6959">
                  <c:v>0.64789276684524322</c:v>
                </c:pt>
                <c:pt idx="6960">
                  <c:v>0.64743289160397599</c:v>
                </c:pt>
                <c:pt idx="6961">
                  <c:v>0.64688740677920653</c:v>
                </c:pt>
                <c:pt idx="6962">
                  <c:v>0.64626976788400392</c:v>
                </c:pt>
                <c:pt idx="6963">
                  <c:v>0.64558952030468786</c:v>
                </c:pt>
                <c:pt idx="6964">
                  <c:v>0.64486146588187465</c:v>
                </c:pt>
                <c:pt idx="6965">
                  <c:v>0.64410510434428647</c:v>
                </c:pt>
                <c:pt idx="6966">
                  <c:v>0.64335695167061191</c:v>
                </c:pt>
                <c:pt idx="6967">
                  <c:v>0.64266148332603734</c:v>
                </c:pt>
                <c:pt idx="6968">
                  <c:v>0.64202280856338023</c:v>
                </c:pt>
                <c:pt idx="6969">
                  <c:v>0.64143705753867863</c:v>
                </c:pt>
                <c:pt idx="6970">
                  <c:v>0.64087656145182659</c:v>
                </c:pt>
                <c:pt idx="6971">
                  <c:v>0.64033486696766895</c:v>
                </c:pt>
                <c:pt idx="6972">
                  <c:v>0.63979633423288551</c:v>
                </c:pt>
                <c:pt idx="6973">
                  <c:v>0.63924589225574413</c:v>
                </c:pt>
                <c:pt idx="6974">
                  <c:v>0.63868104734379982</c:v>
                </c:pt>
                <c:pt idx="6975">
                  <c:v>0.6381005527733945</c:v>
                </c:pt>
                <c:pt idx="6976">
                  <c:v>0.63749672834112514</c:v>
                </c:pt>
                <c:pt idx="6977">
                  <c:v>0.6368802564211018</c:v>
                </c:pt>
                <c:pt idx="6978">
                  <c:v>0.63624303796698833</c:v>
                </c:pt>
                <c:pt idx="6979">
                  <c:v>0.63560257785160279</c:v>
                </c:pt>
                <c:pt idx="6980">
                  <c:v>0.63492686858172587</c:v>
                </c:pt>
                <c:pt idx="6981">
                  <c:v>0.63423654695557952</c:v>
                </c:pt>
                <c:pt idx="6982">
                  <c:v>0.63354054986878494</c:v>
                </c:pt>
                <c:pt idx="6983">
                  <c:v>0.63283864804446532</c:v>
                </c:pt>
                <c:pt idx="6984">
                  <c:v>0.63213099109272819</c:v>
                </c:pt>
                <c:pt idx="6985">
                  <c:v>0.63144271416528552</c:v>
                </c:pt>
                <c:pt idx="6986">
                  <c:v>0.63077101454433726</c:v>
                </c:pt>
                <c:pt idx="6987">
                  <c:v>0.63012344276029841</c:v>
                </c:pt>
                <c:pt idx="6988">
                  <c:v>0.62948619440050546</c:v>
                </c:pt>
                <c:pt idx="6989">
                  <c:v>0.62885335467716397</c:v>
                </c:pt>
                <c:pt idx="6990">
                  <c:v>0.62820570306293688</c:v>
                </c:pt>
                <c:pt idx="6991">
                  <c:v>0.62752770968550053</c:v>
                </c:pt>
                <c:pt idx="6992">
                  <c:v>0.62681852664530069</c:v>
                </c:pt>
                <c:pt idx="6993">
                  <c:v>0.62605471426289572</c:v>
                </c:pt>
                <c:pt idx="6994">
                  <c:v>0.6252610788092321</c:v>
                </c:pt>
                <c:pt idx="6995">
                  <c:v>0.62444107120362957</c:v>
                </c:pt>
                <c:pt idx="6996">
                  <c:v>0.62364239868569604</c:v>
                </c:pt>
                <c:pt idx="6997">
                  <c:v>0.62287232253419222</c:v>
                </c:pt>
                <c:pt idx="6998">
                  <c:v>0.62212608488623378</c:v>
                </c:pt>
                <c:pt idx="6999">
                  <c:v>0.62141008939759534</c:v>
                </c:pt>
                <c:pt idx="7000">
                  <c:v>0.6206879996053758</c:v>
                </c:pt>
                <c:pt idx="7001">
                  <c:v>0.61993931827119075</c:v>
                </c:pt>
                <c:pt idx="7002">
                  <c:v>0.61914863514543494</c:v>
                </c:pt>
                <c:pt idx="7003">
                  <c:v>0.61829929317313514</c:v>
                </c:pt>
                <c:pt idx="7004">
                  <c:v>0.61737783692293202</c:v>
                </c:pt>
                <c:pt idx="7005">
                  <c:v>0.61641152623884898</c:v>
                </c:pt>
                <c:pt idx="7006">
                  <c:v>0.61543799423195433</c:v>
                </c:pt>
                <c:pt idx="7007">
                  <c:v>0.61449352727722162</c:v>
                </c:pt>
                <c:pt idx="7008">
                  <c:v>0.613604208274935</c:v>
                </c:pt>
                <c:pt idx="7009">
                  <c:v>0.61275194379869757</c:v>
                </c:pt>
                <c:pt idx="7010">
                  <c:v>0.61191279549594646</c:v>
                </c:pt>
                <c:pt idx="7011">
                  <c:v>0.61103876712054706</c:v>
                </c:pt>
                <c:pt idx="7012">
                  <c:v>0.61007256617233185</c:v>
                </c:pt>
                <c:pt idx="7013">
                  <c:v>0.60899469292257868</c:v>
                </c:pt>
                <c:pt idx="7014">
                  <c:v>0.60778785183822637</c:v>
                </c:pt>
                <c:pt idx="7015">
                  <c:v>0.6064863945765413</c:v>
                </c:pt>
                <c:pt idx="7016">
                  <c:v>0.60516080939623706</c:v>
                </c:pt>
                <c:pt idx="7017">
                  <c:v>0.60385608056760032</c:v>
                </c:pt>
                <c:pt idx="7018">
                  <c:v>0.60263397884374992</c:v>
                </c:pt>
                <c:pt idx="7019">
                  <c:v>0.601525165226939</c:v>
                </c:pt>
                <c:pt idx="7020">
                  <c:v>0.60053676151779967</c:v>
                </c:pt>
                <c:pt idx="7021">
                  <c:v>0.5996311345235541</c:v>
                </c:pt>
                <c:pt idx="7022">
                  <c:v>0.59879916775108466</c:v>
                </c:pt>
                <c:pt idx="7023">
                  <c:v>0.59802174052207202</c:v>
                </c:pt>
                <c:pt idx="7024">
                  <c:v>0.59729044443798662</c:v>
                </c:pt>
                <c:pt idx="7025">
                  <c:v>0.59658447307166984</c:v>
                </c:pt>
                <c:pt idx="7026">
                  <c:v>0.59590916270760608</c:v>
                </c:pt>
                <c:pt idx="7027">
                  <c:v>0.5952365255517742</c:v>
                </c:pt>
                <c:pt idx="7028">
                  <c:v>0.59455475188399554</c:v>
                </c:pt>
                <c:pt idx="7029">
                  <c:v>0.59384892015922619</c:v>
                </c:pt>
                <c:pt idx="7030">
                  <c:v>0.59312252149786326</c:v>
                </c:pt>
                <c:pt idx="7031">
                  <c:v>0.59234540337591568</c:v>
                </c:pt>
                <c:pt idx="7032">
                  <c:v>0.59152404927934688</c:v>
                </c:pt>
                <c:pt idx="7033">
                  <c:v>0.59065894791271822</c:v>
                </c:pt>
                <c:pt idx="7034">
                  <c:v>0.58975174498721061</c:v>
                </c:pt>
                <c:pt idx="7035">
                  <c:v>0.58885031712624036</c:v>
                </c:pt>
                <c:pt idx="7036">
                  <c:v>0.58795298879465641</c:v>
                </c:pt>
                <c:pt idx="7037">
                  <c:v>0.58706423832711974</c:v>
                </c:pt>
                <c:pt idx="7038">
                  <c:v>0.5861945786322228</c:v>
                </c:pt>
                <c:pt idx="7039">
                  <c:v>0.58534007000437505</c:v>
                </c:pt>
                <c:pt idx="7040">
                  <c:v>0.58448656869132976</c:v>
                </c:pt>
                <c:pt idx="7041">
                  <c:v>0.58363367088470341</c:v>
                </c:pt>
                <c:pt idx="7042">
                  <c:v>0.58277619979696904</c:v>
                </c:pt>
                <c:pt idx="7043">
                  <c:v>0.58194138038219045</c:v>
                </c:pt>
                <c:pt idx="7044">
                  <c:v>0.58113273854450176</c:v>
                </c:pt>
                <c:pt idx="7045">
                  <c:v>0.58037153449297996</c:v>
                </c:pt>
                <c:pt idx="7046">
                  <c:v>0.579648576913112</c:v>
                </c:pt>
                <c:pt idx="7047">
                  <c:v>0.5789843181275659</c:v>
                </c:pt>
                <c:pt idx="7048">
                  <c:v>0.57836102879116602</c:v>
                </c:pt>
                <c:pt idx="7049">
                  <c:v>0.57776748283474255</c:v>
                </c:pt>
                <c:pt idx="7050">
                  <c:v>0.57717849014876887</c:v>
                </c:pt>
                <c:pt idx="7051">
                  <c:v>0.57655550004892564</c:v>
                </c:pt>
                <c:pt idx="7052">
                  <c:v>0.57588390016260149</c:v>
                </c:pt>
                <c:pt idx="7053">
                  <c:v>0.57512519966586206</c:v>
                </c:pt>
                <c:pt idx="7054">
                  <c:v>0.57426258686032117</c:v>
                </c:pt>
                <c:pt idx="7055">
                  <c:v>0.57327777385095502</c:v>
                </c:pt>
                <c:pt idx="7056">
                  <c:v>0.57215976397620594</c:v>
                </c:pt>
                <c:pt idx="7057">
                  <c:v>0.57093590677262285</c:v>
                </c:pt>
                <c:pt idx="7058">
                  <c:v>0.56962259002966953</c:v>
                </c:pt>
                <c:pt idx="7059">
                  <c:v>0.56828356950220271</c:v>
                </c:pt>
                <c:pt idx="7060">
                  <c:v>0.56698569297990198</c:v>
                </c:pt>
                <c:pt idx="7061">
                  <c:v>0.56578674660275052</c:v>
                </c:pt>
                <c:pt idx="7062">
                  <c:v>0.56473550971262731</c:v>
                </c:pt>
                <c:pt idx="7063">
                  <c:v>0.56383983208467514</c:v>
                </c:pt>
                <c:pt idx="7064">
                  <c:v>0.56306576117988594</c:v>
                </c:pt>
                <c:pt idx="7065">
                  <c:v>0.56239226119617269</c:v>
                </c:pt>
                <c:pt idx="7066">
                  <c:v>0.56178464149620821</c:v>
                </c:pt>
                <c:pt idx="7067">
                  <c:v>0.5612032841387764</c:v>
                </c:pt>
                <c:pt idx="7068">
                  <c:v>0.56065192949912535</c:v>
                </c:pt>
                <c:pt idx="7069">
                  <c:v>0.5601169726093268</c:v>
                </c:pt>
                <c:pt idx="7070">
                  <c:v>0.55958912241207248</c:v>
                </c:pt>
                <c:pt idx="7071">
                  <c:v>0.55907247834686824</c:v>
                </c:pt>
                <c:pt idx="7072">
                  <c:v>0.55856745435407673</c:v>
                </c:pt>
                <c:pt idx="7073">
                  <c:v>0.55809690653566935</c:v>
                </c:pt>
                <c:pt idx="7074">
                  <c:v>0.55763802866515766</c:v>
                </c:pt>
                <c:pt idx="7075">
                  <c:v>0.55719011753418246</c:v>
                </c:pt>
                <c:pt idx="7076">
                  <c:v>0.55673825159769974</c:v>
                </c:pt>
                <c:pt idx="7077">
                  <c:v>0.55626726990180997</c:v>
                </c:pt>
                <c:pt idx="7078">
                  <c:v>0.55578845837606794</c:v>
                </c:pt>
                <c:pt idx="7079">
                  <c:v>0.55529822627167458</c:v>
                </c:pt>
                <c:pt idx="7080">
                  <c:v>0.55479441415343644</c:v>
                </c:pt>
                <c:pt idx="7081">
                  <c:v>0.55425905829245703</c:v>
                </c:pt>
                <c:pt idx="7082">
                  <c:v>0.55369919556867775</c:v>
                </c:pt>
                <c:pt idx="7083">
                  <c:v>0.55310992858388897</c:v>
                </c:pt>
                <c:pt idx="7084">
                  <c:v>0.55250853783660248</c:v>
                </c:pt>
                <c:pt idx="7085">
                  <c:v>0.55188195199550938</c:v>
                </c:pt>
                <c:pt idx="7086">
                  <c:v>0.55123944716507822</c:v>
                </c:pt>
                <c:pt idx="7087">
                  <c:v>0.55056963767295919</c:v>
                </c:pt>
                <c:pt idx="7088">
                  <c:v>0.54989236241586725</c:v>
                </c:pt>
                <c:pt idx="7089">
                  <c:v>0.54921541131673157</c:v>
                </c:pt>
                <c:pt idx="7090">
                  <c:v>0.54853910855802135</c:v>
                </c:pt>
                <c:pt idx="7091">
                  <c:v>0.547870545854928</c:v>
                </c:pt>
                <c:pt idx="7092">
                  <c:v>0.54721014711637406</c:v>
                </c:pt>
                <c:pt idx="7093">
                  <c:v>0.5465513542474455</c:v>
                </c:pt>
                <c:pt idx="7094">
                  <c:v>0.5459113529636257</c:v>
                </c:pt>
                <c:pt idx="7095">
                  <c:v>0.54529141499985301</c:v>
                </c:pt>
                <c:pt idx="7096">
                  <c:v>0.54468638362828448</c:v>
                </c:pt>
                <c:pt idx="7097">
                  <c:v>0.54409596462115617</c:v>
                </c:pt>
                <c:pt idx="7098">
                  <c:v>0.54351358988231047</c:v>
                </c:pt>
                <c:pt idx="7099">
                  <c:v>0.54294538863797193</c:v>
                </c:pt>
                <c:pt idx="7100">
                  <c:v>0.54238891717740112</c:v>
                </c:pt>
                <c:pt idx="7101">
                  <c:v>0.54184166695336489</c:v>
                </c:pt>
                <c:pt idx="7102">
                  <c:v>0.54129386067162055</c:v>
                </c:pt>
                <c:pt idx="7103">
                  <c:v>0.54075831779392147</c:v>
                </c:pt>
                <c:pt idx="7104">
                  <c:v>0.5402344473399161</c:v>
                </c:pt>
                <c:pt idx="7105">
                  <c:v>0.53972756812459677</c:v>
                </c:pt>
                <c:pt idx="7106">
                  <c:v>0.53923405447652095</c:v>
                </c:pt>
                <c:pt idx="7107">
                  <c:v>0.53875256734028765</c:v>
                </c:pt>
                <c:pt idx="7108">
                  <c:v>0.53828558035682861</c:v>
                </c:pt>
                <c:pt idx="7109">
                  <c:v>0.53783255241310457</c:v>
                </c:pt>
                <c:pt idx="7110">
                  <c:v>0.5373848432598598</c:v>
                </c:pt>
                <c:pt idx="7111">
                  <c:v>0.53695033760305133</c:v>
                </c:pt>
                <c:pt idx="7112">
                  <c:v>0.536525811234558</c:v>
                </c:pt>
                <c:pt idx="7113">
                  <c:v>0.53610073876874531</c:v>
                </c:pt>
                <c:pt idx="7114">
                  <c:v>0.53567088611701097</c:v>
                </c:pt>
                <c:pt idx="7115">
                  <c:v>0.53523249048301791</c:v>
                </c:pt>
                <c:pt idx="7116">
                  <c:v>0.53478748935442577</c:v>
                </c:pt>
                <c:pt idx="7117">
                  <c:v>0.53434494689758383</c:v>
                </c:pt>
                <c:pt idx="7118">
                  <c:v>0.53389303857020876</c:v>
                </c:pt>
                <c:pt idx="7119">
                  <c:v>0.53343497110275873</c:v>
                </c:pt>
                <c:pt idx="7120">
                  <c:v>0.53296771730507553</c:v>
                </c:pt>
                <c:pt idx="7121">
                  <c:v>0.53249621444960804</c:v>
                </c:pt>
                <c:pt idx="7122">
                  <c:v>0.53203210505437071</c:v>
                </c:pt>
                <c:pt idx="7123">
                  <c:v>0.53157319226938671</c:v>
                </c:pt>
                <c:pt idx="7124">
                  <c:v>0.53113803079573307</c:v>
                </c:pt>
                <c:pt idx="7125">
                  <c:v>0.53072075574561128</c:v>
                </c:pt>
                <c:pt idx="7126">
                  <c:v>0.53032499028198188</c:v>
                </c:pt>
                <c:pt idx="7127">
                  <c:v>0.5299549809704891</c:v>
                </c:pt>
                <c:pt idx="7128">
                  <c:v>0.5296266592693416</c:v>
                </c:pt>
                <c:pt idx="7129">
                  <c:v>0.52933382613971214</c:v>
                </c:pt>
                <c:pt idx="7130">
                  <c:v>0.52907659380960848</c:v>
                </c:pt>
                <c:pt idx="7131">
                  <c:v>0.52884808746989653</c:v>
                </c:pt>
                <c:pt idx="7132">
                  <c:v>0.5286437812881789</c:v>
                </c:pt>
                <c:pt idx="7133">
                  <c:v>0.52846366777986475</c:v>
                </c:pt>
                <c:pt idx="7134">
                  <c:v>0.52829101006796353</c:v>
                </c:pt>
                <c:pt idx="7135">
                  <c:v>0.52812031729811626</c:v>
                </c:pt>
                <c:pt idx="7136">
                  <c:v>0.52793577270774916</c:v>
                </c:pt>
                <c:pt idx="7137">
                  <c:v>0.52774754011792779</c:v>
                </c:pt>
                <c:pt idx="7138">
                  <c:v>0.52753800989607535</c:v>
                </c:pt>
                <c:pt idx="7139">
                  <c:v>0.52731205447814689</c:v>
                </c:pt>
                <c:pt idx="7140">
                  <c:v>0.52706212084158721</c:v>
                </c:pt>
                <c:pt idx="7141">
                  <c:v>0.52678474788607188</c:v>
                </c:pt>
                <c:pt idx="7142">
                  <c:v>0.52649434101403103</c:v>
                </c:pt>
                <c:pt idx="7143">
                  <c:v>0.52619443111387887</c:v>
                </c:pt>
                <c:pt idx="7144">
                  <c:v>0.52588074171429133</c:v>
                </c:pt>
                <c:pt idx="7145">
                  <c:v>0.52555363937228816</c:v>
                </c:pt>
                <c:pt idx="7146">
                  <c:v>0.52522016345177958</c:v>
                </c:pt>
                <c:pt idx="7147">
                  <c:v>0.52487807221975669</c:v>
                </c:pt>
                <c:pt idx="7148">
                  <c:v>0.52453421553127033</c:v>
                </c:pt>
                <c:pt idx="7149">
                  <c:v>0.52418586293240821</c:v>
                </c:pt>
                <c:pt idx="7150">
                  <c:v>0.52382194293204576</c:v>
                </c:pt>
                <c:pt idx="7151">
                  <c:v>0.52345302331488042</c:v>
                </c:pt>
                <c:pt idx="7152">
                  <c:v>0.52307902428340769</c:v>
                </c:pt>
                <c:pt idx="7153">
                  <c:v>0.52271490230531481</c:v>
                </c:pt>
                <c:pt idx="7154">
                  <c:v>0.52237155430753546</c:v>
                </c:pt>
                <c:pt idx="7155">
                  <c:v>0.52205907429036136</c:v>
                </c:pt>
                <c:pt idx="7156">
                  <c:v>0.52177363711310198</c:v>
                </c:pt>
                <c:pt idx="7157">
                  <c:v>0.52149705213138864</c:v>
                </c:pt>
                <c:pt idx="7158">
                  <c:v>0.52122665121932099</c:v>
                </c:pt>
                <c:pt idx="7159">
                  <c:v>0.52095745968966667</c:v>
                </c:pt>
                <c:pt idx="7160">
                  <c:v>0.52068301668999617</c:v>
                </c:pt>
                <c:pt idx="7161">
                  <c:v>0.52040299431188664</c:v>
                </c:pt>
                <c:pt idx="7162">
                  <c:v>0.52012012426757692</c:v>
                </c:pt>
                <c:pt idx="7163">
                  <c:v>0.51983508106904752</c:v>
                </c:pt>
                <c:pt idx="7164">
                  <c:v>0.51957575413207324</c:v>
                </c:pt>
                <c:pt idx="7165">
                  <c:v>0.51934020842845086</c:v>
                </c:pt>
                <c:pt idx="7166">
                  <c:v>0.51913951793327373</c:v>
                </c:pt>
                <c:pt idx="7167">
                  <c:v>0.51897891665523654</c:v>
                </c:pt>
                <c:pt idx="7168">
                  <c:v>0.5188568635857207</c:v>
                </c:pt>
                <c:pt idx="7169">
                  <c:v>0.51876247300016587</c:v>
                </c:pt>
                <c:pt idx="7170">
                  <c:v>0.51869511526962386</c:v>
                </c:pt>
                <c:pt idx="7171">
                  <c:v>0.51863705733930743</c:v>
                </c:pt>
                <c:pt idx="7172">
                  <c:v>0.51856243457953854</c:v>
                </c:pt>
                <c:pt idx="7173">
                  <c:v>0.51845597009062716</c:v>
                </c:pt>
                <c:pt idx="7174">
                  <c:v>0.5182949399275586</c:v>
                </c:pt>
                <c:pt idx="7175">
                  <c:v>0.51807857605365049</c:v>
                </c:pt>
                <c:pt idx="7176">
                  <c:v>0.51781262368495751</c:v>
                </c:pt>
                <c:pt idx="7177">
                  <c:v>0.51750061495187805</c:v>
                </c:pt>
                <c:pt idx="7178">
                  <c:v>0.51715840901604926</c:v>
                </c:pt>
                <c:pt idx="7179">
                  <c:v>0.51682646290178591</c:v>
                </c:pt>
                <c:pt idx="7180">
                  <c:v>0.51652105467085474</c:v>
                </c:pt>
                <c:pt idx="7181">
                  <c:v>0.51625002911411877</c:v>
                </c:pt>
                <c:pt idx="7182">
                  <c:v>0.51602515467211341</c:v>
                </c:pt>
                <c:pt idx="7183">
                  <c:v>0.51585493692048523</c:v>
                </c:pt>
                <c:pt idx="7184">
                  <c:v>0.51572978183941576</c:v>
                </c:pt>
                <c:pt idx="7185">
                  <c:v>0.51564943756752035</c:v>
                </c:pt>
                <c:pt idx="7186">
                  <c:v>0.51559937154603441</c:v>
                </c:pt>
                <c:pt idx="7187">
                  <c:v>0.51557601422160504</c:v>
                </c:pt>
                <c:pt idx="7188">
                  <c:v>0.51557136993493546</c:v>
                </c:pt>
                <c:pt idx="7189">
                  <c:v>0.51557787692872381</c:v>
                </c:pt>
                <c:pt idx="7190">
                  <c:v>0.51559686052300324</c:v>
                </c:pt>
                <c:pt idx="7191">
                  <c:v>0.51561944110868785</c:v>
                </c:pt>
                <c:pt idx="7192">
                  <c:v>0.51563795216871722</c:v>
                </c:pt>
                <c:pt idx="7193">
                  <c:v>0.51565255081413131</c:v>
                </c:pt>
                <c:pt idx="7194">
                  <c:v>0.51565988318016298</c:v>
                </c:pt>
                <c:pt idx="7195">
                  <c:v>0.51565656422986816</c:v>
                </c:pt>
                <c:pt idx="7196">
                  <c:v>0.51563571668648556</c:v>
                </c:pt>
                <c:pt idx="7197">
                  <c:v>0.51560187761746956</c:v>
                </c:pt>
                <c:pt idx="7198">
                  <c:v>0.51555645089020241</c:v>
                </c:pt>
                <c:pt idx="7199">
                  <c:v>0.51549207922542362</c:v>
                </c:pt>
                <c:pt idx="7200">
                  <c:v>0.51541190326694175</c:v>
                </c:pt>
                <c:pt idx="7201">
                  <c:v>0.51532001997029375</c:v>
                </c:pt>
                <c:pt idx="7202">
                  <c:v>0.51521954131559311</c:v>
                </c:pt>
                <c:pt idx="7203">
                  <c:v>0.51510350648627834</c:v>
                </c:pt>
                <c:pt idx="7204">
                  <c:v>0.51498901019795518</c:v>
                </c:pt>
                <c:pt idx="7205">
                  <c:v>0.51486892953874219</c:v>
                </c:pt>
                <c:pt idx="7206">
                  <c:v>0.51475028269344558</c:v>
                </c:pt>
                <c:pt idx="7207">
                  <c:v>0.51463281280822992</c:v>
                </c:pt>
                <c:pt idx="7208">
                  <c:v>0.51452286230576572</c:v>
                </c:pt>
                <c:pt idx="7209">
                  <c:v>0.51441988134643823</c:v>
                </c:pt>
                <c:pt idx="7210">
                  <c:v>0.51432727990493299</c:v>
                </c:pt>
                <c:pt idx="7211">
                  <c:v>0.5142426117701997</c:v>
                </c:pt>
                <c:pt idx="7212">
                  <c:v>0.51416613004560752</c:v>
                </c:pt>
                <c:pt idx="7213">
                  <c:v>0.51410120729922959</c:v>
                </c:pt>
                <c:pt idx="7214">
                  <c:v>0.51403556764997893</c:v>
                </c:pt>
                <c:pt idx="7215">
                  <c:v>0.51396639833795676</c:v>
                </c:pt>
                <c:pt idx="7216">
                  <c:v>0.5138984022518911</c:v>
                </c:pt>
                <c:pt idx="7217">
                  <c:v>0.51381659674436886</c:v>
                </c:pt>
                <c:pt idx="7218">
                  <c:v>0.5137105212662495</c:v>
                </c:pt>
                <c:pt idx="7219">
                  <c:v>0.51357421241258194</c:v>
                </c:pt>
                <c:pt idx="7220">
                  <c:v>0.51337959003308908</c:v>
                </c:pt>
                <c:pt idx="7221">
                  <c:v>0.51311951252892518</c:v>
                </c:pt>
                <c:pt idx="7222">
                  <c:v>0.51279500100745778</c:v>
                </c:pt>
                <c:pt idx="7223">
                  <c:v>0.51240811142696052</c:v>
                </c:pt>
                <c:pt idx="7224">
                  <c:v>0.51197555823516439</c:v>
                </c:pt>
                <c:pt idx="7225">
                  <c:v>0.51155964717818525</c:v>
                </c:pt>
                <c:pt idx="7226">
                  <c:v>0.51117817613913341</c:v>
                </c:pt>
                <c:pt idx="7227">
                  <c:v>0.51086209913872505</c:v>
                </c:pt>
                <c:pt idx="7228">
                  <c:v>0.51061366289424903</c:v>
                </c:pt>
                <c:pt idx="7229">
                  <c:v>0.51041435882964514</c:v>
                </c:pt>
                <c:pt idx="7230">
                  <c:v>0.51024748184475011</c:v>
                </c:pt>
                <c:pt idx="7231">
                  <c:v>0.51008373929374118</c:v>
                </c:pt>
                <c:pt idx="7232">
                  <c:v>0.50990812233313698</c:v>
                </c:pt>
                <c:pt idx="7233">
                  <c:v>0.5097118566855775</c:v>
                </c:pt>
                <c:pt idx="7234">
                  <c:v>0.50948265650958668</c:v>
                </c:pt>
                <c:pt idx="7235">
                  <c:v>0.50922889834515739</c:v>
                </c:pt>
                <c:pt idx="7236">
                  <c:v>0.50897299009310226</c:v>
                </c:pt>
                <c:pt idx="7237">
                  <c:v>0.50874639570682889</c:v>
                </c:pt>
                <c:pt idx="7238">
                  <c:v>0.50856931813159001</c:v>
                </c:pt>
                <c:pt idx="7239">
                  <c:v>0.50846037067052119</c:v>
                </c:pt>
                <c:pt idx="7240">
                  <c:v>0.50842215474188113</c:v>
                </c:pt>
                <c:pt idx="7241">
                  <c:v>0.50844633371260028</c:v>
                </c:pt>
                <c:pt idx="7242">
                  <c:v>0.50852465819084958</c:v>
                </c:pt>
                <c:pt idx="7243">
                  <c:v>0.50864471079918894</c:v>
                </c:pt>
                <c:pt idx="7244">
                  <c:v>0.50880097200322205</c:v>
                </c:pt>
                <c:pt idx="7245">
                  <c:v>0.50897882009911211</c:v>
                </c:pt>
                <c:pt idx="7246">
                  <c:v>0.50916871278915854</c:v>
                </c:pt>
                <c:pt idx="7247">
                  <c:v>0.50937110515446082</c:v>
                </c:pt>
                <c:pt idx="7248">
                  <c:v>0.50957104134832387</c:v>
                </c:pt>
                <c:pt idx="7249">
                  <c:v>0.50975532037462223</c:v>
                </c:pt>
                <c:pt idx="7250">
                  <c:v>0.50992231393447096</c:v>
                </c:pt>
                <c:pt idx="7251">
                  <c:v>0.51006422399118678</c:v>
                </c:pt>
                <c:pt idx="7252">
                  <c:v>0.51018598095362011</c:v>
                </c:pt>
                <c:pt idx="7253">
                  <c:v>0.51028522279602584</c:v>
                </c:pt>
                <c:pt idx="7254">
                  <c:v>0.51036119084563125</c:v>
                </c:pt>
                <c:pt idx="7255">
                  <c:v>0.51041366941385058</c:v>
                </c:pt>
                <c:pt idx="7256">
                  <c:v>0.51044538832543307</c:v>
                </c:pt>
                <c:pt idx="7257">
                  <c:v>0.51044143351175464</c:v>
                </c:pt>
                <c:pt idx="7258">
                  <c:v>0.51039439469676862</c:v>
                </c:pt>
                <c:pt idx="7259">
                  <c:v>0.51030072163507878</c:v>
                </c:pt>
                <c:pt idx="7260">
                  <c:v>0.51015046808169473</c:v>
                </c:pt>
                <c:pt idx="7261">
                  <c:v>0.50995438072427957</c:v>
                </c:pt>
                <c:pt idx="7262">
                  <c:v>0.50972951189571736</c:v>
                </c:pt>
                <c:pt idx="7263">
                  <c:v>0.50950777748469944</c:v>
                </c:pt>
                <c:pt idx="7264">
                  <c:v>0.50931804874477871</c:v>
                </c:pt>
                <c:pt idx="7265">
                  <c:v>0.50918312445870773</c:v>
                </c:pt>
                <c:pt idx="7266">
                  <c:v>0.50909665034776652</c:v>
                </c:pt>
                <c:pt idx="7267">
                  <c:v>0.50905485988149368</c:v>
                </c:pt>
                <c:pt idx="7268">
                  <c:v>0.50903759561049011</c:v>
                </c:pt>
                <c:pt idx="7269">
                  <c:v>0.50902602915585593</c:v>
                </c:pt>
                <c:pt idx="7270">
                  <c:v>0.50901783839059822</c:v>
                </c:pt>
                <c:pt idx="7271">
                  <c:v>0.50899997752580006</c:v>
                </c:pt>
                <c:pt idx="7272">
                  <c:v>0.50896331822046548</c:v>
                </c:pt>
                <c:pt idx="7273">
                  <c:v>0.50890707311361383</c:v>
                </c:pt>
                <c:pt idx="7274">
                  <c:v>0.50882716085622393</c:v>
                </c:pt>
                <c:pt idx="7275">
                  <c:v>0.50873513791802849</c:v>
                </c:pt>
                <c:pt idx="7276">
                  <c:v>0.50862829378223462</c:v>
                </c:pt>
                <c:pt idx="7277">
                  <c:v>0.50852018977572289</c:v>
                </c:pt>
                <c:pt idx="7278">
                  <c:v>0.5084295912957052</c:v>
                </c:pt>
                <c:pt idx="7279">
                  <c:v>0.50836137390761083</c:v>
                </c:pt>
                <c:pt idx="7280">
                  <c:v>0.50834318452156868</c:v>
                </c:pt>
                <c:pt idx="7281">
                  <c:v>0.50838758077755908</c:v>
                </c:pt>
                <c:pt idx="7282">
                  <c:v>0.50850938076004781</c:v>
                </c:pt>
                <c:pt idx="7283">
                  <c:v>0.5086942158522253</c:v>
                </c:pt>
                <c:pt idx="7284">
                  <c:v>0.50893208121521349</c:v>
                </c:pt>
                <c:pt idx="7285">
                  <c:v>0.50918747204998638</c:v>
                </c:pt>
                <c:pt idx="7286">
                  <c:v>0.50941693841920921</c:v>
                </c:pt>
                <c:pt idx="7287">
                  <c:v>0.50958880318119948</c:v>
                </c:pt>
                <c:pt idx="7288">
                  <c:v>0.50967245144237894</c:v>
                </c:pt>
                <c:pt idx="7289">
                  <c:v>0.50966888999460913</c:v>
                </c:pt>
                <c:pt idx="7290">
                  <c:v>0.509594167492045</c:v>
                </c:pt>
                <c:pt idx="7291">
                  <c:v>0.50947878972156013</c:v>
                </c:pt>
                <c:pt idx="7292">
                  <c:v>0.50937343051715023</c:v>
                </c:pt>
                <c:pt idx="7293">
                  <c:v>0.5093123129580015</c:v>
                </c:pt>
                <c:pt idx="7294">
                  <c:v>0.50932084099559127</c:v>
                </c:pt>
                <c:pt idx="7295">
                  <c:v>0.50939892110521801</c:v>
                </c:pt>
                <c:pt idx="7296">
                  <c:v>0.50952460483045603</c:v>
                </c:pt>
                <c:pt idx="7297">
                  <c:v>0.50967020911289052</c:v>
                </c:pt>
                <c:pt idx="7298">
                  <c:v>0.5097964052711309</c:v>
                </c:pt>
                <c:pt idx="7299">
                  <c:v>0.50988595582672114</c:v>
                </c:pt>
                <c:pt idx="7300">
                  <c:v>0.50990656648607191</c:v>
                </c:pt>
                <c:pt idx="7301">
                  <c:v>0.50984074293323378</c:v>
                </c:pt>
                <c:pt idx="7302">
                  <c:v>0.5096920347762689</c:v>
                </c:pt>
                <c:pt idx="7303">
                  <c:v>0.509460945092441</c:v>
                </c:pt>
                <c:pt idx="7304">
                  <c:v>0.50914346295815327</c:v>
                </c:pt>
                <c:pt idx="7305">
                  <c:v>0.50876302176938593</c:v>
                </c:pt>
                <c:pt idx="7306">
                  <c:v>0.50833511473540716</c:v>
                </c:pt>
                <c:pt idx="7307">
                  <c:v>0.50789891656094377</c:v>
                </c:pt>
                <c:pt idx="7308">
                  <c:v>0.50748198188402993</c:v>
                </c:pt>
                <c:pt idx="7309">
                  <c:v>0.5070897697691239</c:v>
                </c:pt>
                <c:pt idx="7310">
                  <c:v>0.5067254763571315</c:v>
                </c:pt>
                <c:pt idx="7311">
                  <c:v>0.50639421597356393</c:v>
                </c:pt>
                <c:pt idx="7312">
                  <c:v>0.50613495324065194</c:v>
                </c:pt>
                <c:pt idx="7313">
                  <c:v>0.50599287051458874</c:v>
                </c:pt>
                <c:pt idx="7314">
                  <c:v>0.50600141849583513</c:v>
                </c:pt>
                <c:pt idx="7315">
                  <c:v>0.50617903718166191</c:v>
                </c:pt>
                <c:pt idx="7316">
                  <c:v>0.50649050730201295</c:v>
                </c:pt>
                <c:pt idx="7317">
                  <c:v>0.50685932842898984</c:v>
                </c:pt>
                <c:pt idx="7318">
                  <c:v>0.50720402233514672</c:v>
                </c:pt>
                <c:pt idx="7319">
                  <c:v>0.50745912952680527</c:v>
                </c:pt>
                <c:pt idx="7320">
                  <c:v>0.50765437842048</c:v>
                </c:pt>
                <c:pt idx="7321">
                  <c:v>0.50780465254913498</c:v>
                </c:pt>
                <c:pt idx="7322">
                  <c:v>0.5079397937870207</c:v>
                </c:pt>
                <c:pt idx="7323">
                  <c:v>0.50806758333866187</c:v>
                </c:pt>
                <c:pt idx="7324">
                  <c:v>0.5081964713103887</c:v>
                </c:pt>
                <c:pt idx="7325">
                  <c:v>0.50831649337571427</c:v>
                </c:pt>
                <c:pt idx="7326">
                  <c:v>0.50843553670822272</c:v>
                </c:pt>
                <c:pt idx="7327">
                  <c:v>0.50855644835312219</c:v>
                </c:pt>
                <c:pt idx="7328">
                  <c:v>0.50866637578899265</c:v>
                </c:pt>
                <c:pt idx="7329">
                  <c:v>0.50877173936486109</c:v>
                </c:pt>
                <c:pt idx="7330">
                  <c:v>0.508864274736059</c:v>
                </c:pt>
                <c:pt idx="7331">
                  <c:v>0.50895281602398934</c:v>
                </c:pt>
                <c:pt idx="7332">
                  <c:v>0.50902455059781349</c:v>
                </c:pt>
                <c:pt idx="7333">
                  <c:v>0.50908445690340109</c:v>
                </c:pt>
                <c:pt idx="7334">
                  <c:v>0.50913793663369722</c:v>
                </c:pt>
                <c:pt idx="7335">
                  <c:v>0.50920082213327844</c:v>
                </c:pt>
                <c:pt idx="7336">
                  <c:v>0.5092650254928146</c:v>
                </c:pt>
                <c:pt idx="7337">
                  <c:v>0.50934862450767415</c:v>
                </c:pt>
                <c:pt idx="7338">
                  <c:v>0.50944501744189519</c:v>
                </c:pt>
                <c:pt idx="7339">
                  <c:v>0.50956319051912824</c:v>
                </c:pt>
                <c:pt idx="7340">
                  <c:v>0.50967936124769497</c:v>
                </c:pt>
                <c:pt idx="7341">
                  <c:v>0.50978454528326378</c:v>
                </c:pt>
                <c:pt idx="7342">
                  <c:v>0.5098670558539512</c:v>
                </c:pt>
                <c:pt idx="7343">
                  <c:v>0.50991583644598548</c:v>
                </c:pt>
                <c:pt idx="7344">
                  <c:v>0.50992933604950441</c:v>
                </c:pt>
                <c:pt idx="7345">
                  <c:v>0.50991424928783735</c:v>
                </c:pt>
                <c:pt idx="7346">
                  <c:v>0.50987885110337594</c:v>
                </c:pt>
                <c:pt idx="7347">
                  <c:v>0.50983995505748325</c:v>
                </c:pt>
                <c:pt idx="7348">
                  <c:v>0.50981119103131611</c:v>
                </c:pt>
                <c:pt idx="7349">
                  <c:v>0.50979949054857754</c:v>
                </c:pt>
                <c:pt idx="7350">
                  <c:v>0.5098087922199509</c:v>
                </c:pt>
                <c:pt idx="7351">
                  <c:v>0.50982912546735437</c:v>
                </c:pt>
                <c:pt idx="7352">
                  <c:v>0.50985691575315539</c:v>
                </c:pt>
                <c:pt idx="7353">
                  <c:v>0.50987529901951578</c:v>
                </c:pt>
                <c:pt idx="7354">
                  <c:v>0.50988317623271118</c:v>
                </c:pt>
                <c:pt idx="7355">
                  <c:v>0.50987518681602073</c:v>
                </c:pt>
                <c:pt idx="7356">
                  <c:v>0.50984425275693701</c:v>
                </c:pt>
                <c:pt idx="7357">
                  <c:v>0.50979485064970842</c:v>
                </c:pt>
                <c:pt idx="7358">
                  <c:v>0.50974053369929062</c:v>
                </c:pt>
                <c:pt idx="7359">
                  <c:v>0.50968084995405827</c:v>
                </c:pt>
                <c:pt idx="7360">
                  <c:v>0.50963810818484989</c:v>
                </c:pt>
                <c:pt idx="7361">
                  <c:v>0.50961356641574862</c:v>
                </c:pt>
                <c:pt idx="7362">
                  <c:v>0.50961993625195856</c:v>
                </c:pt>
                <c:pt idx="7363">
                  <c:v>0.50966730174155361</c:v>
                </c:pt>
                <c:pt idx="7364">
                  <c:v>0.50976913877595376</c:v>
                </c:pt>
                <c:pt idx="7365">
                  <c:v>0.50991907564780148</c:v>
                </c:pt>
                <c:pt idx="7366">
                  <c:v>0.51010502100876032</c:v>
                </c:pt>
                <c:pt idx="7367">
                  <c:v>0.51029160534623508</c:v>
                </c:pt>
                <c:pt idx="7368">
                  <c:v>0.51045314108687834</c:v>
                </c:pt>
                <c:pt idx="7369">
                  <c:v>0.51056703580529794</c:v>
                </c:pt>
                <c:pt idx="7370">
                  <c:v>0.51061181420848167</c:v>
                </c:pt>
                <c:pt idx="7371">
                  <c:v>0.51058307199875297</c:v>
                </c:pt>
                <c:pt idx="7372">
                  <c:v>0.51048683367526104</c:v>
                </c:pt>
                <c:pt idx="7373">
                  <c:v>0.51035736595006898</c:v>
                </c:pt>
                <c:pt idx="7374">
                  <c:v>0.51021653125583322</c:v>
                </c:pt>
                <c:pt idx="7375">
                  <c:v>0.51009712261646067</c:v>
                </c:pt>
                <c:pt idx="7376">
                  <c:v>0.51002112527399701</c:v>
                </c:pt>
                <c:pt idx="7377">
                  <c:v>0.51001805693493119</c:v>
                </c:pt>
                <c:pt idx="7378">
                  <c:v>0.51008417161057185</c:v>
                </c:pt>
                <c:pt idx="7379">
                  <c:v>0.51021878920000829</c:v>
                </c:pt>
                <c:pt idx="7380">
                  <c:v>0.5103967114799598</c:v>
                </c:pt>
                <c:pt idx="7381">
                  <c:v>0.51061017594920777</c:v>
                </c:pt>
                <c:pt idx="7382">
                  <c:v>0.51084935480069238</c:v>
                </c:pt>
                <c:pt idx="7383">
                  <c:v>0.51110919167852897</c:v>
                </c:pt>
                <c:pt idx="7384">
                  <c:v>0.51137397706387178</c:v>
                </c:pt>
                <c:pt idx="7385">
                  <c:v>0.51163951675869956</c:v>
                </c:pt>
                <c:pt idx="7386">
                  <c:v>0.51190386950854461</c:v>
                </c:pt>
                <c:pt idx="7387">
                  <c:v>0.51215959947045542</c:v>
                </c:pt>
                <c:pt idx="7388">
                  <c:v>0.5123990688237503</c:v>
                </c:pt>
                <c:pt idx="7389">
                  <c:v>0.51262227881041367</c:v>
                </c:pt>
                <c:pt idx="7390">
                  <c:v>0.51281936858823196</c:v>
                </c:pt>
                <c:pt idx="7391">
                  <c:v>0.5129920387690039</c:v>
                </c:pt>
                <c:pt idx="7392">
                  <c:v>0.51314464688805528</c:v>
                </c:pt>
                <c:pt idx="7393">
                  <c:v>0.51327753081419736</c:v>
                </c:pt>
                <c:pt idx="7394">
                  <c:v>0.51338828050917884</c:v>
                </c:pt>
                <c:pt idx="7395">
                  <c:v>0.51348389544632878</c:v>
                </c:pt>
                <c:pt idx="7396">
                  <c:v>0.51355802697671238</c:v>
                </c:pt>
                <c:pt idx="7397">
                  <c:v>0.51361941508420983</c:v>
                </c:pt>
                <c:pt idx="7398">
                  <c:v>0.51367909011103785</c:v>
                </c:pt>
                <c:pt idx="7399">
                  <c:v>0.51372542200805293</c:v>
                </c:pt>
                <c:pt idx="7400">
                  <c:v>0.51376860077604669</c:v>
                </c:pt>
              </c:numCache>
            </c:numRef>
          </c:yVal>
          <c:smooth val="0"/>
          <c:extLst>
            <c:ext xmlns:c16="http://schemas.microsoft.com/office/drawing/2014/chart" uri="{C3380CC4-5D6E-409C-BE32-E72D297353CC}">
              <c16:uniqueId val="{00000001-922E-4BFE-AAF6-B32BCC6F0CC7}"/>
            </c:ext>
          </c:extLst>
        </c:ser>
        <c:dLbls>
          <c:showLegendKey val="0"/>
          <c:showVal val="0"/>
          <c:showCatName val="0"/>
          <c:showSerName val="0"/>
          <c:showPercent val="0"/>
          <c:showBubbleSize val="0"/>
        </c:dLbls>
        <c:axId val="1529579279"/>
        <c:axId val="1529562959"/>
      </c:scatterChart>
      <c:valAx>
        <c:axId val="1529579279"/>
        <c:scaling>
          <c:orientation val="minMax"/>
          <c:max val="84"/>
          <c:min val="25"/>
        </c:scaling>
        <c:delete val="0"/>
        <c:axPos val="b"/>
        <c:title>
          <c:tx>
            <c:rich>
              <a:bodyPr rot="0" spcFirstLastPara="1" vertOverflow="ellipsis" vert="horz" wrap="square" anchor="ctr" anchorCtr="1"/>
              <a:lstStyle/>
              <a:p>
                <a:pPr>
                  <a:defRPr sz="1400" b="1" i="0" u="none" strike="noStrike" kern="1200" baseline="0">
                    <a:solidFill>
                      <a:srgbClr val="002060"/>
                    </a:solidFill>
                    <a:latin typeface="+mn-lt"/>
                    <a:ea typeface="+mn-ea"/>
                    <a:cs typeface="Times New Roman" panose="02020603050405020304" pitchFamily="18" charset="0"/>
                  </a:defRPr>
                </a:pPr>
                <a:r>
                  <a:rPr lang="en-US" sz="1400" dirty="0">
                    <a:solidFill>
                      <a:srgbClr val="002060"/>
                    </a:solidFill>
                    <a:latin typeface="+mn-lt"/>
                  </a:rPr>
                  <a:t>Diffraction  angle</a:t>
                </a:r>
                <a:r>
                  <a:rPr lang="en-US" sz="1400" baseline="0" dirty="0">
                    <a:solidFill>
                      <a:srgbClr val="002060"/>
                    </a:solidFill>
                    <a:latin typeface="+mn-lt"/>
                  </a:rPr>
                  <a:t> (deg)</a:t>
                </a:r>
                <a:endParaRPr lang="en-US" sz="1400" dirty="0">
                  <a:solidFill>
                    <a:srgbClr val="002060"/>
                  </a:solidFill>
                  <a:latin typeface="+mn-lt"/>
                </a:endParaRPr>
              </a:p>
            </c:rich>
          </c:tx>
          <c:layout>
            <c:manualLayout>
              <c:xMode val="edge"/>
              <c:yMode val="edge"/>
              <c:x val="0.3765082834739471"/>
              <c:y val="0.92381175978962093"/>
            </c:manualLayout>
          </c:layout>
          <c:overlay val="0"/>
          <c:spPr>
            <a:noFill/>
            <a:ln>
              <a:noFill/>
            </a:ln>
            <a:effectLst/>
          </c:spPr>
          <c:txPr>
            <a:bodyPr rot="0" spcFirstLastPara="1" vertOverflow="ellipsis" vert="horz" wrap="square" anchor="ctr" anchorCtr="1"/>
            <a:lstStyle/>
            <a:p>
              <a:pPr>
                <a:defRPr sz="1400" b="1" i="0" u="none" strike="noStrike" kern="1200" baseline="0">
                  <a:solidFill>
                    <a:srgbClr val="002060"/>
                  </a:solidFill>
                  <a:latin typeface="+mn-lt"/>
                  <a:ea typeface="+mn-ea"/>
                  <a:cs typeface="Times New Roman" panose="02020603050405020304" pitchFamily="18" charset="0"/>
                </a:defRPr>
              </a:pPr>
              <a:endParaRPr lang="en-NL"/>
            </a:p>
          </c:txPr>
        </c:title>
        <c:numFmt formatCode="General" sourceLinked="1"/>
        <c:majorTickMark val="none"/>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100" b="1" i="0" u="none" strike="noStrike" kern="1200" baseline="0">
                <a:solidFill>
                  <a:srgbClr val="002060"/>
                </a:solidFill>
                <a:latin typeface="Calibri "/>
                <a:ea typeface="+mn-ea"/>
                <a:cs typeface="Times New Roman" panose="02020603050405020304" pitchFamily="18" charset="0"/>
              </a:defRPr>
            </a:pPr>
            <a:endParaRPr lang="en-NL"/>
          </a:p>
        </c:txPr>
        <c:crossAx val="1529562959"/>
        <c:crosses val="autoZero"/>
        <c:crossBetween val="midCat"/>
        <c:majorUnit val="5"/>
      </c:valAx>
      <c:valAx>
        <c:axId val="1529562959"/>
        <c:scaling>
          <c:orientation val="minMax"/>
          <c:max val="2.8"/>
          <c:min val="0.4"/>
        </c:scaling>
        <c:delete val="1"/>
        <c:axPos val="l"/>
        <c:title>
          <c:tx>
            <c:rich>
              <a:bodyPr rot="-5400000" spcFirstLastPara="1" vertOverflow="ellipsis" vert="horz" wrap="square" anchor="ctr" anchorCtr="1"/>
              <a:lstStyle/>
              <a:p>
                <a:pPr>
                  <a:defRPr sz="1400" b="1" i="0" u="none" strike="noStrike" kern="1200" baseline="0">
                    <a:solidFill>
                      <a:srgbClr val="002060"/>
                    </a:solidFill>
                    <a:latin typeface="+mn-lt"/>
                    <a:ea typeface="+mn-ea"/>
                    <a:cs typeface="Times New Roman" panose="02020603050405020304" pitchFamily="18" charset="0"/>
                  </a:defRPr>
                </a:pPr>
                <a:r>
                  <a:rPr lang="en-GB" sz="1400" noProof="0" dirty="0">
                    <a:solidFill>
                      <a:srgbClr val="002060"/>
                    </a:solidFill>
                    <a:latin typeface="+mn-lt"/>
                  </a:rPr>
                  <a:t>Intensity</a:t>
                </a:r>
                <a:r>
                  <a:rPr lang="it-IT" sz="1400" dirty="0">
                    <a:solidFill>
                      <a:srgbClr val="002060"/>
                    </a:solidFill>
                    <a:latin typeface="+mn-lt"/>
                  </a:rPr>
                  <a:t> (</a:t>
                </a:r>
                <a:r>
                  <a:rPr lang="it-IT" sz="1400" dirty="0" err="1">
                    <a:solidFill>
                      <a:srgbClr val="002060"/>
                    </a:solidFill>
                    <a:latin typeface="+mn-lt"/>
                  </a:rPr>
                  <a:t>a.u</a:t>
                </a:r>
                <a:r>
                  <a:rPr lang="it-IT" sz="1400" dirty="0">
                    <a:solidFill>
                      <a:srgbClr val="002060"/>
                    </a:solidFill>
                    <a:latin typeface="+mn-lt"/>
                  </a:rPr>
                  <a:t>.)</a:t>
                </a:r>
              </a:p>
            </c:rich>
          </c:tx>
          <c:layout>
            <c:manualLayout>
              <c:xMode val="edge"/>
              <c:yMode val="edge"/>
              <c:x val="1.2777764195478427E-2"/>
              <c:y val="0.32837116927262666"/>
            </c:manualLayout>
          </c:layout>
          <c:overlay val="0"/>
          <c:spPr>
            <a:noFill/>
            <a:ln>
              <a:noFill/>
            </a:ln>
            <a:effectLst/>
          </c:spPr>
          <c:txPr>
            <a:bodyPr rot="-5400000" spcFirstLastPara="1" vertOverflow="ellipsis" vert="horz" wrap="square" anchor="ctr" anchorCtr="1"/>
            <a:lstStyle/>
            <a:p>
              <a:pPr>
                <a:defRPr sz="1400" b="1" i="0" u="none" strike="noStrike" kern="1200" baseline="0">
                  <a:solidFill>
                    <a:srgbClr val="002060"/>
                  </a:solidFill>
                  <a:latin typeface="+mn-lt"/>
                  <a:ea typeface="+mn-ea"/>
                  <a:cs typeface="Times New Roman" panose="02020603050405020304" pitchFamily="18" charset="0"/>
                </a:defRPr>
              </a:pPr>
              <a:endParaRPr lang="en-NL"/>
            </a:p>
          </c:txPr>
        </c:title>
        <c:numFmt formatCode="General" sourceLinked="0"/>
        <c:majorTickMark val="out"/>
        <c:minorTickMark val="none"/>
        <c:tickLblPos val="nextTo"/>
        <c:crossAx val="1529579279"/>
        <c:crosses val="autoZero"/>
        <c:crossBetween val="midCat"/>
        <c:majorUnit val="0.2"/>
      </c:valAx>
      <c:spPr>
        <a:noFill/>
        <a:ln>
          <a:solidFill>
            <a:schemeClr val="tx1"/>
          </a:solidFill>
        </a:ln>
        <a:effectLst/>
      </c:spPr>
    </c:plotArea>
    <c:legend>
      <c:legendPos val="r"/>
      <c:legendEntry>
        <c:idx val="0"/>
        <c:txPr>
          <a:bodyPr rot="0" spcFirstLastPara="1" vertOverflow="ellipsis" vert="horz" wrap="square" anchor="ctr" anchorCtr="1"/>
          <a:lstStyle/>
          <a:p>
            <a:pPr>
              <a:defRPr sz="1100" b="1" i="0" u="none" strike="noStrike" kern="1200" baseline="0">
                <a:solidFill>
                  <a:srgbClr val="C00000"/>
                </a:solidFill>
                <a:latin typeface="+mn-lt"/>
                <a:ea typeface="+mn-ea"/>
                <a:cs typeface="Times New Roman" panose="02020603050405020304" pitchFamily="18" charset="0"/>
              </a:defRPr>
            </a:pPr>
            <a:endParaRPr lang="en-NL"/>
          </a:p>
        </c:txPr>
      </c:legendEntry>
      <c:legendEntry>
        <c:idx val="1"/>
        <c:txPr>
          <a:bodyPr rot="0" spcFirstLastPara="1" vertOverflow="ellipsis" vert="horz" wrap="square" anchor="ctr" anchorCtr="1"/>
          <a:lstStyle/>
          <a:p>
            <a:pPr>
              <a:defRPr sz="1100" b="1" i="0" u="none" strike="noStrike" kern="1200" baseline="0">
                <a:solidFill>
                  <a:srgbClr val="002060"/>
                </a:solidFill>
                <a:latin typeface="+mn-lt"/>
                <a:ea typeface="+mn-ea"/>
                <a:cs typeface="Times New Roman" panose="02020603050405020304" pitchFamily="18" charset="0"/>
              </a:defRPr>
            </a:pPr>
            <a:endParaRPr lang="en-NL"/>
          </a:p>
        </c:txPr>
      </c:legendEntry>
      <c:layout>
        <c:manualLayout>
          <c:xMode val="edge"/>
          <c:yMode val="edge"/>
          <c:x val="0.76402517491532052"/>
          <c:y val="5.0269994596738046E-2"/>
          <c:w val="0.18770822590969305"/>
          <c:h val="0.18495163462715808"/>
        </c:manualLayout>
      </c:layout>
      <c:overlay val="0"/>
      <c:spPr>
        <a:noFill/>
        <a:ln>
          <a:noFill/>
        </a:ln>
        <a:effectLst/>
      </c:spPr>
      <c:txPr>
        <a:bodyPr rot="0" spcFirstLastPara="1" vertOverflow="ellipsis" vert="horz" wrap="square" anchor="ctr" anchorCtr="1"/>
        <a:lstStyle/>
        <a:p>
          <a:pPr>
            <a:defRPr sz="1100" b="1" i="0" u="none" strike="noStrike" kern="1200" baseline="0">
              <a:solidFill>
                <a:schemeClr val="tx2"/>
              </a:solidFill>
              <a:latin typeface="+mn-lt"/>
              <a:ea typeface="+mn-ea"/>
              <a:cs typeface="Times New Roman" panose="02020603050405020304" pitchFamily="18" charset="0"/>
            </a:defRPr>
          </a:pPr>
          <a:endParaRPr lang="en-NL"/>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19050" cap="flat" cmpd="sng" algn="ctr">
      <a:noFill/>
      <a:round/>
    </a:ln>
    <a:effectLst/>
  </c:spPr>
  <c:txPr>
    <a:bodyPr/>
    <a:lstStyle/>
    <a:p>
      <a:pPr>
        <a:defRPr sz="1100">
          <a:latin typeface="Times New Roman" panose="02020603050405020304" pitchFamily="18" charset="0"/>
          <a:cs typeface="Times New Roman" panose="02020603050405020304" pitchFamily="18" charset="0"/>
        </a:defRPr>
      </a:pPr>
      <a:endParaRPr lang="en-NL"/>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1">
  <a:schemeClr val="accent1"/>
  <a:schemeClr val="accent3"/>
  <a:schemeClr val="accent5"/>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2">
  <a:schemeClr val="accent2"/>
  <a:schemeClr val="accent4"/>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42">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9525" cap="rnd">
        <a:solidFill>
          <a:schemeClr val="phClr"/>
        </a:solidFill>
        <a:round/>
      </a:ln>
    </cs:spPr>
  </cs:dataPointLine>
  <cs:dataPointMarker>
    <cs:lnRef idx="0">
      <cs:styleClr val="auto"/>
    </cs:lnRef>
    <cs:fillRef idx="3">
      <cs:styleClr val="auto"/>
    </cs:fillRef>
    <cs:effectRef idx="2"/>
    <cs:fontRef idx="minor">
      <a:schemeClr val="tx2"/>
    </cs:fontRef>
    <cs:spPr>
      <a:ln w="9525">
        <a:solidFill>
          <a:schemeClr val="phClr"/>
        </a:solidFill>
        <a:round/>
      </a:ln>
    </cs:spPr>
  </cs:dataPointMarker>
  <cs:dataPointMarkerLayout symbol="circle" size="5"/>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9525" cap="rnd">
        <a:solidFill>
          <a:schemeClr val="phClr"/>
        </a:solidFill>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spPr>
      <a:ln>
        <a:solidFill>
          <a:schemeClr val="tx2">
            <a:lumMod val="40000"/>
            <a:lumOff val="60000"/>
          </a:schemeClr>
        </a:solidFill>
      </a:ln>
    </cs:spPr>
    <cs:defRPr sz="900" kern="1200"/>
  </cs:valueAxis>
  <cs:wall>
    <cs:lnRef idx="0"/>
    <cs:fillRef idx="0"/>
    <cs:effectRef idx="0"/>
    <cs:fontRef idx="minor">
      <a:schemeClr val="tx2"/>
    </cs:fontRef>
  </cs:wall>
</cs:chartStyle>
</file>

<file path=ppt/charts/style2.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102">
  <cs:axisTitle>
    <cs:lnRef idx="0"/>
    <cs:fillRef idx="0"/>
    <cs:effectRef idx="0"/>
    <cs:fontRef idx="minor">
      <a:schemeClr val="tx1"/>
    </cs:fontRef>
    <cs:defRPr sz="1000" b="1" kern="1200"/>
  </cs:axisTitle>
  <cs:categoryAxis>
    <cs:lnRef idx="1">
      <a:schemeClr val="tx1">
        <a:tint val="75000"/>
      </a:schemeClr>
    </cs:lnRef>
    <cs:fillRef idx="0"/>
    <cs:effectRef idx="0"/>
    <cs:fontRef idx="minor">
      <a:schemeClr val="tx1"/>
    </cs:fontRef>
    <cs:spPr>
      <a:ln>
        <a:round/>
      </a:ln>
    </cs:spPr>
    <cs:defRPr sz="1000" kern="1200"/>
  </cs:categoryAxis>
  <cs:chartArea mods="allowNoFillOverride allowNoLineOverride">
    <cs:lnRef idx="1">
      <a:schemeClr val="tx1">
        <a:tint val="75000"/>
      </a:schemeClr>
    </cs:lnRef>
    <cs:fillRef idx="1">
      <a:schemeClr val="bg1"/>
    </cs:fillRef>
    <cs:effectRef idx="0"/>
    <cs:fontRef idx="minor">
      <a:schemeClr val="tx1"/>
    </cs:fontRef>
    <cs:spPr>
      <a:ln>
        <a:round/>
      </a:ln>
    </cs:spPr>
    <cs:defRPr sz="1000" kern="1200"/>
  </cs:chartArea>
  <cs:dataLabel>
    <cs:lnRef idx="0"/>
    <cs:fillRef idx="0"/>
    <cs:effectRef idx="0"/>
    <cs:fontRef idx="minor">
      <a:schemeClr val="tx1"/>
    </cs:fontRef>
    <cs:defRPr sz="1000" kern="1200"/>
  </cs:dataLabel>
  <cs:dataLabelCallout>
    <cs:lnRef idx="0"/>
    <cs:fillRef idx="0"/>
    <cs:effectRef idx="0"/>
    <cs:fontRef idx="minor">
      <a:schemeClr val="dk1"/>
    </cs:fontRef>
    <cs:spPr>
      <a:solidFill>
        <a:schemeClr val="lt1"/>
      </a:solidFill>
      <a:ln>
        <a:solidFill>
          <a:schemeClr val="dk1">
            <a:lumMod val="65000"/>
            <a:lumOff val="35000"/>
          </a:schemeClr>
        </a:solidFill>
      </a:ln>
    </cs:spPr>
    <cs:defRPr sz="1000" kern="1200"/>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1">
      <cs:styleClr val="auto"/>
    </cs:lnRef>
    <cs:lineWidthScale>3</cs:lineWidthScale>
    <cs:fillRef idx="0"/>
    <cs:effectRef idx="0"/>
    <cs:fontRef idx="minor">
      <a:schemeClr val="tx1"/>
    </cs:fontRef>
    <cs:spPr>
      <a:ln cap="rnd">
        <a:round/>
      </a:ln>
    </cs:spPr>
  </cs:dataPointLine>
  <cs:dataPointMarker>
    <cs:lnRef idx="1">
      <cs:styleClr val="auto"/>
    </cs:lnRef>
    <cs:fillRef idx="1">
      <cs:styleClr val="auto"/>
    </cs:fillRef>
    <cs:effectRef idx="0"/>
    <cs:fontRef idx="minor">
      <a:schemeClr val="tx1"/>
    </cs:fontRef>
    <cs:spPr>
      <a:ln>
        <a:round/>
      </a:ln>
    </cs:spPr>
  </cs:dataPointMarker>
  <cs:dataPointMarkerLayout/>
  <cs:dataPointWireframe>
    <cs:lnRef idx="1">
      <cs:styleClr val="auto"/>
    </cs:lnRef>
    <cs:fillRef idx="0"/>
    <cs:effectRef idx="0"/>
    <cs:fontRef idx="minor">
      <a:schemeClr val="tx1"/>
    </cs:fontRef>
    <cs:spPr>
      <a:ln>
        <a:round/>
      </a:ln>
    </cs:spPr>
  </cs:dataPointWireframe>
  <cs:dataTable>
    <cs:lnRef idx="1">
      <a:schemeClr val="tx1">
        <a:tint val="75000"/>
      </a:schemeClr>
    </cs:lnRef>
    <cs:fillRef idx="0"/>
    <cs:effectRef idx="0"/>
    <cs:fontRef idx="minor">
      <a:schemeClr val="tx1"/>
    </cs:fontRef>
    <cs:spPr>
      <a:ln>
        <a:round/>
      </a:ln>
    </cs:spPr>
    <cs:defRPr sz="1000" kern="1200"/>
  </cs:dataTable>
  <cs:downBar>
    <cs:lnRef idx="1">
      <a:schemeClr val="tx1"/>
    </cs:lnRef>
    <cs:fillRef idx="1">
      <a:schemeClr val="dk1">
        <a:tint val="95000"/>
      </a:schemeClr>
    </cs:fillRef>
    <cs:effectRef idx="0"/>
    <cs:fontRef idx="minor">
      <a:schemeClr val="tx1"/>
    </cs:fontRef>
    <cs:spPr>
      <a:ln>
        <a:round/>
      </a:ln>
    </cs:spPr>
  </cs:downBar>
  <cs:dropLine>
    <cs:lnRef idx="1">
      <a:schemeClr val="tx1"/>
    </cs:lnRef>
    <cs:fillRef idx="0"/>
    <cs:effectRef idx="0"/>
    <cs:fontRef idx="minor">
      <a:schemeClr val="tx1"/>
    </cs:fontRef>
    <cs:spPr>
      <a:ln>
        <a:round/>
      </a:ln>
    </cs:spPr>
  </cs:dropLine>
  <cs:errorBar>
    <cs:lnRef idx="1">
      <a:schemeClr val="tx1"/>
    </cs:lnRef>
    <cs:fillRef idx="1">
      <a:schemeClr val="tx1"/>
    </cs:fillRef>
    <cs:effectRef idx="0"/>
    <cs:fontRef idx="minor">
      <a:schemeClr val="tx1"/>
    </cs:fontRef>
    <cs:spPr>
      <a:ln>
        <a:round/>
      </a:ln>
    </cs:spPr>
  </cs:errorBar>
  <cs:floor>
    <cs:lnRef idx="1">
      <a:schemeClr val="tx1">
        <a:tint val="75000"/>
      </a:schemeClr>
    </cs:lnRef>
    <cs:fillRef idx="0"/>
    <cs:effectRef idx="0"/>
    <cs:fontRef idx="minor">
      <a:schemeClr val="tx1"/>
    </cs:fontRef>
    <cs:spPr>
      <a:ln>
        <a:round/>
      </a:ln>
    </cs:spPr>
  </cs:floor>
  <cs:gridlineMajor>
    <cs:lnRef idx="1">
      <a:schemeClr val="tx1">
        <a:tint val="75000"/>
      </a:schemeClr>
    </cs:lnRef>
    <cs:fillRef idx="0"/>
    <cs:effectRef idx="0"/>
    <cs:fontRef idx="minor">
      <a:schemeClr val="tx1"/>
    </cs:fontRef>
    <cs:spPr>
      <a:ln>
        <a:round/>
      </a:ln>
    </cs:spPr>
  </cs:gridlineMajor>
  <cs:gridlineMinor>
    <cs:lnRef idx="1">
      <a:schemeClr val="tx1">
        <a:tint val="50000"/>
      </a:schemeClr>
    </cs:lnRef>
    <cs:fillRef idx="0"/>
    <cs:effectRef idx="0"/>
    <cs:fontRef idx="minor">
      <a:schemeClr val="tx1"/>
    </cs:fontRef>
    <cs:spPr>
      <a:ln>
        <a:round/>
      </a:ln>
    </cs:spPr>
  </cs:gridlineMinor>
  <cs:hiLoLine>
    <cs:lnRef idx="1">
      <a:schemeClr val="tx1"/>
    </cs:lnRef>
    <cs:fillRef idx="0"/>
    <cs:effectRef idx="0"/>
    <cs:fontRef idx="minor">
      <a:schemeClr val="tx1"/>
    </cs:fontRef>
    <cs:spPr>
      <a:ln>
        <a:round/>
      </a:ln>
    </cs:spPr>
  </cs:hiLoLine>
  <cs:leaderLine>
    <cs:lnRef idx="1">
      <a:schemeClr val="tx1"/>
    </cs:lnRef>
    <cs:fillRef idx="0"/>
    <cs:effectRef idx="0"/>
    <cs:fontRef idx="minor">
      <a:schemeClr val="tx1"/>
    </cs:fontRef>
    <cs:spPr>
      <a:ln>
        <a:round/>
      </a:ln>
    </cs:spPr>
  </cs:leaderLine>
  <cs:legend>
    <cs:lnRef idx="0"/>
    <cs:fillRef idx="0"/>
    <cs:effectRef idx="0"/>
    <cs:fontRef idx="minor">
      <a:schemeClr val="tx1"/>
    </cs:fontRef>
    <cs:defRPr sz="1000" kern="1200"/>
  </cs:legend>
  <cs:plotArea mods="allowNoFillOverride allowNoLineOverride">
    <cs:lnRef idx="0"/>
    <cs:fillRef idx="1">
      <a:schemeClr val="bg1"/>
    </cs:fillRef>
    <cs:effectRef idx="0"/>
    <cs:fontRef idx="minor">
      <a:schemeClr val="tx1"/>
    </cs:fontRef>
  </cs:plotArea>
  <cs:plotArea3D>
    <cs:lnRef idx="0"/>
    <cs:fillRef idx="0"/>
    <cs:effectRef idx="0"/>
    <cs:fontRef idx="minor">
      <a:schemeClr val="tx1"/>
    </cs:fontRef>
  </cs:plotArea3D>
  <cs:seriesAxis>
    <cs:lnRef idx="1">
      <a:schemeClr val="tx1">
        <a:tint val="75000"/>
      </a:schemeClr>
    </cs:lnRef>
    <cs:fillRef idx="0"/>
    <cs:effectRef idx="0"/>
    <cs:fontRef idx="minor">
      <a:schemeClr val="tx1"/>
    </cs:fontRef>
    <cs:spPr>
      <a:ln>
        <a:round/>
      </a:ln>
    </cs:spPr>
    <cs:defRPr sz="1000" kern="1200"/>
  </cs:seriesAxis>
  <cs:seriesLine>
    <cs:lnRef idx="1">
      <a:schemeClr val="tx1"/>
    </cs:lnRef>
    <cs:fillRef idx="0"/>
    <cs:effectRef idx="0"/>
    <cs:fontRef idx="minor">
      <a:schemeClr val="tx1"/>
    </cs:fontRef>
    <cs:spPr>
      <a:ln>
        <a:round/>
      </a:ln>
    </cs:spPr>
  </cs:seriesLine>
  <cs:title>
    <cs:lnRef idx="0"/>
    <cs:fillRef idx="0"/>
    <cs:effectRef idx="0"/>
    <cs:fontRef idx="minor">
      <a:schemeClr val="tx1"/>
    </cs:fontRef>
    <cs:defRPr sz="1800" b="1" kern="1200"/>
  </cs:title>
  <cs:trendline>
    <cs:lnRef idx="1">
      <a:schemeClr val="tx1"/>
    </cs:lnRef>
    <cs:fillRef idx="0"/>
    <cs:effectRef idx="0"/>
    <cs:fontRef idx="minor">
      <a:schemeClr val="tx1"/>
    </cs:fontRef>
    <cs:spPr>
      <a:ln cap="rnd">
        <a:round/>
      </a:ln>
    </cs:spPr>
  </cs:trendline>
  <cs:trendlineLabel>
    <cs:lnRef idx="0"/>
    <cs:fillRef idx="0"/>
    <cs:effectRef idx="0"/>
    <cs:fontRef idx="minor">
      <a:schemeClr val="tx1"/>
    </cs:fontRef>
    <cs:defRPr sz="1000" kern="1200"/>
  </cs:trendlineLabel>
  <cs:upBar>
    <cs:lnRef idx="1">
      <a:schemeClr val="tx1"/>
    </cs:lnRef>
    <cs:fillRef idx="1">
      <a:schemeClr val="dk1">
        <a:tint val="5000"/>
      </a:schemeClr>
    </cs:fillRef>
    <cs:effectRef idx="0"/>
    <cs:fontRef idx="minor">
      <a:schemeClr val="tx1"/>
    </cs:fontRef>
    <cs:spPr>
      <a:ln>
        <a:round/>
      </a:ln>
    </cs:spPr>
  </cs:upBar>
  <cs:valueAxis>
    <cs:lnRef idx="1">
      <a:schemeClr val="tx1">
        <a:tint val="75000"/>
      </a:schemeClr>
    </cs:lnRef>
    <cs:fillRef idx="0"/>
    <cs:effectRef idx="0"/>
    <cs:fontRef idx="minor">
      <a:schemeClr val="tx1"/>
    </cs:fontRef>
    <cs:spPr>
      <a:ln>
        <a:round/>
      </a:ln>
    </cs:spPr>
    <cs:defRPr sz="1000" kern="1200"/>
  </cs:valueAxis>
  <cs:wall>
    <cs:lnRef idx="0"/>
    <cs:fillRef idx="0"/>
    <cs:effectRef idx="0"/>
    <cs:fontRef idx="minor">
      <a:schemeClr val="tx1"/>
    </cs:fontRef>
  </cs:wall>
</cs:chartStyle>
</file>

<file path=ppt/charts/style6.xml><?xml version="1.0" encoding="utf-8"?>
<cs:chartStyle xmlns:cs="http://schemas.microsoft.com/office/drawing/2012/chartStyle" xmlns:a="http://schemas.openxmlformats.org/drawingml/2006/main" id="242">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9525" cap="rnd">
        <a:solidFill>
          <a:schemeClr val="phClr"/>
        </a:solidFill>
        <a:round/>
      </a:ln>
    </cs:spPr>
  </cs:dataPointLine>
  <cs:dataPointMarker>
    <cs:lnRef idx="0">
      <cs:styleClr val="auto"/>
    </cs:lnRef>
    <cs:fillRef idx="3">
      <cs:styleClr val="auto"/>
    </cs:fillRef>
    <cs:effectRef idx="2"/>
    <cs:fontRef idx="minor">
      <a:schemeClr val="tx2"/>
    </cs:fontRef>
    <cs:spPr>
      <a:ln w="9525">
        <a:solidFill>
          <a:schemeClr val="phClr"/>
        </a:solidFill>
        <a:round/>
      </a:ln>
    </cs:spPr>
  </cs:dataPointMarker>
  <cs:dataPointMarkerLayout symbol="circle" size="5"/>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9525" cap="rnd">
        <a:solidFill>
          <a:schemeClr val="phClr"/>
        </a:solidFill>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spPr>
      <a:ln>
        <a:solidFill>
          <a:schemeClr val="tx2">
            <a:lumMod val="40000"/>
            <a:lumOff val="60000"/>
          </a:schemeClr>
        </a:solidFill>
      </a:ln>
    </cs:spPr>
    <cs:defRPr sz="900" kern="1200"/>
  </cs:valueAxis>
  <cs:wall>
    <cs:lnRef idx="0"/>
    <cs:fillRef idx="0"/>
    <cs:effectRef idx="0"/>
    <cs:fontRef idx="minor">
      <a:schemeClr val="tx2"/>
    </cs:fontRef>
  </cs:wall>
</cs:chartStyle>
</file>

<file path=ppt/charts/style7.xml><?xml version="1.0" encoding="utf-8"?>
<cs:chartStyle xmlns:cs="http://schemas.microsoft.com/office/drawing/2012/chartStyle" xmlns:a="http://schemas.openxmlformats.org/drawingml/2006/main" id="242">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9525" cap="rnd">
        <a:solidFill>
          <a:schemeClr val="phClr"/>
        </a:solidFill>
        <a:round/>
      </a:ln>
    </cs:spPr>
  </cs:dataPointLine>
  <cs:dataPointMarker>
    <cs:lnRef idx="0">
      <cs:styleClr val="auto"/>
    </cs:lnRef>
    <cs:fillRef idx="3">
      <cs:styleClr val="auto"/>
    </cs:fillRef>
    <cs:effectRef idx="2"/>
    <cs:fontRef idx="minor">
      <a:schemeClr val="tx2"/>
    </cs:fontRef>
    <cs:spPr>
      <a:ln w="9525">
        <a:solidFill>
          <a:schemeClr val="phClr"/>
        </a:solidFill>
        <a:round/>
      </a:ln>
    </cs:spPr>
  </cs:dataPointMarker>
  <cs:dataPointMarkerLayout symbol="circle" size="5"/>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9525" cap="rnd">
        <a:solidFill>
          <a:schemeClr val="phClr"/>
        </a:solidFill>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spPr>
      <a:ln>
        <a:solidFill>
          <a:schemeClr val="tx2">
            <a:lumMod val="40000"/>
            <a:lumOff val="60000"/>
          </a:schemeClr>
        </a:solidFill>
      </a:ln>
    </cs:spPr>
    <cs:defRPr sz="900" kern="1200"/>
  </cs:valueAxis>
  <cs:wall>
    <cs:lnRef idx="0"/>
    <cs:fillRef idx="0"/>
    <cs:effectRef idx="0"/>
    <cs:fontRef idx="minor">
      <a:schemeClr val="tx2"/>
    </cs:fontRef>
  </cs:wall>
</cs:chartStyle>
</file>

<file path=ppt/charts/style8.xml><?xml version="1.0" encoding="utf-8"?>
<cs:chartStyle xmlns:cs="http://schemas.microsoft.com/office/drawing/2012/chartStyle" xmlns:a="http://schemas.openxmlformats.org/drawingml/2006/main" id="242">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9525" cap="rnd">
        <a:solidFill>
          <a:schemeClr val="phClr"/>
        </a:solidFill>
        <a:round/>
      </a:ln>
    </cs:spPr>
  </cs:dataPointLine>
  <cs:dataPointMarker>
    <cs:lnRef idx="0">
      <cs:styleClr val="auto"/>
    </cs:lnRef>
    <cs:fillRef idx="3">
      <cs:styleClr val="auto"/>
    </cs:fillRef>
    <cs:effectRef idx="2"/>
    <cs:fontRef idx="minor">
      <a:schemeClr val="tx2"/>
    </cs:fontRef>
    <cs:spPr>
      <a:ln w="9525">
        <a:solidFill>
          <a:schemeClr val="phClr"/>
        </a:solidFill>
        <a:round/>
      </a:ln>
    </cs:spPr>
  </cs:dataPointMarker>
  <cs:dataPointMarkerLayout symbol="circle" size="5"/>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9525" cap="rnd">
        <a:solidFill>
          <a:schemeClr val="phClr"/>
        </a:solidFill>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spPr>
      <a:ln>
        <a:solidFill>
          <a:schemeClr val="tx2">
            <a:lumMod val="40000"/>
            <a:lumOff val="60000"/>
          </a:schemeClr>
        </a:solidFill>
      </a:ln>
    </cs:spPr>
    <cs:defRPr sz="900" kern="1200"/>
  </cs:valueAxis>
  <cs:wall>
    <cs:lnRef idx="0"/>
    <cs:fillRef idx="0"/>
    <cs:effectRef idx="0"/>
    <cs:fontRef idx="minor">
      <a:schemeClr val="tx2"/>
    </cs:fontRef>
  </cs:wall>
</cs:chartStyle>
</file>

<file path=ppt/charts/style9.xml><?xml version="1.0" encoding="utf-8"?>
<cs:chartStyle xmlns:cs="http://schemas.microsoft.com/office/drawing/2012/chartStyle" xmlns:a="http://schemas.openxmlformats.org/drawingml/2006/main" id="242">
  <cs:axisTitle>
    <cs:lnRef idx="0"/>
    <cs:fillRef idx="0"/>
    <cs:effectRef idx="0"/>
    <cs:fontRef idx="minor">
      <a:schemeClr val="tx2"/>
    </cs:fontRef>
    <cs:defRPr sz="900" b="1" kern="1200"/>
  </cs:axisTitle>
  <cs:categoryAxis>
    <cs:lnRef idx="0"/>
    <cs:fillRef idx="0"/>
    <cs:effectRef idx="0"/>
    <cs:fontRef idx="minor">
      <a:schemeClr val="tx2"/>
    </cs:fontRef>
    <cs:spPr>
      <a:ln w="9525" cap="flat" cmpd="sng" algn="ctr">
        <a:solidFill>
          <a:schemeClr val="tx2">
            <a:lumMod val="15000"/>
            <a:lumOff val="85000"/>
          </a:schemeClr>
        </a:solidFill>
        <a:round/>
      </a:ln>
    </cs:spPr>
    <cs:defRPr sz="900" kern="1200"/>
  </cs:categoryAxis>
  <cs:chartArea mods="allowNoFillOverride allowNoLineOverride">
    <cs:lnRef idx="0"/>
    <cs:fillRef idx="0"/>
    <cs:effectRef idx="0"/>
    <cs:fontRef idx="minor">
      <a:schemeClr val="tx2"/>
    </cs:fontRef>
    <cs:spPr>
      <a:solidFill>
        <a:schemeClr val="bg1"/>
      </a:solidFill>
      <a:ln w="9525" cap="flat" cmpd="sng" algn="ctr">
        <a:solidFill>
          <a:schemeClr val="tx2">
            <a:lumMod val="15000"/>
            <a:lumOff val="85000"/>
          </a:schemeClr>
        </a:solidFill>
        <a:round/>
      </a:ln>
    </cs:spPr>
    <cs:defRPr sz="900" kern="1200"/>
  </cs:chartArea>
  <cs:dataLabel>
    <cs:lnRef idx="0"/>
    <cs:fillRef idx="0"/>
    <cs:effectRef idx="0"/>
    <cs:fontRef idx="minor">
      <a:schemeClr val="tx2"/>
    </cs:fontRef>
    <cs:defRPr sz="900" kern="1200"/>
  </cs:dataLabel>
  <cs:dataLabelCallout>
    <cs:lnRef idx="0"/>
    <cs:fillRef idx="0"/>
    <cs:effectRef idx="0"/>
    <cs:fontRef idx="minor">
      <a:schemeClr val="dk2">
        <a:lumMod val="7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3">
      <cs:styleClr val="auto"/>
    </cs:fillRef>
    <cs:effectRef idx="2"/>
    <cs:fontRef idx="minor">
      <a:schemeClr val="tx2"/>
    </cs:fontRef>
  </cs:dataPoint>
  <cs:dataPoint3D>
    <cs:lnRef idx="0"/>
    <cs:fillRef idx="3">
      <cs:styleClr val="auto"/>
    </cs:fillRef>
    <cs:effectRef idx="2"/>
    <cs:fontRef idx="minor">
      <a:schemeClr val="tx2"/>
    </cs:fontRef>
  </cs:dataPoint3D>
  <cs:dataPointLine>
    <cs:lnRef idx="0">
      <cs:styleClr val="auto"/>
    </cs:lnRef>
    <cs:fillRef idx="3"/>
    <cs:effectRef idx="2"/>
    <cs:fontRef idx="minor">
      <a:schemeClr val="tx2"/>
    </cs:fontRef>
    <cs:spPr>
      <a:ln w="9525" cap="rnd">
        <a:solidFill>
          <a:schemeClr val="phClr"/>
        </a:solidFill>
        <a:round/>
      </a:ln>
    </cs:spPr>
  </cs:dataPointLine>
  <cs:dataPointMarker>
    <cs:lnRef idx="0">
      <cs:styleClr val="auto"/>
    </cs:lnRef>
    <cs:fillRef idx="3">
      <cs:styleClr val="auto"/>
    </cs:fillRef>
    <cs:effectRef idx="2"/>
    <cs:fontRef idx="minor">
      <a:schemeClr val="tx2"/>
    </cs:fontRef>
    <cs:spPr>
      <a:ln w="9525">
        <a:solidFill>
          <a:schemeClr val="phClr"/>
        </a:solidFill>
        <a:round/>
      </a:ln>
    </cs:spPr>
  </cs:dataPointMarker>
  <cs:dataPointMarkerLayout symbol="circle" size="5"/>
  <cs:dataPointWireframe>
    <cs:lnRef idx="0">
      <cs:styleClr val="auto"/>
    </cs:lnRef>
    <cs:fillRef idx="3"/>
    <cs:effectRef idx="2"/>
    <cs:fontRef idx="minor">
      <a:schemeClr val="tx2"/>
    </cs:fontRef>
    <cs:spPr>
      <a:ln w="9525" cap="rnd">
        <a:solidFill>
          <a:schemeClr val="phClr"/>
        </a:solidFill>
        <a:round/>
      </a:ln>
    </cs:spPr>
  </cs:dataPointWireframe>
  <cs:dataTable>
    <cs:lnRef idx="0"/>
    <cs:fillRef idx="0"/>
    <cs:effectRef idx="0"/>
    <cs:fontRef idx="minor">
      <a:schemeClr val="tx2"/>
    </cs:fontRef>
    <cs:spPr>
      <a:ln w="9525">
        <a:solidFill>
          <a:schemeClr val="tx2">
            <a:lumMod val="15000"/>
            <a:lumOff val="85000"/>
          </a:schemeClr>
        </a:solidFill>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2"/>
    </cs:fontRef>
    <cs:spPr>
      <a:ln w="9525">
        <a:solidFill>
          <a:schemeClr val="tx2">
            <a:lumMod val="60000"/>
            <a:lumOff val="40000"/>
          </a:schemeClr>
        </a:solidFill>
        <a:prstDash val="dash"/>
      </a:ln>
    </cs:spPr>
  </cs:dropLine>
  <cs:errorBar>
    <cs:lnRef idx="0"/>
    <cs:fillRef idx="0"/>
    <cs:effectRef idx="0"/>
    <cs:fontRef idx="minor">
      <a:schemeClr val="tx2"/>
    </cs:fontRef>
    <cs:spPr>
      <a:ln w="9525">
        <a:solidFill>
          <a:schemeClr val="tx2">
            <a:lumMod val="75000"/>
          </a:schemeClr>
        </a:solidFill>
        <a:round/>
      </a:ln>
    </cs:spPr>
  </cs:errorBar>
  <cs:floor>
    <cs:lnRef idx="0"/>
    <cs:fillRef idx="0"/>
    <cs:effectRef idx="0"/>
    <cs:fontRef idx="minor">
      <a:schemeClr val="tx2"/>
    </cs:fontRef>
  </cs:floor>
  <cs:gridlineMajor>
    <cs:lnRef idx="0"/>
    <cs:fillRef idx="0"/>
    <cs:effectRef idx="0"/>
    <cs:fontRef idx="minor">
      <a:schemeClr val="tx2"/>
    </cs:fontRef>
    <cs:spPr>
      <a:ln w="9525" cap="flat" cmpd="sng" algn="ctr">
        <a:solidFill>
          <a:schemeClr val="tx2">
            <a:lumMod val="15000"/>
            <a:lumOff val="85000"/>
          </a:schemeClr>
        </a:solidFill>
        <a:round/>
      </a:ln>
    </cs:spPr>
  </cs:gridlineMajor>
  <cs:gridlineMinor>
    <cs:lnRef idx="0"/>
    <cs:fillRef idx="0"/>
    <cs:effectRef idx="0"/>
    <cs:fontRef idx="minor">
      <a:schemeClr val="tx2"/>
    </cs:fontRef>
    <cs:spPr>
      <a:ln>
        <a:solidFill>
          <a:schemeClr val="tx2">
            <a:lumMod val="5000"/>
            <a:lumOff val="95000"/>
          </a:schemeClr>
        </a:solidFill>
      </a:ln>
    </cs:spPr>
  </cs:gridlineMinor>
  <cs:hiLoLine>
    <cs:lnRef idx="0"/>
    <cs:fillRef idx="0"/>
    <cs:effectRef idx="0"/>
    <cs:fontRef idx="minor">
      <a:schemeClr val="tx2"/>
    </cs:fontRef>
    <cs:spPr>
      <a:ln w="9525">
        <a:solidFill>
          <a:schemeClr val="tx2">
            <a:lumMod val="60000"/>
            <a:lumOff val="40000"/>
          </a:schemeClr>
        </a:solidFill>
        <a:prstDash val="dash"/>
      </a:ln>
    </cs:spPr>
  </cs:hiLoLine>
  <cs:leaderLine>
    <cs:lnRef idx="0"/>
    <cs:fillRef idx="0"/>
    <cs:effectRef idx="0"/>
    <cs:fontRef idx="minor">
      <a:schemeClr val="tx2"/>
    </cs:fontRef>
    <cs:spPr>
      <a:ln w="9525">
        <a:solidFill>
          <a:schemeClr val="tx2">
            <a:lumMod val="35000"/>
            <a:lumOff val="65000"/>
          </a:schemeClr>
        </a:solidFill>
      </a:ln>
    </cs:spPr>
  </cs:leaderLine>
  <cs:legend>
    <cs:lnRef idx="0"/>
    <cs:fillRef idx="0"/>
    <cs:effectRef idx="0"/>
    <cs:fontRef idx="minor">
      <a:schemeClr val="tx2"/>
    </cs:fontRef>
    <cs:defRPr sz="900" kern="1200"/>
  </cs:legend>
  <cs:plotArea>
    <cs:lnRef idx="0"/>
    <cs:fillRef idx="0"/>
    <cs:effectRef idx="0"/>
    <cs:fontRef idx="minor">
      <a:schemeClr val="tx2"/>
    </cs:fontRef>
  </cs:plotArea>
  <cs:plotArea3D>
    <cs:lnRef idx="0"/>
    <cs:fillRef idx="0"/>
    <cs:effectRef idx="0"/>
    <cs:fontRef idx="minor">
      <a:schemeClr val="tx2"/>
    </cs:fontRef>
  </cs:plotArea3D>
  <cs:seriesAxis>
    <cs:lnRef idx="0"/>
    <cs:fillRef idx="0"/>
    <cs:effectRef idx="0"/>
    <cs:fontRef idx="minor">
      <a:schemeClr val="tx2"/>
    </cs:fontRef>
    <cs:spPr>
      <a:ln w="9525" cap="flat" cmpd="sng" algn="ctr">
        <a:solidFill>
          <a:schemeClr val="tx2">
            <a:lumMod val="15000"/>
            <a:lumOff val="85000"/>
          </a:schemeClr>
        </a:solidFill>
        <a:round/>
      </a:ln>
    </cs:spPr>
    <cs:defRPr sz="900" kern="1200"/>
  </cs:seriesAxis>
  <cs:seriesLine>
    <cs:lnRef idx="0"/>
    <cs:fillRef idx="0"/>
    <cs:effectRef idx="0"/>
    <cs:fontRef idx="minor">
      <a:schemeClr val="tx2"/>
    </cs:fontRef>
    <cs:spPr>
      <a:ln w="9525">
        <a:solidFill>
          <a:schemeClr val="tx2">
            <a:lumMod val="60000"/>
            <a:lumOff val="40000"/>
          </a:schemeClr>
        </a:solidFill>
        <a:prstDash val="dash"/>
      </a:ln>
    </cs:spPr>
  </cs:seriesLine>
  <cs:title>
    <cs:lnRef idx="0"/>
    <cs:fillRef idx="0"/>
    <cs:effectRef idx="0"/>
    <cs:fontRef idx="minor">
      <a:schemeClr val="tx2"/>
    </cs:fontRef>
    <cs:defRPr sz="1600" b="1" kern="1200"/>
  </cs:title>
  <cs:trendline>
    <cs:lnRef idx="0">
      <cs:styleClr val="auto"/>
    </cs:lnRef>
    <cs:fillRef idx="0"/>
    <cs:effectRef idx="0"/>
    <cs:fontRef idx="minor">
      <a:schemeClr val="tx2"/>
    </cs:fontRef>
    <cs:spPr>
      <a:ln w="9525" cap="rnd">
        <a:solidFill>
          <a:schemeClr val="phClr"/>
        </a:solidFill>
      </a:ln>
    </cs:spPr>
  </cs:trendline>
  <cs:trendlineLabel>
    <cs:lnRef idx="0"/>
    <cs:fillRef idx="0"/>
    <cs:effectRef idx="0"/>
    <cs:fontRef idx="minor">
      <a:schemeClr val="tx2"/>
    </cs:fontRef>
    <cs:defRPr sz="900" kern="1200"/>
  </cs:trendlineLabel>
  <cs:upBar>
    <cs:lnRef idx="0"/>
    <cs:fillRef idx="0"/>
    <cs:effectRef idx="0"/>
    <cs:fontRef idx="minor">
      <a:schemeClr val="tx2"/>
    </cs:fontRef>
    <cs:spPr>
      <a:solidFill>
        <a:schemeClr val="lt1"/>
      </a:solidFill>
      <a:ln w="9525">
        <a:solidFill>
          <a:schemeClr val="tx1">
            <a:lumMod val="15000"/>
            <a:lumOff val="85000"/>
          </a:schemeClr>
        </a:solidFill>
      </a:ln>
    </cs:spPr>
  </cs:upBar>
  <cs:valueAxis>
    <cs:lnRef idx="0"/>
    <cs:fillRef idx="0"/>
    <cs:effectRef idx="0"/>
    <cs:fontRef idx="minor">
      <a:schemeClr val="tx2"/>
    </cs:fontRef>
    <cs:spPr>
      <a:ln>
        <a:solidFill>
          <a:schemeClr val="tx2">
            <a:lumMod val="40000"/>
            <a:lumOff val="60000"/>
          </a:schemeClr>
        </a:solidFill>
      </a:ln>
    </cs:spPr>
    <cs:defRPr sz="900" kern="1200"/>
  </cs:valueAxis>
  <cs:wall>
    <cs:lnRef idx="0"/>
    <cs:fillRef idx="0"/>
    <cs:effectRef idx="0"/>
    <cs:fontRef idx="minor">
      <a:schemeClr val="tx2"/>
    </cs:fontRef>
  </cs:wall>
</cs:chartStyle>
</file>

<file path=ppt/diagrams/colors1.xml><?xml version="1.0" encoding="utf-8"?>
<dgm:colorsDef xmlns:dgm="http://schemas.openxmlformats.org/drawingml/2006/diagram" xmlns:a="http://schemas.openxmlformats.org/drawingml/2006/main" uniqueId="urn:microsoft.com/office/officeart/2005/8/colors/colorful2">
  <dgm:title val=""/>
  <dgm:desc val=""/>
  <dgm:catLst>
    <dgm:cat type="colorful" pri="10200"/>
  </dgm:catLst>
  <dgm:styleLbl name="node0">
    <dgm:fillClrLst meth="repeat">
      <a:schemeClr val="accent1"/>
    </dgm:fillClrLst>
    <dgm:linClrLst meth="repeat">
      <a:schemeClr val="lt1"/>
    </dgm:linClrLst>
    <dgm:effectClrLst/>
    <dgm:txLinClrLst/>
    <dgm:txFillClrLst/>
    <dgm:txEffectClrLst/>
  </dgm:styleLbl>
  <dgm:styleLbl name="node1">
    <dgm:fillClrLst>
      <a:schemeClr val="accent2"/>
      <a:schemeClr val="accent3"/>
    </dgm:fillClrLst>
    <dgm:linClrLst meth="repeat">
      <a:schemeClr val="lt1"/>
    </dgm:linClrLst>
    <dgm:effectClrLst/>
    <dgm:txLinClrLst/>
    <dgm:txFillClrLst/>
    <dgm:txEffectClrLst/>
  </dgm:styleLbl>
  <dgm:styleLbl name="alignNode1">
    <dgm:fillClrLst>
      <a:schemeClr val="accent2"/>
      <a:schemeClr val="accent3"/>
    </dgm:fillClrLst>
    <dgm:linClrLst>
      <a:schemeClr val="accent2"/>
      <a:schemeClr val="accent3"/>
    </dgm:linClrLst>
    <dgm:effectClrLst/>
    <dgm:txLinClrLst/>
    <dgm:txFillClrLst/>
    <dgm:txEffectClrLst/>
  </dgm:styleLbl>
  <dgm:styleLbl name="lnNode1">
    <dgm:fillClrLst>
      <a:schemeClr val="accent2"/>
      <a:schemeClr val="accent3"/>
    </dgm:fillClrLst>
    <dgm:linClrLst meth="repeat">
      <a:schemeClr val="lt1"/>
    </dgm:linClrLst>
    <dgm:effectClrLst/>
    <dgm:txLinClrLst/>
    <dgm:txFillClrLst/>
    <dgm:txEffectClrLst/>
  </dgm:styleLbl>
  <dgm:styleLbl name="vennNode1">
    <dgm:fillClrLst>
      <a:schemeClr val="accent2">
        <a:alpha val="50000"/>
      </a:schemeClr>
      <a:schemeClr val="accent3">
        <a:alpha val="50000"/>
      </a:schemeClr>
    </dgm:fillClrLst>
    <dgm:linClrLst meth="repeat">
      <a:schemeClr val="lt1"/>
    </dgm:linClrLst>
    <dgm:effectClrLst/>
    <dgm:txLinClrLst/>
    <dgm:txFillClrLst/>
    <dgm:txEffectClrLst/>
  </dgm:styleLbl>
  <dgm:styleLbl name="node2">
    <dgm:fillClrLst>
      <a:schemeClr val="accent3"/>
    </dgm:fillClrLst>
    <dgm:linClrLst meth="repeat">
      <a:schemeClr val="lt1"/>
    </dgm:linClrLst>
    <dgm:effectClrLst/>
    <dgm:txLinClrLst/>
    <dgm:txFillClrLst/>
    <dgm:txEffectClrLst/>
  </dgm:styleLbl>
  <dgm:styleLbl name="node3">
    <dgm:fillClrLst>
      <a:schemeClr val="accent4"/>
    </dgm:fillClrLst>
    <dgm:linClrLst meth="repeat">
      <a:schemeClr val="lt1"/>
    </dgm:linClrLst>
    <dgm:effectClrLst/>
    <dgm:txLinClrLst/>
    <dgm:txFillClrLst/>
    <dgm:txEffectClrLst/>
  </dgm:styleLbl>
  <dgm:styleLbl name="node4">
    <dgm:fillClrLst>
      <a:schemeClr val="accent5"/>
    </dgm:fillClrLst>
    <dgm:linClrLst meth="repeat">
      <a:schemeClr val="lt1"/>
    </dgm:linClrLst>
    <dgm:effectClrLst/>
    <dgm:txLinClrLst/>
    <dgm:txFillClrLst/>
    <dgm:txEffectClrLst/>
  </dgm:styleLbl>
  <dgm:styleLbl name="fgImgPlace1">
    <dgm:fillClrLst>
      <a:schemeClr val="accent2">
        <a:tint val="50000"/>
      </a:schemeClr>
      <a:schemeClr val="accent3">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3">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chemeClr val="accent3"/>
    </dgm:fillClrLst>
    <dgm:linClrLst meth="repeat">
      <a:schemeClr val="lt1"/>
    </dgm:linClrLst>
    <dgm:effectClrLst/>
    <dgm:txLinClrLst/>
    <dgm:txFillClrLst/>
    <dgm:txEffectClrLst/>
  </dgm:styleLbl>
  <dgm:styleLbl name="fgSibTrans2D1">
    <dgm:fillClrLst>
      <a:schemeClr val="accent2"/>
      <a:schemeClr val="accent3"/>
    </dgm:fillClrLst>
    <dgm:linClrLst meth="repeat">
      <a:schemeClr val="lt1"/>
    </dgm:linClrLst>
    <dgm:effectClrLst/>
    <dgm:txLinClrLst/>
    <dgm:txFillClrLst meth="repeat">
      <a:schemeClr val="lt1"/>
    </dgm:txFillClrLst>
    <dgm:txEffectClrLst/>
  </dgm:styleLbl>
  <dgm:styleLbl name="bgSibTrans2D1">
    <dgm:fillClrLst>
      <a:schemeClr val="accent2"/>
      <a:schemeClr val="accent3"/>
    </dgm:fillClrLst>
    <dgm:linClrLst meth="repeat">
      <a:schemeClr val="lt1"/>
    </dgm:linClrLst>
    <dgm:effectClrLst/>
    <dgm:txLinClrLst/>
    <dgm:txFillClrLst meth="repeat">
      <a:schemeClr val="lt1"/>
    </dgm:txFillClrLst>
    <dgm:txEffectClrLst/>
  </dgm:styleLbl>
  <dgm:styleLbl name="sibTrans1D1">
    <dgm:fillClrLst/>
    <dgm:linClrLst>
      <a:schemeClr val="accent2"/>
      <a:schemeClr val="accent3"/>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2"/>
    </dgm:fillClrLst>
    <dgm:linClrLst meth="repeat">
      <a:schemeClr val="lt1">
        <a:shade val="80000"/>
      </a:schemeClr>
    </dgm:linClrLst>
    <dgm:effectClrLst/>
    <dgm:txLinClrLst/>
    <dgm:txFillClrLst/>
    <dgm:txEffectClrLst/>
  </dgm:styleLbl>
  <dgm:styleLbl name="asst1">
    <dgm:fillClrLst meth="repeat">
      <a:schemeClr val="accent3"/>
    </dgm:fillClrLst>
    <dgm:linClrLst meth="repeat">
      <a:schemeClr val="lt1">
        <a:shade val="80000"/>
      </a:schemeClr>
    </dgm:linClrLst>
    <dgm:effectClrLst/>
    <dgm:txLinClrLst/>
    <dgm:txFillClrLst/>
    <dgm:txEffectClrLst/>
  </dgm:styleLbl>
  <dgm:styleLbl name="asst2">
    <dgm:fillClrLst>
      <a:schemeClr val="accent4"/>
    </dgm:fillClrLst>
    <dgm:linClrLst meth="repeat">
      <a:schemeClr val="lt1"/>
    </dgm:linClrLst>
    <dgm:effectClrLst/>
    <dgm:txLinClrLst/>
    <dgm:txFillClrLst/>
    <dgm:txEffectClrLst/>
  </dgm:styleLbl>
  <dgm:styleLbl name="asst3">
    <dgm:fillClrLst>
      <a:schemeClr val="accent5"/>
    </dgm:fillClrLst>
    <dgm:linClrLst meth="repeat">
      <a:schemeClr val="lt1"/>
    </dgm:linClrLst>
    <dgm:effectClrLst/>
    <dgm:txLinClrLst/>
    <dgm:txFillClrLst/>
    <dgm:txEffectClrLst/>
  </dgm:styleLbl>
  <dgm:styleLbl name="asst4">
    <dgm:fillClrLst>
      <a:schemeClr val="accent6"/>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2"/>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3"/>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4"/>
    </dgm:linClrLst>
    <dgm:effectClrLst/>
    <dgm:txLinClrLst/>
    <dgm:txFillClrLst meth="repeat">
      <a:schemeClr val="tx1"/>
    </dgm:txFillClrLst>
    <dgm:txEffectClrLst/>
  </dgm:styleLbl>
  <dgm:styleLbl name="parChTrans1D4">
    <dgm:fillClrLst meth="repeat">
      <a:schemeClr val="accent2">
        <a:tint val="50000"/>
      </a:schemeClr>
    </dgm:fillClrLst>
    <dgm:linClrLst meth="repeat">
      <a:schemeClr val="accent5"/>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chemeClr val="accent3"/>
    </dgm:linClrLst>
    <dgm:effectClrLst/>
    <dgm:txLinClrLst/>
    <dgm:txFillClrLst meth="repeat">
      <a:schemeClr val="dk1"/>
    </dgm:txFillClrLst>
    <dgm:txEffectClrLst/>
  </dgm:styleLbl>
  <dgm:styleLbl name="solidFgAcc1">
    <dgm:fillClrLst meth="repeat">
      <a:schemeClr val="lt1"/>
    </dgm:fillClrLst>
    <dgm:linClrLst>
      <a:schemeClr val="accent2"/>
      <a:schemeClr val="accent3"/>
    </dgm:linClrLst>
    <dgm:effectClrLst/>
    <dgm:txLinClrLst/>
    <dgm:txFillClrLst meth="repeat">
      <a:schemeClr val="dk1"/>
    </dgm:txFillClrLst>
    <dgm:txEffectClrLst/>
  </dgm:styleLbl>
  <dgm:styleLbl name="solidAlignAcc1">
    <dgm:fillClrLst meth="repeat">
      <a:schemeClr val="lt1"/>
    </dgm:fillClrLst>
    <dgm:linClrLst>
      <a:schemeClr val="accent2"/>
      <a:schemeClr val="accent3"/>
    </dgm:linClrLst>
    <dgm:effectClrLst/>
    <dgm:txLinClrLst/>
    <dgm:txFillClrLst meth="repeat">
      <a:schemeClr val="dk1"/>
    </dgm:txFillClrLst>
    <dgm:txEffectClrLst/>
  </dgm:styleLbl>
  <dgm:styleLbl name="solidBgAcc1">
    <dgm:fillClrLst meth="repeat">
      <a:schemeClr val="lt1"/>
    </dgm:fillClrLst>
    <dgm:linClrLst>
      <a:schemeClr val="accent2"/>
      <a:schemeClr val="accent3"/>
    </dgm:linClrLst>
    <dgm:effectClrLst/>
    <dgm:txLinClrLst/>
    <dgm:txFillClrLst meth="repeat">
      <a:schemeClr val="dk1"/>
    </dgm:txFillClrLst>
    <dgm:txEffectClrLst/>
  </dgm:styleLbl>
  <dgm:styleLbl name="f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align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bgAccFollowNode1">
    <dgm:fillClrLst>
      <a:schemeClr val="accent2">
        <a:tint val="40000"/>
        <a:alpha val="90000"/>
      </a:schemeClr>
      <a:schemeClr val="accent3">
        <a:tint val="40000"/>
        <a:alpha val="90000"/>
      </a:schemeClr>
    </dgm:fillClrLst>
    <dgm:linClrLst>
      <a:schemeClr val="accent2">
        <a:tint val="40000"/>
        <a:alpha val="90000"/>
      </a:schemeClr>
      <a:schemeClr val="accent3">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3"/>
    </dgm:linClrLst>
    <dgm:effectClrLst/>
    <dgm:txLinClrLst/>
    <dgm:txFillClrLst meth="repeat">
      <a:schemeClr val="dk1"/>
    </dgm:txFillClrLst>
    <dgm:txEffectClrLst/>
  </dgm:styleLbl>
  <dgm:styleLbl name="fgAcc3">
    <dgm:fillClrLst meth="repeat">
      <a:schemeClr val="lt1">
        <a:alpha val="90000"/>
      </a:schemeClr>
    </dgm:fillClrLst>
    <dgm:linClrLst>
      <a:schemeClr val="accent4"/>
    </dgm:linClrLst>
    <dgm:effectClrLst/>
    <dgm:txLinClrLst/>
    <dgm:txFillClrLst meth="repeat">
      <a:schemeClr val="dk1"/>
    </dgm:txFillClrLst>
    <dgm:txEffectClrLst/>
  </dgm:styleLbl>
  <dgm:styleLbl name="fgAcc4">
    <dgm:fillClrLst meth="repeat">
      <a:schemeClr val="lt1">
        <a:alpha val="90000"/>
      </a:schemeClr>
    </dgm:fillClrLst>
    <dgm:linClrLst>
      <a:schemeClr val="accent5"/>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5_2">
  <dgm:title val=""/>
  <dgm:desc val=""/>
  <dgm:catLst>
    <dgm:cat type="accent5" pri="11200"/>
  </dgm:catLst>
  <dgm:styleLbl name="node0">
    <dgm:fillClrLst meth="repeat">
      <a:schemeClr val="accent5"/>
    </dgm:fillClrLst>
    <dgm:linClrLst meth="repeat">
      <a:schemeClr val="lt1"/>
    </dgm:linClrLst>
    <dgm:effectClrLst/>
    <dgm:txLinClrLst/>
    <dgm:txFillClrLst/>
    <dgm:txEffectClrLst/>
  </dgm:styleLbl>
  <dgm:styleLbl name="node1">
    <dgm:fillClrLst meth="repeat">
      <a:schemeClr val="accent5"/>
    </dgm:fillClrLst>
    <dgm:linClrLst meth="repeat">
      <a:schemeClr val="lt1"/>
    </dgm:linClrLst>
    <dgm:effectClrLst/>
    <dgm:txLinClrLst/>
    <dgm:txFillClrLst/>
    <dgm:txEffectClrLst/>
  </dgm:styleLbl>
  <dgm:styleLbl name="alignNode1">
    <dgm:fillClrLst meth="repeat">
      <a:schemeClr val="accent5"/>
    </dgm:fillClrLst>
    <dgm:linClrLst meth="repeat">
      <a:schemeClr val="accent5"/>
    </dgm:linClrLst>
    <dgm:effectClrLst/>
    <dgm:txLinClrLst/>
    <dgm:txFillClrLst/>
    <dgm:txEffectClrLst/>
  </dgm:styleLbl>
  <dgm:styleLbl name="lnNode1">
    <dgm:fillClrLst meth="repeat">
      <a:schemeClr val="accent5"/>
    </dgm:fillClrLst>
    <dgm:linClrLst meth="repeat">
      <a:schemeClr val="lt1"/>
    </dgm:linClrLst>
    <dgm:effectClrLst/>
    <dgm:txLinClrLst/>
    <dgm:txFillClrLst/>
    <dgm:txEffectClrLst/>
  </dgm:styleLbl>
  <dgm:styleLbl name="vennNode1">
    <dgm:fillClrLst meth="repeat">
      <a:schemeClr val="accent5">
        <a:alpha val="50000"/>
      </a:schemeClr>
    </dgm:fillClrLst>
    <dgm:linClrLst meth="repeat">
      <a:schemeClr val="lt1"/>
    </dgm:linClrLst>
    <dgm:effectClrLst/>
    <dgm:txLinClrLst/>
    <dgm:txFillClrLst/>
    <dgm:txEffectClrLst/>
  </dgm:styleLbl>
  <dgm:styleLbl name="node2">
    <dgm:fillClrLst meth="repeat">
      <a:schemeClr val="accent5"/>
    </dgm:fillClrLst>
    <dgm:linClrLst meth="repeat">
      <a:schemeClr val="lt1"/>
    </dgm:linClrLst>
    <dgm:effectClrLst/>
    <dgm:txLinClrLst/>
    <dgm:txFillClrLst/>
    <dgm:txEffectClrLst/>
  </dgm:styleLbl>
  <dgm:styleLbl name="node3">
    <dgm:fillClrLst meth="repeat">
      <a:schemeClr val="accent5"/>
    </dgm:fillClrLst>
    <dgm:linClrLst meth="repeat">
      <a:schemeClr val="lt1"/>
    </dgm:linClrLst>
    <dgm:effectClrLst/>
    <dgm:txLinClrLst/>
    <dgm:txFillClrLst/>
    <dgm:txEffectClrLst/>
  </dgm:styleLbl>
  <dgm:styleLbl name="node4">
    <dgm:fillClrLst meth="repeat">
      <a:schemeClr val="accent5"/>
    </dgm:fillClrLst>
    <dgm:linClrLst meth="repeat">
      <a:schemeClr val="lt1"/>
    </dgm:linClrLst>
    <dgm:effectClrLst/>
    <dgm:txLinClrLst/>
    <dgm:txFillClrLst/>
    <dgm:txEffectClrLst/>
  </dgm:styleLbl>
  <dgm:styleLbl name="fgImgPlace1">
    <dgm:fillClrLst meth="repeat">
      <a:schemeClr val="accent5">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5">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5">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5">
        <a:tint val="60000"/>
      </a:schemeClr>
    </dgm:fillClrLst>
    <dgm:linClrLst meth="repeat">
      <a:schemeClr val="accent5">
        <a:tint val="60000"/>
      </a:schemeClr>
    </dgm:linClrLst>
    <dgm:effectClrLst/>
    <dgm:txLinClrLst/>
    <dgm:txFillClrLst/>
    <dgm:txEffectClrLst/>
  </dgm:styleLbl>
  <dgm:styleLbl name="fgSibTrans2D1">
    <dgm:fillClrLst meth="repeat">
      <a:schemeClr val="accent5">
        <a:tint val="60000"/>
      </a:schemeClr>
    </dgm:fillClrLst>
    <dgm:linClrLst meth="repeat">
      <a:schemeClr val="accent5">
        <a:tint val="60000"/>
      </a:schemeClr>
    </dgm:linClrLst>
    <dgm:effectClrLst/>
    <dgm:txLinClrLst/>
    <dgm:txFillClrLst/>
    <dgm:txEffectClrLst/>
  </dgm:styleLbl>
  <dgm:styleLbl name="bgSibTrans2D1">
    <dgm:fillClrLst meth="repeat">
      <a:schemeClr val="accent5">
        <a:tint val="60000"/>
      </a:schemeClr>
    </dgm:fillClrLst>
    <dgm:linClrLst meth="repeat">
      <a:schemeClr val="accent5">
        <a:tint val="60000"/>
      </a:schemeClr>
    </dgm:linClrLst>
    <dgm:effectClrLst/>
    <dgm:txLinClrLst/>
    <dgm:txFillClrLst/>
    <dgm:txEffectClrLst/>
  </dgm:styleLbl>
  <dgm:styleLbl name="sibTrans1D1">
    <dgm:fillClrLst meth="repeat">
      <a:schemeClr val="accent5"/>
    </dgm:fillClrLst>
    <dgm:linClrLst meth="repeat">
      <a:schemeClr val="accent5"/>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dgm:linClrLst>
    <dgm:effectClrLst/>
    <dgm:txLinClrLst/>
    <dgm:txFillClrLst/>
    <dgm:txEffectClrLst/>
  </dgm:styleLbl>
  <dgm:styleLbl name="asst1">
    <dgm:fillClrLst meth="repeat">
      <a:schemeClr val="accent5"/>
    </dgm:fillClrLst>
    <dgm:linClrLst meth="repeat">
      <a:schemeClr val="lt1"/>
    </dgm:linClrLst>
    <dgm:effectClrLst/>
    <dgm:txLinClrLst/>
    <dgm:txFillClrLst/>
    <dgm:txEffectClrLst/>
  </dgm:styleLbl>
  <dgm:styleLbl name="asst2">
    <dgm:fillClrLst meth="repeat">
      <a:schemeClr val="accent5"/>
    </dgm:fillClrLst>
    <dgm:linClrLst meth="repeat">
      <a:schemeClr val="lt1"/>
    </dgm:linClrLst>
    <dgm:effectClrLst/>
    <dgm:txLinClrLst/>
    <dgm:txFillClrLst/>
    <dgm:txEffectClrLst/>
  </dgm:styleLbl>
  <dgm:styleLbl name="asst3">
    <dgm:fillClrLst meth="repeat">
      <a:schemeClr val="accent5"/>
    </dgm:fillClrLst>
    <dgm:linClrLst meth="repeat">
      <a:schemeClr val="lt1"/>
    </dgm:linClrLst>
    <dgm:effectClrLst/>
    <dgm:txLinClrLst/>
    <dgm:txFillClrLst/>
    <dgm:txEffectClrLst/>
  </dgm:styleLbl>
  <dgm:styleLbl name="asst4">
    <dgm:fillClrLst meth="repeat">
      <a:schemeClr val="accent5"/>
    </dgm:fillClrLst>
    <dgm:linClrLst meth="repeat">
      <a:schemeClr val="lt1"/>
    </dgm:linClrLst>
    <dgm:effectClrLst/>
    <dgm:txLinClrLst/>
    <dgm:txFillClrLst/>
    <dgm:txEffectClrLst/>
  </dgm:styleLbl>
  <dgm:styleLbl name="parChTrans2D1">
    <dgm:fillClrLst meth="repeat">
      <a:schemeClr val="accent5">
        <a:tint val="60000"/>
      </a:schemeClr>
    </dgm:fillClrLst>
    <dgm:linClrLst meth="repeat">
      <a:schemeClr val="accent5">
        <a:tint val="60000"/>
      </a:schemeClr>
    </dgm:linClrLst>
    <dgm:effectClrLst/>
    <dgm:txLinClrLst/>
    <dgm:txFillClrLst meth="repeat">
      <a:schemeClr val="lt1"/>
    </dgm:txFillClrLst>
    <dgm:txEffectClrLst/>
  </dgm:styleLbl>
  <dgm:styleLbl name="parChTrans2D2">
    <dgm:fillClrLst meth="repeat">
      <a:schemeClr val="accent5"/>
    </dgm:fillClrLst>
    <dgm:linClrLst meth="repeat">
      <a:schemeClr val="accent5"/>
    </dgm:linClrLst>
    <dgm:effectClrLst/>
    <dgm:txLinClrLst/>
    <dgm:txFillClrLst meth="repeat">
      <a:schemeClr val="lt1"/>
    </dgm:txFillClrLst>
    <dgm:txEffectClrLst/>
  </dgm:styleLbl>
  <dgm:styleLbl name="parChTrans2D3">
    <dgm:fillClrLst meth="repeat">
      <a:schemeClr val="accent5"/>
    </dgm:fillClrLst>
    <dgm:linClrLst meth="repeat">
      <a:schemeClr val="accent5"/>
    </dgm:linClrLst>
    <dgm:effectClrLst/>
    <dgm:txLinClrLst/>
    <dgm:txFillClrLst meth="repeat">
      <a:schemeClr val="lt1"/>
    </dgm:txFillClrLst>
    <dgm:txEffectClrLst/>
  </dgm:styleLbl>
  <dgm:styleLbl name="parChTrans2D4">
    <dgm:fillClrLst meth="repeat">
      <a:schemeClr val="accent5"/>
    </dgm:fillClrLst>
    <dgm:linClrLst meth="repeat">
      <a:schemeClr val="accent5"/>
    </dgm:linClrLst>
    <dgm:effectClrLst/>
    <dgm:txLinClrLst/>
    <dgm:txFillClrLst meth="repeat">
      <a:schemeClr val="lt1"/>
    </dgm:txFillClrLst>
    <dgm:txEffectClrLst/>
  </dgm:styleLbl>
  <dgm:styleLbl name="parChTrans1D1">
    <dgm:fillClrLst meth="repeat">
      <a:schemeClr val="accent5"/>
    </dgm:fillClrLst>
    <dgm:linClrLst meth="repeat">
      <a:schemeClr val="accent5">
        <a:shade val="60000"/>
      </a:schemeClr>
    </dgm:linClrLst>
    <dgm:effectClrLst/>
    <dgm:txLinClrLst/>
    <dgm:txFillClrLst meth="repeat">
      <a:schemeClr val="tx1"/>
    </dgm:txFillClrLst>
    <dgm:txEffectClrLst/>
  </dgm:styleLbl>
  <dgm:styleLbl name="parChTrans1D2">
    <dgm:fillClrLst meth="repeat">
      <a:schemeClr val="accent5"/>
    </dgm:fillClrLst>
    <dgm:linClrLst meth="repeat">
      <a:schemeClr val="accent5">
        <a:shade val="60000"/>
      </a:schemeClr>
    </dgm:linClrLst>
    <dgm:effectClrLst/>
    <dgm:txLinClrLst/>
    <dgm:txFillClrLst meth="repeat">
      <a:schemeClr val="tx1"/>
    </dgm:txFillClrLst>
    <dgm:txEffectClrLst/>
  </dgm:styleLbl>
  <dgm:styleLbl name="parChTrans1D3">
    <dgm:fillClrLst meth="repeat">
      <a:schemeClr val="accent5"/>
    </dgm:fillClrLst>
    <dgm:linClrLst meth="repeat">
      <a:schemeClr val="accent5">
        <a:shade val="80000"/>
      </a:schemeClr>
    </dgm:linClrLst>
    <dgm:effectClrLst/>
    <dgm:txLinClrLst/>
    <dgm:txFillClrLst meth="repeat">
      <a:schemeClr val="tx1"/>
    </dgm:txFillClrLst>
    <dgm:txEffectClrLst/>
  </dgm:styleLbl>
  <dgm:styleLbl name="parChTrans1D4">
    <dgm:fillClrLst meth="repeat">
      <a:schemeClr val="accent5"/>
    </dgm:fillClrLst>
    <dgm:linClrLst meth="repeat">
      <a:schemeClr val="accent5">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5"/>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5"/>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5"/>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5"/>
    </dgm:linClrLst>
    <dgm:effectClrLst/>
    <dgm:txLinClrLst/>
    <dgm:txFillClrLst meth="repeat">
      <a:schemeClr val="dk1"/>
    </dgm:txFillClrLst>
    <dgm:txEffectClrLst/>
  </dgm:styleLbl>
  <dgm:styleLbl name="solidFgAcc1">
    <dgm:fillClrLst meth="repeat">
      <a:schemeClr val="lt1"/>
    </dgm:fillClrLst>
    <dgm:linClrLst meth="repeat">
      <a:schemeClr val="accent5"/>
    </dgm:linClrLst>
    <dgm:effectClrLst/>
    <dgm:txLinClrLst/>
    <dgm:txFillClrLst meth="repeat">
      <a:schemeClr val="dk1"/>
    </dgm:txFillClrLst>
    <dgm:txEffectClrLst/>
  </dgm:styleLbl>
  <dgm:styleLbl name="solidAlignAcc1">
    <dgm:fillClrLst meth="repeat">
      <a:schemeClr val="lt1"/>
    </dgm:fillClrLst>
    <dgm:linClrLst meth="repeat">
      <a:schemeClr val="accent5"/>
    </dgm:linClrLst>
    <dgm:effectClrLst/>
    <dgm:txLinClrLst/>
    <dgm:txFillClrLst meth="repeat">
      <a:schemeClr val="dk1"/>
    </dgm:txFillClrLst>
    <dgm:txEffectClrLst/>
  </dgm:styleLbl>
  <dgm:styleLbl name="solidBgAcc1">
    <dgm:fillClrLst meth="repeat">
      <a:schemeClr val="lt1"/>
    </dgm:fillClrLst>
    <dgm:linClrLst meth="repeat">
      <a:schemeClr val="accent5"/>
    </dgm:linClrLst>
    <dgm:effectClrLst/>
    <dgm:txLinClrLst/>
    <dgm:txFillClrLst meth="repeat">
      <a:schemeClr val="dk1"/>
    </dgm:txFillClrLst>
    <dgm:txEffectClrLst/>
  </dgm:styleLbl>
  <dgm:styleLbl name="fgAccFollowNode1">
    <dgm:fillClrLst meth="repeat">
      <a:schemeClr val="accent5">
        <a:alpha val="90000"/>
        <a:tint val="40000"/>
      </a:schemeClr>
    </dgm:fillClrLst>
    <dgm:linClrLst meth="repeat">
      <a:schemeClr val="accent5">
        <a:alpha val="90000"/>
        <a:tint val="40000"/>
      </a:schemeClr>
    </dgm:linClrLst>
    <dgm:effectClrLst/>
    <dgm:txLinClrLst/>
    <dgm:txFillClrLst meth="repeat">
      <a:schemeClr val="dk1"/>
    </dgm:txFillClrLst>
    <dgm:txEffectClrLst/>
  </dgm:styleLbl>
  <dgm:styleLbl name="alignAccFollowNode1">
    <dgm:fillClrLst meth="repeat">
      <a:schemeClr val="accent5">
        <a:alpha val="90000"/>
        <a:tint val="40000"/>
      </a:schemeClr>
    </dgm:fillClrLst>
    <dgm:linClrLst meth="repeat">
      <a:schemeClr val="accent5">
        <a:alpha val="90000"/>
        <a:tint val="40000"/>
      </a:schemeClr>
    </dgm:linClrLst>
    <dgm:effectClrLst/>
    <dgm:txLinClrLst/>
    <dgm:txFillClrLst meth="repeat">
      <a:schemeClr val="dk1"/>
    </dgm:txFillClrLst>
    <dgm:txEffectClrLst/>
  </dgm:styleLbl>
  <dgm:styleLbl name="bgAccFollowNode1">
    <dgm:fillClrLst meth="repeat">
      <a:schemeClr val="accent5">
        <a:alpha val="90000"/>
        <a:tint val="40000"/>
      </a:schemeClr>
    </dgm:fillClrLst>
    <dgm:linClrLst meth="repeat">
      <a:schemeClr val="accent5">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5"/>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5"/>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5"/>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5"/>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accent5"/>
    </dgm:linClrLst>
    <dgm:effectClrLst/>
    <dgm:txLinClrLst/>
    <dgm:txFillClrLst meth="repeat">
      <a:schemeClr val="dk1"/>
    </dgm:txFillClrLst>
    <dgm:txEffectClrLst/>
  </dgm:styleLbl>
  <dgm:styleLbl name="dkBgShp">
    <dgm:fillClrLst meth="repeat">
      <a:schemeClr val="accent5">
        <a:shade val="80000"/>
      </a:schemeClr>
    </dgm:fillClrLst>
    <dgm:linClrLst meth="repeat">
      <a:schemeClr val="accent5"/>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EB847B44-E989-46CC-9623-D2EEEA249AA4}" type="doc">
      <dgm:prSet loTypeId="urn:microsoft.com/office/officeart/2009/3/layout/HorizontalOrganizationChart" loCatId="hierarchy" qsTypeId="urn:microsoft.com/office/officeart/2005/8/quickstyle/simple1" qsCatId="simple" csTypeId="urn:microsoft.com/office/officeart/2005/8/colors/colorful2" csCatId="colorful" phldr="1"/>
      <dgm:spPr/>
      <dgm:t>
        <a:bodyPr/>
        <a:lstStyle/>
        <a:p>
          <a:endParaRPr lang="en-NL"/>
        </a:p>
      </dgm:t>
    </dgm:pt>
    <dgm:pt modelId="{8D2C6596-F2B0-40F4-8633-5CD307D55512}">
      <dgm:prSet phldrT="[Text]" custT="1"/>
      <dgm:spPr/>
      <dgm:t>
        <a:bodyPr/>
        <a:lstStyle/>
        <a:p>
          <a:r>
            <a:rPr lang="en-US" sz="1400" b="1">
              <a:effectLst>
                <a:outerShdw blurRad="50800" dist="38100" dir="2700000" algn="tl" rotWithShape="0">
                  <a:prstClr val="black">
                    <a:alpha val="40000"/>
                  </a:prstClr>
                </a:outerShdw>
              </a:effectLst>
            </a:rPr>
            <a:t>H</a:t>
          </a:r>
          <a:r>
            <a:rPr lang="en-US" sz="1400" b="1" baseline="-25000">
              <a:effectLst>
                <a:outerShdw blurRad="50800" dist="38100" dir="2700000" algn="tl" rotWithShape="0">
                  <a:prstClr val="black">
                    <a:alpha val="40000"/>
                  </a:prstClr>
                </a:outerShdw>
              </a:effectLst>
            </a:rPr>
            <a:t>2</a:t>
          </a:r>
          <a:r>
            <a:rPr lang="en-US" sz="1400" b="1">
              <a:effectLst>
                <a:outerShdw blurRad="50800" dist="38100" dir="2700000" algn="tl" rotWithShape="0">
                  <a:prstClr val="black">
                    <a:alpha val="40000"/>
                  </a:prstClr>
                </a:outerShdw>
              </a:effectLst>
            </a:rPr>
            <a:t> </a:t>
          </a:r>
        </a:p>
        <a:p>
          <a:r>
            <a:rPr lang="en-US" sz="1400" b="1">
              <a:effectLst>
                <a:outerShdw blurRad="50800" dist="38100" dir="2700000" algn="tl" rotWithShape="0">
                  <a:prstClr val="black">
                    <a:alpha val="40000"/>
                  </a:prstClr>
                </a:outerShdw>
              </a:effectLst>
            </a:rPr>
            <a:t>Storage Solutions</a:t>
          </a:r>
          <a:endParaRPr lang="en-NL" sz="1400" b="1">
            <a:effectLst>
              <a:outerShdw blurRad="50800" dist="38100" dir="2700000" algn="tl" rotWithShape="0">
                <a:prstClr val="black">
                  <a:alpha val="40000"/>
                </a:prstClr>
              </a:outerShdw>
            </a:effectLst>
          </a:endParaRPr>
        </a:p>
      </dgm:t>
    </dgm:pt>
    <dgm:pt modelId="{74064AF8-5096-493A-BE36-8CC942BC6571}" type="parTrans" cxnId="{FBE038F0-04B7-4197-93B6-A54E808B3BED}">
      <dgm:prSet/>
      <dgm:spPr/>
      <dgm:t>
        <a:bodyPr/>
        <a:lstStyle/>
        <a:p>
          <a:endParaRPr lang="en-NL" sz="2000" b="1">
            <a:effectLst>
              <a:outerShdw blurRad="50800" dist="38100" dir="2700000" algn="tl" rotWithShape="0">
                <a:prstClr val="black">
                  <a:alpha val="40000"/>
                </a:prstClr>
              </a:outerShdw>
            </a:effectLst>
          </a:endParaRPr>
        </a:p>
      </dgm:t>
    </dgm:pt>
    <dgm:pt modelId="{23AF1FDB-FCD8-48D9-ABA4-589FCF56E5E6}" type="sibTrans" cxnId="{FBE038F0-04B7-4197-93B6-A54E808B3BED}">
      <dgm:prSet/>
      <dgm:spPr/>
      <dgm:t>
        <a:bodyPr/>
        <a:lstStyle/>
        <a:p>
          <a:endParaRPr lang="en-NL" sz="2000" b="1">
            <a:effectLst>
              <a:outerShdw blurRad="50800" dist="38100" dir="2700000" algn="tl" rotWithShape="0">
                <a:prstClr val="black">
                  <a:alpha val="40000"/>
                </a:prstClr>
              </a:outerShdw>
            </a:effectLst>
          </a:endParaRPr>
        </a:p>
      </dgm:t>
    </dgm:pt>
    <dgm:pt modelId="{6A15DF52-C1E7-4C05-8718-1DFE796C971F}">
      <dgm:prSet phldrT="[Text]" custT="1"/>
      <dgm:spPr/>
      <dgm:t>
        <a:bodyPr/>
        <a:lstStyle/>
        <a:p>
          <a:r>
            <a:rPr lang="en-US" sz="1400" b="1">
              <a:effectLst>
                <a:outerShdw blurRad="50800" dist="38100" dir="2700000" algn="tl" rotWithShape="0">
                  <a:prstClr val="black">
                    <a:alpha val="40000"/>
                  </a:prstClr>
                </a:outerShdw>
              </a:effectLst>
            </a:rPr>
            <a:t>Physical-based</a:t>
          </a:r>
          <a:endParaRPr lang="en-NL" sz="1400" b="1">
            <a:effectLst>
              <a:outerShdw blurRad="50800" dist="38100" dir="2700000" algn="tl" rotWithShape="0">
                <a:prstClr val="black">
                  <a:alpha val="40000"/>
                </a:prstClr>
              </a:outerShdw>
            </a:effectLst>
          </a:endParaRPr>
        </a:p>
      </dgm:t>
    </dgm:pt>
    <dgm:pt modelId="{B2B50A73-72F0-4A74-993A-AD338B980F44}" type="parTrans" cxnId="{460AE2D2-09DD-4EA7-8D33-EB969381BDE3}">
      <dgm:prSet/>
      <dgm:spPr/>
      <dgm:t>
        <a:bodyPr/>
        <a:lstStyle/>
        <a:p>
          <a:endParaRPr lang="en-NL" sz="2000" b="1">
            <a:effectLst>
              <a:outerShdw blurRad="50800" dist="38100" dir="2700000" algn="tl" rotWithShape="0">
                <a:prstClr val="black">
                  <a:alpha val="40000"/>
                </a:prstClr>
              </a:outerShdw>
            </a:effectLst>
          </a:endParaRPr>
        </a:p>
      </dgm:t>
    </dgm:pt>
    <dgm:pt modelId="{1BA4DF94-B6FB-4322-8A1F-FAD2817D9A4D}" type="sibTrans" cxnId="{460AE2D2-09DD-4EA7-8D33-EB969381BDE3}">
      <dgm:prSet/>
      <dgm:spPr/>
      <dgm:t>
        <a:bodyPr/>
        <a:lstStyle/>
        <a:p>
          <a:endParaRPr lang="en-NL" sz="2000" b="1">
            <a:effectLst>
              <a:outerShdw blurRad="50800" dist="38100" dir="2700000" algn="tl" rotWithShape="0">
                <a:prstClr val="black">
                  <a:alpha val="40000"/>
                </a:prstClr>
              </a:outerShdw>
            </a:effectLst>
          </a:endParaRPr>
        </a:p>
      </dgm:t>
    </dgm:pt>
    <dgm:pt modelId="{4C8D2774-BEFF-425C-BA8D-A38253F5F34A}">
      <dgm:prSet phldrT="[Text]" custT="1"/>
      <dgm:spPr/>
      <dgm:t>
        <a:bodyPr/>
        <a:lstStyle/>
        <a:p>
          <a:r>
            <a:rPr lang="en-US" sz="1400" b="1">
              <a:effectLst>
                <a:outerShdw blurRad="50800" dist="38100" dir="2700000" algn="tl" rotWithShape="0">
                  <a:prstClr val="black">
                    <a:alpha val="40000"/>
                  </a:prstClr>
                </a:outerShdw>
              </a:effectLst>
            </a:rPr>
            <a:t>Chemical-based</a:t>
          </a:r>
          <a:endParaRPr lang="en-NL" sz="1400" b="1">
            <a:effectLst>
              <a:outerShdw blurRad="50800" dist="38100" dir="2700000" algn="tl" rotWithShape="0">
                <a:prstClr val="black">
                  <a:alpha val="40000"/>
                </a:prstClr>
              </a:outerShdw>
            </a:effectLst>
          </a:endParaRPr>
        </a:p>
      </dgm:t>
    </dgm:pt>
    <dgm:pt modelId="{F4A3F5BD-5245-42E1-94A8-F0CF00100364}" type="parTrans" cxnId="{F6E58FA3-BF72-4639-AFB9-7D5112590CD1}">
      <dgm:prSet/>
      <dgm:spPr/>
      <dgm:t>
        <a:bodyPr/>
        <a:lstStyle/>
        <a:p>
          <a:endParaRPr lang="en-NL" sz="2000" b="1">
            <a:effectLst>
              <a:outerShdw blurRad="50800" dist="38100" dir="2700000" algn="tl" rotWithShape="0">
                <a:prstClr val="black">
                  <a:alpha val="40000"/>
                </a:prstClr>
              </a:outerShdw>
            </a:effectLst>
          </a:endParaRPr>
        </a:p>
      </dgm:t>
    </dgm:pt>
    <dgm:pt modelId="{B40DE868-648F-4EDD-83E6-AD3FA3BAFAAB}" type="sibTrans" cxnId="{F6E58FA3-BF72-4639-AFB9-7D5112590CD1}">
      <dgm:prSet/>
      <dgm:spPr/>
      <dgm:t>
        <a:bodyPr/>
        <a:lstStyle/>
        <a:p>
          <a:endParaRPr lang="en-NL" sz="2000" b="1">
            <a:effectLst>
              <a:outerShdw blurRad="50800" dist="38100" dir="2700000" algn="tl" rotWithShape="0">
                <a:prstClr val="black">
                  <a:alpha val="40000"/>
                </a:prstClr>
              </a:outerShdw>
            </a:effectLst>
          </a:endParaRPr>
        </a:p>
      </dgm:t>
    </dgm:pt>
    <dgm:pt modelId="{63972397-B02E-42D6-A71F-FD1FE67D241A}">
      <dgm:prSet custT="1"/>
      <dgm:spPr/>
      <dgm:t>
        <a:bodyPr/>
        <a:lstStyle/>
        <a:p>
          <a:pPr algn="ctr"/>
          <a:r>
            <a:rPr lang="en-US" sz="1400" b="1" dirty="0">
              <a:effectLst>
                <a:outerShdw blurRad="50800" dist="38100" dir="2700000" algn="tl" rotWithShape="0">
                  <a:prstClr val="black">
                    <a:alpha val="40000"/>
                  </a:prstClr>
                </a:outerShdw>
              </a:effectLst>
            </a:rPr>
            <a:t> Cold/Cryo-Compressed Gas</a:t>
          </a:r>
          <a:endParaRPr lang="en-NL" sz="1400" b="1" dirty="0">
            <a:effectLst>
              <a:outerShdw blurRad="50800" dist="38100" dir="2700000" algn="tl" rotWithShape="0">
                <a:prstClr val="black">
                  <a:alpha val="40000"/>
                </a:prstClr>
              </a:outerShdw>
            </a:effectLst>
          </a:endParaRPr>
        </a:p>
      </dgm:t>
    </dgm:pt>
    <dgm:pt modelId="{B0DFA2ED-08E1-4872-93F2-B4BFEEBD787F}" type="parTrans" cxnId="{2C79EB77-4DCB-4AF9-91F3-0145ECAB67A8}">
      <dgm:prSet/>
      <dgm:spPr/>
      <dgm:t>
        <a:bodyPr/>
        <a:lstStyle/>
        <a:p>
          <a:endParaRPr lang="en-NL" sz="2000" b="1">
            <a:effectLst>
              <a:outerShdw blurRad="50800" dist="38100" dir="2700000" algn="tl" rotWithShape="0">
                <a:prstClr val="black">
                  <a:alpha val="40000"/>
                </a:prstClr>
              </a:outerShdw>
            </a:effectLst>
          </a:endParaRPr>
        </a:p>
      </dgm:t>
    </dgm:pt>
    <dgm:pt modelId="{BCFD8A57-1EA1-4583-8A2F-ACF828AAEA7A}" type="sibTrans" cxnId="{2C79EB77-4DCB-4AF9-91F3-0145ECAB67A8}">
      <dgm:prSet/>
      <dgm:spPr/>
      <dgm:t>
        <a:bodyPr/>
        <a:lstStyle/>
        <a:p>
          <a:endParaRPr lang="en-NL" sz="2000" b="1">
            <a:effectLst>
              <a:outerShdw blurRad="50800" dist="38100" dir="2700000" algn="tl" rotWithShape="0">
                <a:prstClr val="black">
                  <a:alpha val="40000"/>
                </a:prstClr>
              </a:outerShdw>
            </a:effectLst>
          </a:endParaRPr>
        </a:p>
      </dgm:t>
    </dgm:pt>
    <dgm:pt modelId="{F1E7AFD0-955D-43A0-9546-FB2F820CCB23}">
      <dgm:prSet custT="1"/>
      <dgm:spPr/>
      <dgm:t>
        <a:bodyPr/>
        <a:lstStyle/>
        <a:p>
          <a:pPr algn="l"/>
          <a:r>
            <a:rPr lang="en-US" sz="1400" b="1" dirty="0">
              <a:effectLst>
                <a:outerShdw blurRad="50800" dist="38100" dir="2700000" algn="tl" rotWithShape="0">
                  <a:prstClr val="black">
                    <a:alpha val="40000"/>
                  </a:prstClr>
                </a:outerShdw>
              </a:effectLst>
            </a:rPr>
            <a:t>  Compressed Gas</a:t>
          </a:r>
          <a:endParaRPr lang="en-NL" sz="1400" b="1" dirty="0">
            <a:effectLst>
              <a:outerShdw blurRad="50800" dist="38100" dir="2700000" algn="tl" rotWithShape="0">
                <a:prstClr val="black">
                  <a:alpha val="40000"/>
                </a:prstClr>
              </a:outerShdw>
            </a:effectLst>
          </a:endParaRPr>
        </a:p>
      </dgm:t>
    </dgm:pt>
    <dgm:pt modelId="{459576F6-1254-42E2-A457-512245C48908}" type="parTrans" cxnId="{B67298A7-B01C-4296-AB40-10B14B4A48AB}">
      <dgm:prSet/>
      <dgm:spPr/>
      <dgm:t>
        <a:bodyPr/>
        <a:lstStyle/>
        <a:p>
          <a:endParaRPr lang="en-NL" sz="2000" b="1">
            <a:effectLst>
              <a:outerShdw blurRad="50800" dist="38100" dir="2700000" algn="tl" rotWithShape="0">
                <a:prstClr val="black">
                  <a:alpha val="40000"/>
                </a:prstClr>
              </a:outerShdw>
            </a:effectLst>
          </a:endParaRPr>
        </a:p>
      </dgm:t>
    </dgm:pt>
    <dgm:pt modelId="{758886B7-BB07-4D6A-B5B9-F5781A876A23}" type="sibTrans" cxnId="{B67298A7-B01C-4296-AB40-10B14B4A48AB}">
      <dgm:prSet/>
      <dgm:spPr/>
      <dgm:t>
        <a:bodyPr/>
        <a:lstStyle/>
        <a:p>
          <a:endParaRPr lang="en-NL" sz="2000" b="1">
            <a:effectLst>
              <a:outerShdw blurRad="50800" dist="38100" dir="2700000" algn="tl" rotWithShape="0">
                <a:prstClr val="black">
                  <a:alpha val="40000"/>
                </a:prstClr>
              </a:outerShdw>
            </a:effectLst>
          </a:endParaRPr>
        </a:p>
      </dgm:t>
    </dgm:pt>
    <dgm:pt modelId="{1B73D17B-F291-462B-9D7A-AEE176DC8A76}">
      <dgm:prSet custT="1"/>
      <dgm:spPr/>
      <dgm:t>
        <a:bodyPr/>
        <a:lstStyle/>
        <a:p>
          <a:pPr algn="l"/>
          <a:r>
            <a:rPr lang="en-US" sz="1400" b="1" dirty="0">
              <a:effectLst>
                <a:outerShdw blurRad="50800" dist="38100" dir="2700000" algn="tl" rotWithShape="0">
                  <a:prstClr val="black">
                    <a:alpha val="40000"/>
                  </a:prstClr>
                </a:outerShdw>
              </a:effectLst>
            </a:rPr>
            <a:t>  Liquid H</a:t>
          </a:r>
          <a:r>
            <a:rPr lang="en-US" sz="1400" b="1" baseline="-25000" dirty="0">
              <a:effectLst>
                <a:outerShdw blurRad="50800" dist="38100" dir="2700000" algn="tl" rotWithShape="0">
                  <a:prstClr val="black">
                    <a:alpha val="40000"/>
                  </a:prstClr>
                </a:outerShdw>
              </a:effectLst>
            </a:rPr>
            <a:t>2</a:t>
          </a:r>
          <a:endParaRPr lang="en-NL" sz="1400" b="1" baseline="-25000" dirty="0">
            <a:effectLst>
              <a:outerShdw blurRad="50800" dist="38100" dir="2700000" algn="tl" rotWithShape="0">
                <a:prstClr val="black">
                  <a:alpha val="40000"/>
                </a:prstClr>
              </a:outerShdw>
            </a:effectLst>
          </a:endParaRPr>
        </a:p>
      </dgm:t>
    </dgm:pt>
    <dgm:pt modelId="{FACAF34C-EA47-41DD-9BA2-9B9830830A50}" type="parTrans" cxnId="{0D14CF5E-0458-438B-886E-7484B667E299}">
      <dgm:prSet/>
      <dgm:spPr/>
      <dgm:t>
        <a:bodyPr/>
        <a:lstStyle/>
        <a:p>
          <a:endParaRPr lang="en-NL" sz="2000" b="1">
            <a:effectLst>
              <a:outerShdw blurRad="50800" dist="38100" dir="2700000" algn="tl" rotWithShape="0">
                <a:prstClr val="black">
                  <a:alpha val="40000"/>
                </a:prstClr>
              </a:outerShdw>
            </a:effectLst>
          </a:endParaRPr>
        </a:p>
      </dgm:t>
    </dgm:pt>
    <dgm:pt modelId="{D7D48815-7D9C-4605-9C1C-57F192CBAF61}" type="sibTrans" cxnId="{0D14CF5E-0458-438B-886E-7484B667E299}">
      <dgm:prSet/>
      <dgm:spPr/>
      <dgm:t>
        <a:bodyPr/>
        <a:lstStyle/>
        <a:p>
          <a:endParaRPr lang="en-NL" sz="2000" b="1">
            <a:effectLst>
              <a:outerShdw blurRad="50800" dist="38100" dir="2700000" algn="tl" rotWithShape="0">
                <a:prstClr val="black">
                  <a:alpha val="40000"/>
                </a:prstClr>
              </a:outerShdw>
            </a:effectLst>
          </a:endParaRPr>
        </a:p>
      </dgm:t>
    </dgm:pt>
    <dgm:pt modelId="{4DB3624A-BE4F-4B8F-9B80-A76BCDCD010E}">
      <dgm:prSet custT="1"/>
      <dgm:spPr/>
      <dgm:t>
        <a:bodyPr/>
        <a:lstStyle/>
        <a:p>
          <a:pPr marL="92075" indent="0" algn="l">
            <a:buFont typeface="Arial" panose="020B0604020202020204" pitchFamily="34" charset="0"/>
            <a:buChar char="•"/>
          </a:pPr>
          <a:r>
            <a:rPr lang="en-US" sz="1400" b="1" dirty="0">
              <a:effectLst>
                <a:outerShdw blurRad="50800" dist="38100" dir="2700000" algn="tl" rotWithShape="0">
                  <a:prstClr val="black">
                    <a:alpha val="40000"/>
                  </a:prstClr>
                </a:outerShdw>
              </a:effectLst>
            </a:rPr>
            <a:t>Carbon Materials</a:t>
          </a:r>
        </a:p>
        <a:p>
          <a:pPr marL="92075" indent="0" algn="l">
            <a:buFont typeface="Arial" panose="020B0604020202020204" pitchFamily="34" charset="0"/>
            <a:buChar char="•"/>
          </a:pPr>
          <a:r>
            <a:rPr lang="en-US" sz="1400" b="1" dirty="0">
              <a:effectLst>
                <a:outerShdw blurRad="50800" dist="38100" dir="2700000" algn="tl" rotWithShape="0">
                  <a:prstClr val="black">
                    <a:alpha val="40000"/>
                  </a:prstClr>
                </a:outerShdw>
              </a:effectLst>
            </a:rPr>
            <a:t>Zeolites</a:t>
          </a:r>
        </a:p>
        <a:p>
          <a:pPr marL="92075" indent="0" algn="l">
            <a:buFont typeface="Arial" panose="020B0604020202020204" pitchFamily="34" charset="0"/>
            <a:buChar char="•"/>
          </a:pPr>
          <a:r>
            <a:rPr lang="en-US" sz="1400" b="1" dirty="0">
              <a:effectLst>
                <a:outerShdw blurRad="50800" dist="38100" dir="2700000" algn="tl" rotWithShape="0">
                  <a:prstClr val="black">
                    <a:alpha val="40000"/>
                  </a:prstClr>
                </a:outerShdw>
              </a:effectLst>
            </a:rPr>
            <a:t>Metal Organic Framework</a:t>
          </a:r>
        </a:p>
        <a:p>
          <a:pPr marL="92075" indent="0" algn="l">
            <a:buFont typeface="Arial" panose="020B0604020202020204" pitchFamily="34" charset="0"/>
            <a:buChar char="•"/>
          </a:pPr>
          <a:r>
            <a:rPr lang="en-US" sz="1400" b="1" dirty="0">
              <a:effectLst>
                <a:outerShdw blurRad="50800" dist="38100" dir="2700000" algn="tl" rotWithShape="0">
                  <a:prstClr val="black">
                    <a:alpha val="40000"/>
                  </a:prstClr>
                </a:outerShdw>
              </a:effectLst>
            </a:rPr>
            <a:t>Glass Capillary arrays</a:t>
          </a:r>
          <a:endParaRPr lang="en-NL" sz="1400" b="1" dirty="0">
            <a:effectLst>
              <a:outerShdw blurRad="50800" dist="38100" dir="2700000" algn="tl" rotWithShape="0">
                <a:prstClr val="black">
                  <a:alpha val="40000"/>
                </a:prstClr>
              </a:outerShdw>
            </a:effectLst>
          </a:endParaRPr>
        </a:p>
      </dgm:t>
    </dgm:pt>
    <dgm:pt modelId="{20D6AD91-DA82-4A00-B5C2-451A59511CF3}" type="parTrans" cxnId="{1FE5FF69-33A1-4C38-A0A0-C782C197C182}">
      <dgm:prSet/>
      <dgm:spPr/>
      <dgm:t>
        <a:bodyPr/>
        <a:lstStyle/>
        <a:p>
          <a:endParaRPr lang="en-NL" sz="2000" b="1">
            <a:effectLst>
              <a:outerShdw blurRad="50800" dist="38100" dir="2700000" algn="tl" rotWithShape="0">
                <a:prstClr val="black">
                  <a:alpha val="40000"/>
                </a:prstClr>
              </a:outerShdw>
            </a:effectLst>
          </a:endParaRPr>
        </a:p>
      </dgm:t>
    </dgm:pt>
    <dgm:pt modelId="{25E4387E-35E7-476F-B6F4-6418689744DC}" type="sibTrans" cxnId="{1FE5FF69-33A1-4C38-A0A0-C782C197C182}">
      <dgm:prSet/>
      <dgm:spPr/>
      <dgm:t>
        <a:bodyPr/>
        <a:lstStyle/>
        <a:p>
          <a:endParaRPr lang="en-NL" sz="2000" b="1">
            <a:effectLst>
              <a:outerShdw blurRad="50800" dist="38100" dir="2700000" algn="tl" rotWithShape="0">
                <a:prstClr val="black">
                  <a:alpha val="40000"/>
                </a:prstClr>
              </a:outerShdw>
            </a:effectLst>
          </a:endParaRPr>
        </a:p>
      </dgm:t>
    </dgm:pt>
    <dgm:pt modelId="{40F904CB-B0F8-400B-A69F-EBBAE32D2F00}">
      <dgm:prSet custT="1"/>
      <dgm:spPr/>
      <dgm:t>
        <a:bodyPr/>
        <a:lstStyle/>
        <a:p>
          <a:pPr marL="0" indent="92075" algn="l">
            <a:buFont typeface="Arial" panose="020B0604020202020204" pitchFamily="34" charset="0"/>
            <a:buChar char="•"/>
            <a:tabLst>
              <a:tab pos="92075" algn="l"/>
            </a:tabLst>
          </a:pPr>
          <a:r>
            <a:rPr lang="en-US" sz="1400" b="1" dirty="0">
              <a:effectLst>
                <a:outerShdw blurRad="50800" dist="38100" dir="2700000" algn="tl" rotWithShape="0">
                  <a:prstClr val="black">
                    <a:alpha val="40000"/>
                  </a:prstClr>
                </a:outerShdw>
              </a:effectLst>
            </a:rPr>
            <a:t>Ammonia</a:t>
          </a:r>
        </a:p>
        <a:p>
          <a:pPr marL="0" indent="92075" algn="l">
            <a:buFont typeface="Arial" panose="020B0604020202020204" pitchFamily="34" charset="0"/>
            <a:buChar char="•"/>
            <a:tabLst>
              <a:tab pos="92075" algn="l"/>
            </a:tabLst>
          </a:pPr>
          <a:r>
            <a:rPr lang="en-US" sz="1400" b="1" dirty="0">
              <a:effectLst>
                <a:outerShdw blurRad="50800" dist="38100" dir="2700000" algn="tl" rotWithShape="0">
                  <a:prstClr val="black">
                    <a:alpha val="40000"/>
                  </a:prstClr>
                </a:outerShdw>
              </a:effectLst>
            </a:rPr>
            <a:t>Metal Hydrides</a:t>
          </a:r>
        </a:p>
        <a:p>
          <a:pPr marL="0" indent="92075" algn="l">
            <a:buFont typeface="Arial" panose="020B0604020202020204" pitchFamily="34" charset="0"/>
            <a:buChar char="•"/>
          </a:pPr>
          <a:r>
            <a:rPr lang="en-US" sz="1400" b="1" dirty="0">
              <a:effectLst>
                <a:outerShdw blurRad="50800" dist="38100" dir="2700000" algn="tl" rotWithShape="0">
                  <a:prstClr val="black">
                    <a:alpha val="40000"/>
                  </a:prstClr>
                </a:outerShdw>
              </a:effectLst>
            </a:rPr>
            <a:t>Carbohydrate</a:t>
          </a:r>
        </a:p>
      </dgm:t>
    </dgm:pt>
    <dgm:pt modelId="{E20A7D5C-F055-463A-8690-0845124AFB6F}" type="sibTrans" cxnId="{7AB8CE96-F6D4-4B06-8846-08766B97C333}">
      <dgm:prSet/>
      <dgm:spPr/>
      <dgm:t>
        <a:bodyPr/>
        <a:lstStyle/>
        <a:p>
          <a:endParaRPr lang="en-NL" sz="2000" b="1">
            <a:effectLst>
              <a:outerShdw blurRad="50800" dist="38100" dir="2700000" algn="tl" rotWithShape="0">
                <a:prstClr val="black">
                  <a:alpha val="40000"/>
                </a:prstClr>
              </a:outerShdw>
            </a:effectLst>
          </a:endParaRPr>
        </a:p>
      </dgm:t>
    </dgm:pt>
    <dgm:pt modelId="{8801FADA-4083-4ADF-AAE3-B5CD8B0C6B68}" type="parTrans" cxnId="{7AB8CE96-F6D4-4B06-8846-08766B97C333}">
      <dgm:prSet/>
      <dgm:spPr/>
      <dgm:t>
        <a:bodyPr/>
        <a:lstStyle/>
        <a:p>
          <a:endParaRPr lang="en-NL" sz="2000" b="1">
            <a:effectLst>
              <a:outerShdw blurRad="50800" dist="38100" dir="2700000" algn="tl" rotWithShape="0">
                <a:prstClr val="black">
                  <a:alpha val="40000"/>
                </a:prstClr>
              </a:outerShdw>
            </a:effectLst>
          </a:endParaRPr>
        </a:p>
      </dgm:t>
    </dgm:pt>
    <dgm:pt modelId="{793F1BC7-42C4-4764-A17D-51670FA462FE}" type="pres">
      <dgm:prSet presAssocID="{EB847B44-E989-46CC-9623-D2EEEA249AA4}" presName="hierChild1" presStyleCnt="0">
        <dgm:presLayoutVars>
          <dgm:orgChart val="1"/>
          <dgm:chPref val="1"/>
          <dgm:dir/>
          <dgm:animOne val="branch"/>
          <dgm:animLvl val="lvl"/>
          <dgm:resizeHandles/>
        </dgm:presLayoutVars>
      </dgm:prSet>
      <dgm:spPr/>
    </dgm:pt>
    <dgm:pt modelId="{970FE500-ACA8-47FD-9A54-FA2AC8DCCC48}" type="pres">
      <dgm:prSet presAssocID="{8D2C6596-F2B0-40F4-8633-5CD307D55512}" presName="hierRoot1" presStyleCnt="0">
        <dgm:presLayoutVars>
          <dgm:hierBranch val="init"/>
        </dgm:presLayoutVars>
      </dgm:prSet>
      <dgm:spPr/>
    </dgm:pt>
    <dgm:pt modelId="{AE2AD8AA-552F-4747-A5DA-8D63180E8A3D}" type="pres">
      <dgm:prSet presAssocID="{8D2C6596-F2B0-40F4-8633-5CD307D55512}" presName="rootComposite1" presStyleCnt="0"/>
      <dgm:spPr/>
    </dgm:pt>
    <dgm:pt modelId="{7C46917E-CF7A-46BF-BA17-611861CBD8D4}" type="pres">
      <dgm:prSet presAssocID="{8D2C6596-F2B0-40F4-8633-5CD307D55512}" presName="rootText1" presStyleLbl="node0" presStyleIdx="0" presStyleCnt="1" custScaleX="105722" custScaleY="152322" custLinFactX="-7929" custLinFactNeighborX="-100000">
        <dgm:presLayoutVars>
          <dgm:chPref val="3"/>
        </dgm:presLayoutVars>
      </dgm:prSet>
      <dgm:spPr/>
    </dgm:pt>
    <dgm:pt modelId="{02F176F6-AC6A-4003-B2E6-AB6BE55A4420}" type="pres">
      <dgm:prSet presAssocID="{8D2C6596-F2B0-40F4-8633-5CD307D55512}" presName="rootConnector1" presStyleLbl="node1" presStyleIdx="0" presStyleCnt="0"/>
      <dgm:spPr/>
    </dgm:pt>
    <dgm:pt modelId="{A721238B-4283-44F0-A06E-772BF6689246}" type="pres">
      <dgm:prSet presAssocID="{8D2C6596-F2B0-40F4-8633-5CD307D55512}" presName="hierChild2" presStyleCnt="0"/>
      <dgm:spPr/>
    </dgm:pt>
    <dgm:pt modelId="{E18624D5-0917-43DF-8685-512D07C5B126}" type="pres">
      <dgm:prSet presAssocID="{B2B50A73-72F0-4A74-993A-AD338B980F44}" presName="Name64" presStyleLbl="parChTrans1D2" presStyleIdx="0" presStyleCnt="2"/>
      <dgm:spPr/>
    </dgm:pt>
    <dgm:pt modelId="{72DA2864-3582-4C77-AC3D-1C84916AD5DD}" type="pres">
      <dgm:prSet presAssocID="{6A15DF52-C1E7-4C05-8718-1DFE796C971F}" presName="hierRoot2" presStyleCnt="0">
        <dgm:presLayoutVars>
          <dgm:hierBranch val="init"/>
        </dgm:presLayoutVars>
      </dgm:prSet>
      <dgm:spPr/>
    </dgm:pt>
    <dgm:pt modelId="{3A35A6C7-37E9-46CE-BA61-7802EDB8B85D}" type="pres">
      <dgm:prSet presAssocID="{6A15DF52-C1E7-4C05-8718-1DFE796C971F}" presName="rootComposite" presStyleCnt="0"/>
      <dgm:spPr/>
    </dgm:pt>
    <dgm:pt modelId="{64CB719F-5D46-4706-A682-0C7B3A197848}" type="pres">
      <dgm:prSet presAssocID="{6A15DF52-C1E7-4C05-8718-1DFE796C971F}" presName="rootText" presStyleLbl="node2" presStyleIdx="0" presStyleCnt="2" custLinFactNeighborX="-93894">
        <dgm:presLayoutVars>
          <dgm:chPref val="3"/>
        </dgm:presLayoutVars>
      </dgm:prSet>
      <dgm:spPr/>
    </dgm:pt>
    <dgm:pt modelId="{8A90C531-4E39-4693-B2AE-085560D01887}" type="pres">
      <dgm:prSet presAssocID="{6A15DF52-C1E7-4C05-8718-1DFE796C971F}" presName="rootConnector" presStyleLbl="node2" presStyleIdx="0" presStyleCnt="2"/>
      <dgm:spPr/>
    </dgm:pt>
    <dgm:pt modelId="{5CF77A4F-E363-4299-94E6-E0E8486BEB87}" type="pres">
      <dgm:prSet presAssocID="{6A15DF52-C1E7-4C05-8718-1DFE796C971F}" presName="hierChild4" presStyleCnt="0"/>
      <dgm:spPr/>
    </dgm:pt>
    <dgm:pt modelId="{5356E633-9A2F-492E-847C-4C3B3DA1A456}" type="pres">
      <dgm:prSet presAssocID="{459576F6-1254-42E2-A457-512245C48908}" presName="Name64" presStyleLbl="parChTrans1D3" presStyleIdx="0" presStyleCnt="5"/>
      <dgm:spPr/>
    </dgm:pt>
    <dgm:pt modelId="{21EE87C6-13A1-4DCA-A031-3A050582E9EC}" type="pres">
      <dgm:prSet presAssocID="{F1E7AFD0-955D-43A0-9546-FB2F820CCB23}" presName="hierRoot2" presStyleCnt="0">
        <dgm:presLayoutVars>
          <dgm:hierBranch val="init"/>
        </dgm:presLayoutVars>
      </dgm:prSet>
      <dgm:spPr/>
    </dgm:pt>
    <dgm:pt modelId="{2BE1617C-9646-4CAD-9743-4EC8181E07C9}" type="pres">
      <dgm:prSet presAssocID="{F1E7AFD0-955D-43A0-9546-FB2F820CCB23}" presName="rootComposite" presStyleCnt="0"/>
      <dgm:spPr/>
    </dgm:pt>
    <dgm:pt modelId="{500F6B74-F2F7-49BA-B066-B1B34C1D2D60}" type="pres">
      <dgm:prSet presAssocID="{F1E7AFD0-955D-43A0-9546-FB2F820CCB23}" presName="rootText" presStyleLbl="node3" presStyleIdx="0" presStyleCnt="5" custScaleX="153886" custLinFactNeighborX="-97336">
        <dgm:presLayoutVars>
          <dgm:chPref val="3"/>
        </dgm:presLayoutVars>
      </dgm:prSet>
      <dgm:spPr/>
    </dgm:pt>
    <dgm:pt modelId="{EDED9F44-D929-42EE-8FA1-3A41F8C656E3}" type="pres">
      <dgm:prSet presAssocID="{F1E7AFD0-955D-43A0-9546-FB2F820CCB23}" presName="rootConnector" presStyleLbl="node3" presStyleIdx="0" presStyleCnt="5"/>
      <dgm:spPr/>
    </dgm:pt>
    <dgm:pt modelId="{868197FB-DA98-49D1-A4A1-B6245C60E1E1}" type="pres">
      <dgm:prSet presAssocID="{F1E7AFD0-955D-43A0-9546-FB2F820CCB23}" presName="hierChild4" presStyleCnt="0"/>
      <dgm:spPr/>
    </dgm:pt>
    <dgm:pt modelId="{B0D7E568-624D-4FEC-A50B-34BBE72B2F31}" type="pres">
      <dgm:prSet presAssocID="{F1E7AFD0-955D-43A0-9546-FB2F820CCB23}" presName="hierChild5" presStyleCnt="0"/>
      <dgm:spPr/>
    </dgm:pt>
    <dgm:pt modelId="{23EB0705-5496-413B-8A56-7C59A640BBDA}" type="pres">
      <dgm:prSet presAssocID="{B0DFA2ED-08E1-4872-93F2-B4BFEEBD787F}" presName="Name64" presStyleLbl="parChTrans1D3" presStyleIdx="1" presStyleCnt="5"/>
      <dgm:spPr/>
    </dgm:pt>
    <dgm:pt modelId="{00C970F2-016E-47E0-87F2-B94CC69C14FE}" type="pres">
      <dgm:prSet presAssocID="{63972397-B02E-42D6-A71F-FD1FE67D241A}" presName="hierRoot2" presStyleCnt="0">
        <dgm:presLayoutVars>
          <dgm:hierBranch val="init"/>
        </dgm:presLayoutVars>
      </dgm:prSet>
      <dgm:spPr/>
    </dgm:pt>
    <dgm:pt modelId="{B512357A-06A1-4357-BD3B-D65992F7CA60}" type="pres">
      <dgm:prSet presAssocID="{63972397-B02E-42D6-A71F-FD1FE67D241A}" presName="rootComposite" presStyleCnt="0"/>
      <dgm:spPr/>
    </dgm:pt>
    <dgm:pt modelId="{582FA1D1-B695-44B1-A69A-FF935B4B3845}" type="pres">
      <dgm:prSet presAssocID="{63972397-B02E-42D6-A71F-FD1FE67D241A}" presName="rootText" presStyleLbl="node3" presStyleIdx="1" presStyleCnt="5" custScaleX="153886" custLinFactNeighborX="-97336">
        <dgm:presLayoutVars>
          <dgm:chPref val="3"/>
        </dgm:presLayoutVars>
      </dgm:prSet>
      <dgm:spPr/>
    </dgm:pt>
    <dgm:pt modelId="{A602545A-E931-4BCC-8094-A787791A85AF}" type="pres">
      <dgm:prSet presAssocID="{63972397-B02E-42D6-A71F-FD1FE67D241A}" presName="rootConnector" presStyleLbl="node3" presStyleIdx="1" presStyleCnt="5"/>
      <dgm:spPr/>
    </dgm:pt>
    <dgm:pt modelId="{FBFCE7D5-6A94-4645-BED2-5C4D6A15D238}" type="pres">
      <dgm:prSet presAssocID="{63972397-B02E-42D6-A71F-FD1FE67D241A}" presName="hierChild4" presStyleCnt="0"/>
      <dgm:spPr/>
    </dgm:pt>
    <dgm:pt modelId="{3FE49D19-FD8E-4CF6-B678-1E4BA077C936}" type="pres">
      <dgm:prSet presAssocID="{63972397-B02E-42D6-A71F-FD1FE67D241A}" presName="hierChild5" presStyleCnt="0"/>
      <dgm:spPr/>
    </dgm:pt>
    <dgm:pt modelId="{98B63674-8713-450A-88B3-6D508DD91CB2}" type="pres">
      <dgm:prSet presAssocID="{FACAF34C-EA47-41DD-9BA2-9B9830830A50}" presName="Name64" presStyleLbl="parChTrans1D3" presStyleIdx="2" presStyleCnt="5"/>
      <dgm:spPr/>
    </dgm:pt>
    <dgm:pt modelId="{7B385CB3-810E-464C-81C9-9FD30F48F0F5}" type="pres">
      <dgm:prSet presAssocID="{1B73D17B-F291-462B-9D7A-AEE176DC8A76}" presName="hierRoot2" presStyleCnt="0">
        <dgm:presLayoutVars>
          <dgm:hierBranch val="init"/>
        </dgm:presLayoutVars>
      </dgm:prSet>
      <dgm:spPr/>
    </dgm:pt>
    <dgm:pt modelId="{ED62262C-603A-48B6-B288-2F41E6B4C2A0}" type="pres">
      <dgm:prSet presAssocID="{1B73D17B-F291-462B-9D7A-AEE176DC8A76}" presName="rootComposite" presStyleCnt="0"/>
      <dgm:spPr/>
    </dgm:pt>
    <dgm:pt modelId="{B5FABF18-8252-4D52-BC5B-FE5CD9A377BB}" type="pres">
      <dgm:prSet presAssocID="{1B73D17B-F291-462B-9D7A-AEE176DC8A76}" presName="rootText" presStyleLbl="node3" presStyleIdx="2" presStyleCnt="5" custScaleX="153886" custLinFactNeighborX="-97336">
        <dgm:presLayoutVars>
          <dgm:chPref val="3"/>
        </dgm:presLayoutVars>
      </dgm:prSet>
      <dgm:spPr/>
    </dgm:pt>
    <dgm:pt modelId="{20577E9A-0184-4768-B81D-7CD98C06556F}" type="pres">
      <dgm:prSet presAssocID="{1B73D17B-F291-462B-9D7A-AEE176DC8A76}" presName="rootConnector" presStyleLbl="node3" presStyleIdx="2" presStyleCnt="5"/>
      <dgm:spPr/>
    </dgm:pt>
    <dgm:pt modelId="{8EB72B06-6761-43AB-ABE1-02DC98E2805A}" type="pres">
      <dgm:prSet presAssocID="{1B73D17B-F291-462B-9D7A-AEE176DC8A76}" presName="hierChild4" presStyleCnt="0"/>
      <dgm:spPr/>
    </dgm:pt>
    <dgm:pt modelId="{37D45152-F7B7-4A2E-AB91-CA952BC9A744}" type="pres">
      <dgm:prSet presAssocID="{1B73D17B-F291-462B-9D7A-AEE176DC8A76}" presName="hierChild5" presStyleCnt="0"/>
      <dgm:spPr/>
    </dgm:pt>
    <dgm:pt modelId="{8A18ECA9-5194-457E-9BFE-E27220C5E335}" type="pres">
      <dgm:prSet presAssocID="{6A15DF52-C1E7-4C05-8718-1DFE796C971F}" presName="hierChild5" presStyleCnt="0"/>
      <dgm:spPr/>
    </dgm:pt>
    <dgm:pt modelId="{C2AF73B6-5128-4C91-8276-BEE6D68381B3}" type="pres">
      <dgm:prSet presAssocID="{F4A3F5BD-5245-42E1-94A8-F0CF00100364}" presName="Name64" presStyleLbl="parChTrans1D2" presStyleIdx="1" presStyleCnt="2"/>
      <dgm:spPr/>
    </dgm:pt>
    <dgm:pt modelId="{5E15F224-1557-42B0-87F4-5825579228E6}" type="pres">
      <dgm:prSet presAssocID="{4C8D2774-BEFF-425C-BA8D-A38253F5F34A}" presName="hierRoot2" presStyleCnt="0">
        <dgm:presLayoutVars>
          <dgm:hierBranch val="init"/>
        </dgm:presLayoutVars>
      </dgm:prSet>
      <dgm:spPr/>
    </dgm:pt>
    <dgm:pt modelId="{B1AB384C-D8FA-4FB8-A476-928CEF74059A}" type="pres">
      <dgm:prSet presAssocID="{4C8D2774-BEFF-425C-BA8D-A38253F5F34A}" presName="rootComposite" presStyleCnt="0"/>
      <dgm:spPr/>
    </dgm:pt>
    <dgm:pt modelId="{0A4D042F-0F72-425F-95CF-2851E88D7012}" type="pres">
      <dgm:prSet presAssocID="{4C8D2774-BEFF-425C-BA8D-A38253F5F34A}" presName="rootText" presStyleLbl="node2" presStyleIdx="1" presStyleCnt="2" custLinFactNeighborX="-93894">
        <dgm:presLayoutVars>
          <dgm:chPref val="3"/>
        </dgm:presLayoutVars>
      </dgm:prSet>
      <dgm:spPr/>
    </dgm:pt>
    <dgm:pt modelId="{F71DE8DC-B656-4F4A-AF62-0736333EA5B4}" type="pres">
      <dgm:prSet presAssocID="{4C8D2774-BEFF-425C-BA8D-A38253F5F34A}" presName="rootConnector" presStyleLbl="node2" presStyleIdx="1" presStyleCnt="2"/>
      <dgm:spPr/>
    </dgm:pt>
    <dgm:pt modelId="{0DD8CF6F-7869-4522-AA43-92A90CD8AB0D}" type="pres">
      <dgm:prSet presAssocID="{4C8D2774-BEFF-425C-BA8D-A38253F5F34A}" presName="hierChild4" presStyleCnt="0"/>
      <dgm:spPr/>
    </dgm:pt>
    <dgm:pt modelId="{8A6523C2-5E27-4FD8-9365-9166F84ECC76}" type="pres">
      <dgm:prSet presAssocID="{8801FADA-4083-4ADF-AAE3-B5CD8B0C6B68}" presName="Name64" presStyleLbl="parChTrans1D3" presStyleIdx="3" presStyleCnt="5"/>
      <dgm:spPr/>
    </dgm:pt>
    <dgm:pt modelId="{845331E1-D7D9-413B-A071-5C1A7CA167A3}" type="pres">
      <dgm:prSet presAssocID="{40F904CB-B0F8-400B-A69F-EBBAE32D2F00}" presName="hierRoot2" presStyleCnt="0">
        <dgm:presLayoutVars>
          <dgm:hierBranch val="init"/>
        </dgm:presLayoutVars>
      </dgm:prSet>
      <dgm:spPr/>
    </dgm:pt>
    <dgm:pt modelId="{8DC3DF03-FB5D-4FCF-8646-CA64E74C69AD}" type="pres">
      <dgm:prSet presAssocID="{40F904CB-B0F8-400B-A69F-EBBAE32D2F00}" presName="rootComposite" presStyleCnt="0"/>
      <dgm:spPr/>
    </dgm:pt>
    <dgm:pt modelId="{9C6A9307-2900-47F4-B8C0-D54A09A29B83}" type="pres">
      <dgm:prSet presAssocID="{40F904CB-B0F8-400B-A69F-EBBAE32D2F00}" presName="rootText" presStyleLbl="node3" presStyleIdx="3" presStyleCnt="5" custScaleX="153886" custScaleY="199142" custLinFactNeighborX="-97336">
        <dgm:presLayoutVars>
          <dgm:chPref val="3"/>
        </dgm:presLayoutVars>
      </dgm:prSet>
      <dgm:spPr/>
    </dgm:pt>
    <dgm:pt modelId="{03FCD131-7305-43CA-8C45-500E2B3310D7}" type="pres">
      <dgm:prSet presAssocID="{40F904CB-B0F8-400B-A69F-EBBAE32D2F00}" presName="rootConnector" presStyleLbl="node3" presStyleIdx="3" presStyleCnt="5"/>
      <dgm:spPr/>
    </dgm:pt>
    <dgm:pt modelId="{9DE4C566-026D-4D27-B46F-12DF28F9A09B}" type="pres">
      <dgm:prSet presAssocID="{40F904CB-B0F8-400B-A69F-EBBAE32D2F00}" presName="hierChild4" presStyleCnt="0"/>
      <dgm:spPr/>
    </dgm:pt>
    <dgm:pt modelId="{D2F8790D-ED41-4176-8606-49FB7DA23FA5}" type="pres">
      <dgm:prSet presAssocID="{40F904CB-B0F8-400B-A69F-EBBAE32D2F00}" presName="hierChild5" presStyleCnt="0"/>
      <dgm:spPr/>
    </dgm:pt>
    <dgm:pt modelId="{D7A4028A-8347-42C6-943E-669ADF88CD84}" type="pres">
      <dgm:prSet presAssocID="{20D6AD91-DA82-4A00-B5C2-451A59511CF3}" presName="Name64" presStyleLbl="parChTrans1D3" presStyleIdx="4" presStyleCnt="5"/>
      <dgm:spPr/>
    </dgm:pt>
    <dgm:pt modelId="{5744CD0C-665B-422D-8D97-9C7E67A2D212}" type="pres">
      <dgm:prSet presAssocID="{4DB3624A-BE4F-4B8F-9B80-A76BCDCD010E}" presName="hierRoot2" presStyleCnt="0">
        <dgm:presLayoutVars>
          <dgm:hierBranch val="init"/>
        </dgm:presLayoutVars>
      </dgm:prSet>
      <dgm:spPr/>
    </dgm:pt>
    <dgm:pt modelId="{DB8765A7-076A-483C-B926-71CB245AE42D}" type="pres">
      <dgm:prSet presAssocID="{4DB3624A-BE4F-4B8F-9B80-A76BCDCD010E}" presName="rootComposite" presStyleCnt="0"/>
      <dgm:spPr/>
    </dgm:pt>
    <dgm:pt modelId="{E01E1D25-E533-429D-9D9B-DE644D8DBD96}" type="pres">
      <dgm:prSet presAssocID="{4DB3624A-BE4F-4B8F-9B80-A76BCDCD010E}" presName="rootText" presStyleLbl="node3" presStyleIdx="4" presStyleCnt="5" custScaleX="153886" custScaleY="311923" custLinFactNeighborX="-97336">
        <dgm:presLayoutVars>
          <dgm:chPref val="3"/>
        </dgm:presLayoutVars>
      </dgm:prSet>
      <dgm:spPr/>
    </dgm:pt>
    <dgm:pt modelId="{292C32B6-C482-446F-A6F4-9F91BFF81F93}" type="pres">
      <dgm:prSet presAssocID="{4DB3624A-BE4F-4B8F-9B80-A76BCDCD010E}" presName="rootConnector" presStyleLbl="node3" presStyleIdx="4" presStyleCnt="5"/>
      <dgm:spPr/>
    </dgm:pt>
    <dgm:pt modelId="{2DB910A3-58B0-4000-8E69-A190DDBAEA1C}" type="pres">
      <dgm:prSet presAssocID="{4DB3624A-BE4F-4B8F-9B80-A76BCDCD010E}" presName="hierChild4" presStyleCnt="0"/>
      <dgm:spPr/>
    </dgm:pt>
    <dgm:pt modelId="{2B5ED005-0030-4312-84D0-5CC68084084E}" type="pres">
      <dgm:prSet presAssocID="{4DB3624A-BE4F-4B8F-9B80-A76BCDCD010E}" presName="hierChild5" presStyleCnt="0"/>
      <dgm:spPr/>
    </dgm:pt>
    <dgm:pt modelId="{755BEAC0-9DDC-460F-8592-D533927298B8}" type="pres">
      <dgm:prSet presAssocID="{4C8D2774-BEFF-425C-BA8D-A38253F5F34A}" presName="hierChild5" presStyleCnt="0"/>
      <dgm:spPr/>
    </dgm:pt>
    <dgm:pt modelId="{4078D183-E1F3-43C4-9B9D-B4296445969D}" type="pres">
      <dgm:prSet presAssocID="{8D2C6596-F2B0-40F4-8633-5CD307D55512}" presName="hierChild3" presStyleCnt="0"/>
      <dgm:spPr/>
    </dgm:pt>
  </dgm:ptLst>
  <dgm:cxnLst>
    <dgm:cxn modelId="{D31C3D09-DCD3-4F23-A71D-D4893ACC05CE}" type="presOf" srcId="{8D2C6596-F2B0-40F4-8633-5CD307D55512}" destId="{02F176F6-AC6A-4003-B2E6-AB6BE55A4420}" srcOrd="1" destOrd="0" presId="urn:microsoft.com/office/officeart/2009/3/layout/HorizontalOrganizationChart"/>
    <dgm:cxn modelId="{5CD6320F-27FD-44DF-BBA6-5E299CE2695B}" type="presOf" srcId="{20D6AD91-DA82-4A00-B5C2-451A59511CF3}" destId="{D7A4028A-8347-42C6-943E-669ADF88CD84}" srcOrd="0" destOrd="0" presId="urn:microsoft.com/office/officeart/2009/3/layout/HorizontalOrganizationChart"/>
    <dgm:cxn modelId="{5E41F217-E546-4CBB-B6F9-410A6D0FFB03}" type="presOf" srcId="{F4A3F5BD-5245-42E1-94A8-F0CF00100364}" destId="{C2AF73B6-5128-4C91-8276-BEE6D68381B3}" srcOrd="0" destOrd="0" presId="urn:microsoft.com/office/officeart/2009/3/layout/HorizontalOrganizationChart"/>
    <dgm:cxn modelId="{EBC9E019-1085-44FE-8BA1-625223CDC539}" type="presOf" srcId="{1B73D17B-F291-462B-9D7A-AEE176DC8A76}" destId="{B5FABF18-8252-4D52-BC5B-FE5CD9A377BB}" srcOrd="0" destOrd="0" presId="urn:microsoft.com/office/officeart/2009/3/layout/HorizontalOrganizationChart"/>
    <dgm:cxn modelId="{0B5C6D26-A689-41CE-BA45-3399C5890487}" type="presOf" srcId="{6A15DF52-C1E7-4C05-8718-1DFE796C971F}" destId="{8A90C531-4E39-4693-B2AE-085560D01887}" srcOrd="1" destOrd="0" presId="urn:microsoft.com/office/officeart/2009/3/layout/HorizontalOrganizationChart"/>
    <dgm:cxn modelId="{883AEF29-5379-4353-A405-CF6A2B317C0F}" type="presOf" srcId="{4DB3624A-BE4F-4B8F-9B80-A76BCDCD010E}" destId="{E01E1D25-E533-429D-9D9B-DE644D8DBD96}" srcOrd="0" destOrd="0" presId="urn:microsoft.com/office/officeart/2009/3/layout/HorizontalOrganizationChart"/>
    <dgm:cxn modelId="{5F35F537-3B28-4002-99B4-1A5F5480391B}" type="presOf" srcId="{8D2C6596-F2B0-40F4-8633-5CD307D55512}" destId="{7C46917E-CF7A-46BF-BA17-611861CBD8D4}" srcOrd="0" destOrd="0" presId="urn:microsoft.com/office/officeart/2009/3/layout/HorizontalOrganizationChart"/>
    <dgm:cxn modelId="{0D14CF5E-0458-438B-886E-7484B667E299}" srcId="{6A15DF52-C1E7-4C05-8718-1DFE796C971F}" destId="{1B73D17B-F291-462B-9D7A-AEE176DC8A76}" srcOrd="2" destOrd="0" parTransId="{FACAF34C-EA47-41DD-9BA2-9B9830830A50}" sibTransId="{D7D48815-7D9C-4605-9C1C-57F192CBAF61}"/>
    <dgm:cxn modelId="{54333665-F91C-4545-BFAB-3409B43A6A4E}" type="presOf" srcId="{63972397-B02E-42D6-A71F-FD1FE67D241A}" destId="{A602545A-E931-4BCC-8094-A787791A85AF}" srcOrd="1" destOrd="0" presId="urn:microsoft.com/office/officeart/2009/3/layout/HorizontalOrganizationChart"/>
    <dgm:cxn modelId="{1B36DC68-3F88-43E5-AC26-B7CA1750F4CD}" type="presOf" srcId="{F1E7AFD0-955D-43A0-9546-FB2F820CCB23}" destId="{500F6B74-F2F7-49BA-B066-B1B34C1D2D60}" srcOrd="0" destOrd="0" presId="urn:microsoft.com/office/officeart/2009/3/layout/HorizontalOrganizationChart"/>
    <dgm:cxn modelId="{1FE5FF69-33A1-4C38-A0A0-C782C197C182}" srcId="{4C8D2774-BEFF-425C-BA8D-A38253F5F34A}" destId="{4DB3624A-BE4F-4B8F-9B80-A76BCDCD010E}" srcOrd="1" destOrd="0" parTransId="{20D6AD91-DA82-4A00-B5C2-451A59511CF3}" sibTransId="{25E4387E-35E7-476F-B6F4-6418689744DC}"/>
    <dgm:cxn modelId="{19046F6F-35D2-48D0-AE82-3C604504B866}" type="presOf" srcId="{4C8D2774-BEFF-425C-BA8D-A38253F5F34A}" destId="{0A4D042F-0F72-425F-95CF-2851E88D7012}" srcOrd="0" destOrd="0" presId="urn:microsoft.com/office/officeart/2009/3/layout/HorizontalOrganizationChart"/>
    <dgm:cxn modelId="{6F2EE250-4907-46B1-9017-1CEE37C527FB}" type="presOf" srcId="{40F904CB-B0F8-400B-A69F-EBBAE32D2F00}" destId="{03FCD131-7305-43CA-8C45-500E2B3310D7}" srcOrd="1" destOrd="0" presId="urn:microsoft.com/office/officeart/2009/3/layout/HorizontalOrganizationChart"/>
    <dgm:cxn modelId="{BEAA6C77-98A9-4BDB-A0E7-F13150E20C56}" type="presOf" srcId="{4C8D2774-BEFF-425C-BA8D-A38253F5F34A}" destId="{F71DE8DC-B656-4F4A-AF62-0736333EA5B4}" srcOrd="1" destOrd="0" presId="urn:microsoft.com/office/officeart/2009/3/layout/HorizontalOrganizationChart"/>
    <dgm:cxn modelId="{0173C157-B682-4580-9935-F55655CC5F18}" type="presOf" srcId="{B2B50A73-72F0-4A74-993A-AD338B980F44}" destId="{E18624D5-0917-43DF-8685-512D07C5B126}" srcOrd="0" destOrd="0" presId="urn:microsoft.com/office/officeart/2009/3/layout/HorizontalOrganizationChart"/>
    <dgm:cxn modelId="{2C79EB77-4DCB-4AF9-91F3-0145ECAB67A8}" srcId="{6A15DF52-C1E7-4C05-8718-1DFE796C971F}" destId="{63972397-B02E-42D6-A71F-FD1FE67D241A}" srcOrd="1" destOrd="0" parTransId="{B0DFA2ED-08E1-4872-93F2-B4BFEEBD787F}" sibTransId="{BCFD8A57-1EA1-4583-8A2F-ACF828AAEA7A}"/>
    <dgm:cxn modelId="{CB08F782-25D5-4902-8FB1-7DCD020FC9A4}" type="presOf" srcId="{1B73D17B-F291-462B-9D7A-AEE176DC8A76}" destId="{20577E9A-0184-4768-B81D-7CD98C06556F}" srcOrd="1" destOrd="0" presId="urn:microsoft.com/office/officeart/2009/3/layout/HorizontalOrganizationChart"/>
    <dgm:cxn modelId="{E4FDB58D-2513-4961-AA75-CE96958BEAD9}" type="presOf" srcId="{4DB3624A-BE4F-4B8F-9B80-A76BCDCD010E}" destId="{292C32B6-C482-446F-A6F4-9F91BFF81F93}" srcOrd="1" destOrd="0" presId="urn:microsoft.com/office/officeart/2009/3/layout/HorizontalOrganizationChart"/>
    <dgm:cxn modelId="{E4543590-F004-4B2D-9E96-B22B9DD724F4}" type="presOf" srcId="{FACAF34C-EA47-41DD-9BA2-9B9830830A50}" destId="{98B63674-8713-450A-88B3-6D508DD91CB2}" srcOrd="0" destOrd="0" presId="urn:microsoft.com/office/officeart/2009/3/layout/HorizontalOrganizationChart"/>
    <dgm:cxn modelId="{7AB8CE96-F6D4-4B06-8846-08766B97C333}" srcId="{4C8D2774-BEFF-425C-BA8D-A38253F5F34A}" destId="{40F904CB-B0F8-400B-A69F-EBBAE32D2F00}" srcOrd="0" destOrd="0" parTransId="{8801FADA-4083-4ADF-AAE3-B5CD8B0C6B68}" sibTransId="{E20A7D5C-F055-463A-8690-0845124AFB6F}"/>
    <dgm:cxn modelId="{99FD439E-CD2D-43FC-AFEB-CCD779CCC06B}" type="presOf" srcId="{B0DFA2ED-08E1-4872-93F2-B4BFEEBD787F}" destId="{23EB0705-5496-413B-8A56-7C59A640BBDA}" srcOrd="0" destOrd="0" presId="urn:microsoft.com/office/officeart/2009/3/layout/HorizontalOrganizationChart"/>
    <dgm:cxn modelId="{F6E58FA3-BF72-4639-AFB9-7D5112590CD1}" srcId="{8D2C6596-F2B0-40F4-8633-5CD307D55512}" destId="{4C8D2774-BEFF-425C-BA8D-A38253F5F34A}" srcOrd="1" destOrd="0" parTransId="{F4A3F5BD-5245-42E1-94A8-F0CF00100364}" sibTransId="{B40DE868-648F-4EDD-83E6-AD3FA3BAFAAB}"/>
    <dgm:cxn modelId="{B67298A7-B01C-4296-AB40-10B14B4A48AB}" srcId="{6A15DF52-C1E7-4C05-8718-1DFE796C971F}" destId="{F1E7AFD0-955D-43A0-9546-FB2F820CCB23}" srcOrd="0" destOrd="0" parTransId="{459576F6-1254-42E2-A457-512245C48908}" sibTransId="{758886B7-BB07-4D6A-B5B9-F5781A876A23}"/>
    <dgm:cxn modelId="{36EB7DA9-4C86-4B5C-B4C6-87A6B394A02F}" type="presOf" srcId="{F1E7AFD0-955D-43A0-9546-FB2F820CCB23}" destId="{EDED9F44-D929-42EE-8FA1-3A41F8C656E3}" srcOrd="1" destOrd="0" presId="urn:microsoft.com/office/officeart/2009/3/layout/HorizontalOrganizationChart"/>
    <dgm:cxn modelId="{54323BAE-BB95-4E40-9CE7-475B04BFD811}" type="presOf" srcId="{63972397-B02E-42D6-A71F-FD1FE67D241A}" destId="{582FA1D1-B695-44B1-A69A-FF935B4B3845}" srcOrd="0" destOrd="0" presId="urn:microsoft.com/office/officeart/2009/3/layout/HorizontalOrganizationChart"/>
    <dgm:cxn modelId="{C1B9AFC5-3377-4E97-9B7F-E3844068D0B8}" type="presOf" srcId="{EB847B44-E989-46CC-9623-D2EEEA249AA4}" destId="{793F1BC7-42C4-4764-A17D-51670FA462FE}" srcOrd="0" destOrd="0" presId="urn:microsoft.com/office/officeart/2009/3/layout/HorizontalOrganizationChart"/>
    <dgm:cxn modelId="{F39FC4C8-33F1-44A5-B91C-846E235D30C3}" type="presOf" srcId="{40F904CB-B0F8-400B-A69F-EBBAE32D2F00}" destId="{9C6A9307-2900-47F4-B8C0-D54A09A29B83}" srcOrd="0" destOrd="0" presId="urn:microsoft.com/office/officeart/2009/3/layout/HorizontalOrganizationChart"/>
    <dgm:cxn modelId="{460AE2D2-09DD-4EA7-8D33-EB969381BDE3}" srcId="{8D2C6596-F2B0-40F4-8633-5CD307D55512}" destId="{6A15DF52-C1E7-4C05-8718-1DFE796C971F}" srcOrd="0" destOrd="0" parTransId="{B2B50A73-72F0-4A74-993A-AD338B980F44}" sibTransId="{1BA4DF94-B6FB-4322-8A1F-FAD2817D9A4D}"/>
    <dgm:cxn modelId="{2BCBA8D5-88C1-4F00-81C4-4E3C129B6EC7}" type="presOf" srcId="{6A15DF52-C1E7-4C05-8718-1DFE796C971F}" destId="{64CB719F-5D46-4706-A682-0C7B3A197848}" srcOrd="0" destOrd="0" presId="urn:microsoft.com/office/officeart/2009/3/layout/HorizontalOrganizationChart"/>
    <dgm:cxn modelId="{D4F315DD-993E-4AFD-9AE6-68921C63CC06}" type="presOf" srcId="{459576F6-1254-42E2-A457-512245C48908}" destId="{5356E633-9A2F-492E-847C-4C3B3DA1A456}" srcOrd="0" destOrd="0" presId="urn:microsoft.com/office/officeart/2009/3/layout/HorizontalOrganizationChart"/>
    <dgm:cxn modelId="{FBE038F0-04B7-4197-93B6-A54E808B3BED}" srcId="{EB847B44-E989-46CC-9623-D2EEEA249AA4}" destId="{8D2C6596-F2B0-40F4-8633-5CD307D55512}" srcOrd="0" destOrd="0" parTransId="{74064AF8-5096-493A-BE36-8CC942BC6571}" sibTransId="{23AF1FDB-FCD8-48D9-ABA4-589FCF56E5E6}"/>
    <dgm:cxn modelId="{CC9720FF-3B1E-49E2-9A5F-3478B4C8FE23}" type="presOf" srcId="{8801FADA-4083-4ADF-AAE3-B5CD8B0C6B68}" destId="{8A6523C2-5E27-4FD8-9365-9166F84ECC76}" srcOrd="0" destOrd="0" presId="urn:microsoft.com/office/officeart/2009/3/layout/HorizontalOrganizationChart"/>
    <dgm:cxn modelId="{31A3DD09-2122-44FC-8EA7-B2FFDFAC33AC}" type="presParOf" srcId="{793F1BC7-42C4-4764-A17D-51670FA462FE}" destId="{970FE500-ACA8-47FD-9A54-FA2AC8DCCC48}" srcOrd="0" destOrd="0" presId="urn:microsoft.com/office/officeart/2009/3/layout/HorizontalOrganizationChart"/>
    <dgm:cxn modelId="{B8206DF6-D4DE-42C2-9A41-6D9014E7C00B}" type="presParOf" srcId="{970FE500-ACA8-47FD-9A54-FA2AC8DCCC48}" destId="{AE2AD8AA-552F-4747-A5DA-8D63180E8A3D}" srcOrd="0" destOrd="0" presId="urn:microsoft.com/office/officeart/2009/3/layout/HorizontalOrganizationChart"/>
    <dgm:cxn modelId="{69316525-22D6-4B6E-8B24-9BEB0AA6FE38}" type="presParOf" srcId="{AE2AD8AA-552F-4747-A5DA-8D63180E8A3D}" destId="{7C46917E-CF7A-46BF-BA17-611861CBD8D4}" srcOrd="0" destOrd="0" presId="urn:microsoft.com/office/officeart/2009/3/layout/HorizontalOrganizationChart"/>
    <dgm:cxn modelId="{3661215D-6C0C-45A2-A13F-7109B93A8185}" type="presParOf" srcId="{AE2AD8AA-552F-4747-A5DA-8D63180E8A3D}" destId="{02F176F6-AC6A-4003-B2E6-AB6BE55A4420}" srcOrd="1" destOrd="0" presId="urn:microsoft.com/office/officeart/2009/3/layout/HorizontalOrganizationChart"/>
    <dgm:cxn modelId="{5AA13A63-5696-4FA7-AABB-3A981E84F6EE}" type="presParOf" srcId="{970FE500-ACA8-47FD-9A54-FA2AC8DCCC48}" destId="{A721238B-4283-44F0-A06E-772BF6689246}" srcOrd="1" destOrd="0" presId="urn:microsoft.com/office/officeart/2009/3/layout/HorizontalOrganizationChart"/>
    <dgm:cxn modelId="{5D918995-B745-4B3D-A4D0-69EC9393293A}" type="presParOf" srcId="{A721238B-4283-44F0-A06E-772BF6689246}" destId="{E18624D5-0917-43DF-8685-512D07C5B126}" srcOrd="0" destOrd="0" presId="urn:microsoft.com/office/officeart/2009/3/layout/HorizontalOrganizationChart"/>
    <dgm:cxn modelId="{13D8EEA0-0CD2-4AB5-BF13-E3AD77EDFAE9}" type="presParOf" srcId="{A721238B-4283-44F0-A06E-772BF6689246}" destId="{72DA2864-3582-4C77-AC3D-1C84916AD5DD}" srcOrd="1" destOrd="0" presId="urn:microsoft.com/office/officeart/2009/3/layout/HorizontalOrganizationChart"/>
    <dgm:cxn modelId="{15E6C317-DD4D-44C9-9D98-7BA0FBC08F01}" type="presParOf" srcId="{72DA2864-3582-4C77-AC3D-1C84916AD5DD}" destId="{3A35A6C7-37E9-46CE-BA61-7802EDB8B85D}" srcOrd="0" destOrd="0" presId="urn:microsoft.com/office/officeart/2009/3/layout/HorizontalOrganizationChart"/>
    <dgm:cxn modelId="{CD351548-94C9-401A-9AAD-769A52DF5D47}" type="presParOf" srcId="{3A35A6C7-37E9-46CE-BA61-7802EDB8B85D}" destId="{64CB719F-5D46-4706-A682-0C7B3A197848}" srcOrd="0" destOrd="0" presId="urn:microsoft.com/office/officeart/2009/3/layout/HorizontalOrganizationChart"/>
    <dgm:cxn modelId="{F5C1F9CE-9DBD-49C4-89DE-09C58FFE1553}" type="presParOf" srcId="{3A35A6C7-37E9-46CE-BA61-7802EDB8B85D}" destId="{8A90C531-4E39-4693-B2AE-085560D01887}" srcOrd="1" destOrd="0" presId="urn:microsoft.com/office/officeart/2009/3/layout/HorizontalOrganizationChart"/>
    <dgm:cxn modelId="{5A8F2C8B-7967-4D5D-B37C-CA18B6E27FF7}" type="presParOf" srcId="{72DA2864-3582-4C77-AC3D-1C84916AD5DD}" destId="{5CF77A4F-E363-4299-94E6-E0E8486BEB87}" srcOrd="1" destOrd="0" presId="urn:microsoft.com/office/officeart/2009/3/layout/HorizontalOrganizationChart"/>
    <dgm:cxn modelId="{1B6FEEFF-D2FB-4C40-AD71-6AD3BE28183D}" type="presParOf" srcId="{5CF77A4F-E363-4299-94E6-E0E8486BEB87}" destId="{5356E633-9A2F-492E-847C-4C3B3DA1A456}" srcOrd="0" destOrd="0" presId="urn:microsoft.com/office/officeart/2009/3/layout/HorizontalOrganizationChart"/>
    <dgm:cxn modelId="{0A65BFA2-D8A2-4DEB-A92B-C1C4C0CF35AF}" type="presParOf" srcId="{5CF77A4F-E363-4299-94E6-E0E8486BEB87}" destId="{21EE87C6-13A1-4DCA-A031-3A050582E9EC}" srcOrd="1" destOrd="0" presId="urn:microsoft.com/office/officeart/2009/3/layout/HorizontalOrganizationChart"/>
    <dgm:cxn modelId="{8557C116-92D2-499A-AE04-60C3EC6B9245}" type="presParOf" srcId="{21EE87C6-13A1-4DCA-A031-3A050582E9EC}" destId="{2BE1617C-9646-4CAD-9743-4EC8181E07C9}" srcOrd="0" destOrd="0" presId="urn:microsoft.com/office/officeart/2009/3/layout/HorizontalOrganizationChart"/>
    <dgm:cxn modelId="{2C6F1584-2511-4127-9ECF-8B24EAEF1D68}" type="presParOf" srcId="{2BE1617C-9646-4CAD-9743-4EC8181E07C9}" destId="{500F6B74-F2F7-49BA-B066-B1B34C1D2D60}" srcOrd="0" destOrd="0" presId="urn:microsoft.com/office/officeart/2009/3/layout/HorizontalOrganizationChart"/>
    <dgm:cxn modelId="{C2CAEBBF-E2BC-45DE-A4CA-A244287C0107}" type="presParOf" srcId="{2BE1617C-9646-4CAD-9743-4EC8181E07C9}" destId="{EDED9F44-D929-42EE-8FA1-3A41F8C656E3}" srcOrd="1" destOrd="0" presId="urn:microsoft.com/office/officeart/2009/3/layout/HorizontalOrganizationChart"/>
    <dgm:cxn modelId="{85A9CFB9-44C6-4C5C-A457-F8E0155DE5AB}" type="presParOf" srcId="{21EE87C6-13A1-4DCA-A031-3A050582E9EC}" destId="{868197FB-DA98-49D1-A4A1-B6245C60E1E1}" srcOrd="1" destOrd="0" presId="urn:microsoft.com/office/officeart/2009/3/layout/HorizontalOrganizationChart"/>
    <dgm:cxn modelId="{CF0ABD88-1E50-47FC-B6C2-05A2C99EA327}" type="presParOf" srcId="{21EE87C6-13A1-4DCA-A031-3A050582E9EC}" destId="{B0D7E568-624D-4FEC-A50B-34BBE72B2F31}" srcOrd="2" destOrd="0" presId="urn:microsoft.com/office/officeart/2009/3/layout/HorizontalOrganizationChart"/>
    <dgm:cxn modelId="{3F1188CA-0C1E-4114-8216-9DB9C1C8C539}" type="presParOf" srcId="{5CF77A4F-E363-4299-94E6-E0E8486BEB87}" destId="{23EB0705-5496-413B-8A56-7C59A640BBDA}" srcOrd="2" destOrd="0" presId="urn:microsoft.com/office/officeart/2009/3/layout/HorizontalOrganizationChart"/>
    <dgm:cxn modelId="{AABE9B4F-ADF5-4208-92C8-B956A248E156}" type="presParOf" srcId="{5CF77A4F-E363-4299-94E6-E0E8486BEB87}" destId="{00C970F2-016E-47E0-87F2-B94CC69C14FE}" srcOrd="3" destOrd="0" presId="urn:microsoft.com/office/officeart/2009/3/layout/HorizontalOrganizationChart"/>
    <dgm:cxn modelId="{FBF982F6-5AC8-4CA0-BAD2-A20200546E9A}" type="presParOf" srcId="{00C970F2-016E-47E0-87F2-B94CC69C14FE}" destId="{B512357A-06A1-4357-BD3B-D65992F7CA60}" srcOrd="0" destOrd="0" presId="urn:microsoft.com/office/officeart/2009/3/layout/HorizontalOrganizationChart"/>
    <dgm:cxn modelId="{7501AD51-3FC9-46DE-B6C0-0E31DB74B506}" type="presParOf" srcId="{B512357A-06A1-4357-BD3B-D65992F7CA60}" destId="{582FA1D1-B695-44B1-A69A-FF935B4B3845}" srcOrd="0" destOrd="0" presId="urn:microsoft.com/office/officeart/2009/3/layout/HorizontalOrganizationChart"/>
    <dgm:cxn modelId="{2368D3DC-BC70-4BD2-B676-81DF1DDD949B}" type="presParOf" srcId="{B512357A-06A1-4357-BD3B-D65992F7CA60}" destId="{A602545A-E931-4BCC-8094-A787791A85AF}" srcOrd="1" destOrd="0" presId="urn:microsoft.com/office/officeart/2009/3/layout/HorizontalOrganizationChart"/>
    <dgm:cxn modelId="{3B538315-724A-4715-880E-18E10D0F3BED}" type="presParOf" srcId="{00C970F2-016E-47E0-87F2-B94CC69C14FE}" destId="{FBFCE7D5-6A94-4645-BED2-5C4D6A15D238}" srcOrd="1" destOrd="0" presId="urn:microsoft.com/office/officeart/2009/3/layout/HorizontalOrganizationChart"/>
    <dgm:cxn modelId="{D5E68642-2B44-4BC7-959D-FAFDA7E0B198}" type="presParOf" srcId="{00C970F2-016E-47E0-87F2-B94CC69C14FE}" destId="{3FE49D19-FD8E-4CF6-B678-1E4BA077C936}" srcOrd="2" destOrd="0" presId="urn:microsoft.com/office/officeart/2009/3/layout/HorizontalOrganizationChart"/>
    <dgm:cxn modelId="{3E786AD2-09DE-4447-9286-084E24E493C3}" type="presParOf" srcId="{5CF77A4F-E363-4299-94E6-E0E8486BEB87}" destId="{98B63674-8713-450A-88B3-6D508DD91CB2}" srcOrd="4" destOrd="0" presId="urn:microsoft.com/office/officeart/2009/3/layout/HorizontalOrganizationChart"/>
    <dgm:cxn modelId="{91B11B54-05C1-416D-B25D-C8F0F0FC8026}" type="presParOf" srcId="{5CF77A4F-E363-4299-94E6-E0E8486BEB87}" destId="{7B385CB3-810E-464C-81C9-9FD30F48F0F5}" srcOrd="5" destOrd="0" presId="urn:microsoft.com/office/officeart/2009/3/layout/HorizontalOrganizationChart"/>
    <dgm:cxn modelId="{CD40570A-4FE4-4553-9B80-5D351FA8D242}" type="presParOf" srcId="{7B385CB3-810E-464C-81C9-9FD30F48F0F5}" destId="{ED62262C-603A-48B6-B288-2F41E6B4C2A0}" srcOrd="0" destOrd="0" presId="urn:microsoft.com/office/officeart/2009/3/layout/HorizontalOrganizationChart"/>
    <dgm:cxn modelId="{AF09CC7C-31C9-4196-8AA1-E78B8AAC268A}" type="presParOf" srcId="{ED62262C-603A-48B6-B288-2F41E6B4C2A0}" destId="{B5FABF18-8252-4D52-BC5B-FE5CD9A377BB}" srcOrd="0" destOrd="0" presId="urn:microsoft.com/office/officeart/2009/3/layout/HorizontalOrganizationChart"/>
    <dgm:cxn modelId="{87527171-CF2B-4622-8FC3-94CA7E7E1895}" type="presParOf" srcId="{ED62262C-603A-48B6-B288-2F41E6B4C2A0}" destId="{20577E9A-0184-4768-B81D-7CD98C06556F}" srcOrd="1" destOrd="0" presId="urn:microsoft.com/office/officeart/2009/3/layout/HorizontalOrganizationChart"/>
    <dgm:cxn modelId="{19921847-AF3B-4118-8100-2A12FA9EC1A3}" type="presParOf" srcId="{7B385CB3-810E-464C-81C9-9FD30F48F0F5}" destId="{8EB72B06-6761-43AB-ABE1-02DC98E2805A}" srcOrd="1" destOrd="0" presId="urn:microsoft.com/office/officeart/2009/3/layout/HorizontalOrganizationChart"/>
    <dgm:cxn modelId="{AF109CC6-93E2-4898-B121-841E803241E4}" type="presParOf" srcId="{7B385CB3-810E-464C-81C9-9FD30F48F0F5}" destId="{37D45152-F7B7-4A2E-AB91-CA952BC9A744}" srcOrd="2" destOrd="0" presId="urn:microsoft.com/office/officeart/2009/3/layout/HorizontalOrganizationChart"/>
    <dgm:cxn modelId="{C5C624D7-C34E-46FE-80B8-4EDABE81F58B}" type="presParOf" srcId="{72DA2864-3582-4C77-AC3D-1C84916AD5DD}" destId="{8A18ECA9-5194-457E-9BFE-E27220C5E335}" srcOrd="2" destOrd="0" presId="urn:microsoft.com/office/officeart/2009/3/layout/HorizontalOrganizationChart"/>
    <dgm:cxn modelId="{97320964-8D22-444C-89CB-F78D47621215}" type="presParOf" srcId="{A721238B-4283-44F0-A06E-772BF6689246}" destId="{C2AF73B6-5128-4C91-8276-BEE6D68381B3}" srcOrd="2" destOrd="0" presId="urn:microsoft.com/office/officeart/2009/3/layout/HorizontalOrganizationChart"/>
    <dgm:cxn modelId="{40BF07BE-4B24-4514-A169-7CB345BB96E9}" type="presParOf" srcId="{A721238B-4283-44F0-A06E-772BF6689246}" destId="{5E15F224-1557-42B0-87F4-5825579228E6}" srcOrd="3" destOrd="0" presId="urn:microsoft.com/office/officeart/2009/3/layout/HorizontalOrganizationChart"/>
    <dgm:cxn modelId="{92E64F05-B825-458C-BC9B-76C62552AB7A}" type="presParOf" srcId="{5E15F224-1557-42B0-87F4-5825579228E6}" destId="{B1AB384C-D8FA-4FB8-A476-928CEF74059A}" srcOrd="0" destOrd="0" presId="urn:microsoft.com/office/officeart/2009/3/layout/HorizontalOrganizationChart"/>
    <dgm:cxn modelId="{704F4B66-4746-4E04-819F-E1F61F83FF90}" type="presParOf" srcId="{B1AB384C-D8FA-4FB8-A476-928CEF74059A}" destId="{0A4D042F-0F72-425F-95CF-2851E88D7012}" srcOrd="0" destOrd="0" presId="urn:microsoft.com/office/officeart/2009/3/layout/HorizontalOrganizationChart"/>
    <dgm:cxn modelId="{6F718AF7-7636-4309-815C-12BFA94CF62E}" type="presParOf" srcId="{B1AB384C-D8FA-4FB8-A476-928CEF74059A}" destId="{F71DE8DC-B656-4F4A-AF62-0736333EA5B4}" srcOrd="1" destOrd="0" presId="urn:microsoft.com/office/officeart/2009/3/layout/HorizontalOrganizationChart"/>
    <dgm:cxn modelId="{247681F7-72D6-4713-B105-62C5C8A27EB6}" type="presParOf" srcId="{5E15F224-1557-42B0-87F4-5825579228E6}" destId="{0DD8CF6F-7869-4522-AA43-92A90CD8AB0D}" srcOrd="1" destOrd="0" presId="urn:microsoft.com/office/officeart/2009/3/layout/HorizontalOrganizationChart"/>
    <dgm:cxn modelId="{4D7B243C-5484-4B78-A8FD-54C61CA893CA}" type="presParOf" srcId="{0DD8CF6F-7869-4522-AA43-92A90CD8AB0D}" destId="{8A6523C2-5E27-4FD8-9365-9166F84ECC76}" srcOrd="0" destOrd="0" presId="urn:microsoft.com/office/officeart/2009/3/layout/HorizontalOrganizationChart"/>
    <dgm:cxn modelId="{946B6877-1F13-42D8-A030-A1A811DD6B44}" type="presParOf" srcId="{0DD8CF6F-7869-4522-AA43-92A90CD8AB0D}" destId="{845331E1-D7D9-413B-A071-5C1A7CA167A3}" srcOrd="1" destOrd="0" presId="urn:microsoft.com/office/officeart/2009/3/layout/HorizontalOrganizationChart"/>
    <dgm:cxn modelId="{C173B577-9AE3-47CC-A9E9-E277BEA02E60}" type="presParOf" srcId="{845331E1-D7D9-413B-A071-5C1A7CA167A3}" destId="{8DC3DF03-FB5D-4FCF-8646-CA64E74C69AD}" srcOrd="0" destOrd="0" presId="urn:microsoft.com/office/officeart/2009/3/layout/HorizontalOrganizationChart"/>
    <dgm:cxn modelId="{EE122B97-C796-4406-B990-8CA42282F704}" type="presParOf" srcId="{8DC3DF03-FB5D-4FCF-8646-CA64E74C69AD}" destId="{9C6A9307-2900-47F4-B8C0-D54A09A29B83}" srcOrd="0" destOrd="0" presId="urn:microsoft.com/office/officeart/2009/3/layout/HorizontalOrganizationChart"/>
    <dgm:cxn modelId="{91441EDB-BF8B-4ED9-8A27-6CD8FC05D96E}" type="presParOf" srcId="{8DC3DF03-FB5D-4FCF-8646-CA64E74C69AD}" destId="{03FCD131-7305-43CA-8C45-500E2B3310D7}" srcOrd="1" destOrd="0" presId="urn:microsoft.com/office/officeart/2009/3/layout/HorizontalOrganizationChart"/>
    <dgm:cxn modelId="{63A68C4B-2279-4091-A992-85DBD7E423F6}" type="presParOf" srcId="{845331E1-D7D9-413B-A071-5C1A7CA167A3}" destId="{9DE4C566-026D-4D27-B46F-12DF28F9A09B}" srcOrd="1" destOrd="0" presId="urn:microsoft.com/office/officeart/2009/3/layout/HorizontalOrganizationChart"/>
    <dgm:cxn modelId="{3E39C146-775B-44CA-902E-53D650DDBD66}" type="presParOf" srcId="{845331E1-D7D9-413B-A071-5C1A7CA167A3}" destId="{D2F8790D-ED41-4176-8606-49FB7DA23FA5}" srcOrd="2" destOrd="0" presId="urn:microsoft.com/office/officeart/2009/3/layout/HorizontalOrganizationChart"/>
    <dgm:cxn modelId="{D70FDBB4-4053-46E6-AAF0-E45DD1EF8EDD}" type="presParOf" srcId="{0DD8CF6F-7869-4522-AA43-92A90CD8AB0D}" destId="{D7A4028A-8347-42C6-943E-669ADF88CD84}" srcOrd="2" destOrd="0" presId="urn:microsoft.com/office/officeart/2009/3/layout/HorizontalOrganizationChart"/>
    <dgm:cxn modelId="{A0705740-03B0-4A3A-BA30-32525E410ED1}" type="presParOf" srcId="{0DD8CF6F-7869-4522-AA43-92A90CD8AB0D}" destId="{5744CD0C-665B-422D-8D97-9C7E67A2D212}" srcOrd="3" destOrd="0" presId="urn:microsoft.com/office/officeart/2009/3/layout/HorizontalOrganizationChart"/>
    <dgm:cxn modelId="{35AF9D6F-30E8-4E05-83D7-DC423BD69D2D}" type="presParOf" srcId="{5744CD0C-665B-422D-8D97-9C7E67A2D212}" destId="{DB8765A7-076A-483C-B926-71CB245AE42D}" srcOrd="0" destOrd="0" presId="urn:microsoft.com/office/officeart/2009/3/layout/HorizontalOrganizationChart"/>
    <dgm:cxn modelId="{F8F29BAD-5DC8-423A-9502-DBE3BC131507}" type="presParOf" srcId="{DB8765A7-076A-483C-B926-71CB245AE42D}" destId="{E01E1D25-E533-429D-9D9B-DE644D8DBD96}" srcOrd="0" destOrd="0" presId="urn:microsoft.com/office/officeart/2009/3/layout/HorizontalOrganizationChart"/>
    <dgm:cxn modelId="{B6519E24-AD04-4E71-A5A7-B94AD84CAB24}" type="presParOf" srcId="{DB8765A7-076A-483C-B926-71CB245AE42D}" destId="{292C32B6-C482-446F-A6F4-9F91BFF81F93}" srcOrd="1" destOrd="0" presId="urn:microsoft.com/office/officeart/2009/3/layout/HorizontalOrganizationChart"/>
    <dgm:cxn modelId="{EAC66E19-A021-4643-B226-8D1FB7501701}" type="presParOf" srcId="{5744CD0C-665B-422D-8D97-9C7E67A2D212}" destId="{2DB910A3-58B0-4000-8E69-A190DDBAEA1C}" srcOrd="1" destOrd="0" presId="urn:microsoft.com/office/officeart/2009/3/layout/HorizontalOrganizationChart"/>
    <dgm:cxn modelId="{736E74CC-CBA1-48E0-8A72-321E7230A469}" type="presParOf" srcId="{5744CD0C-665B-422D-8D97-9C7E67A2D212}" destId="{2B5ED005-0030-4312-84D0-5CC68084084E}" srcOrd="2" destOrd="0" presId="urn:microsoft.com/office/officeart/2009/3/layout/HorizontalOrganizationChart"/>
    <dgm:cxn modelId="{6F38DDC9-1328-4DD9-838A-A7F807DB5E51}" type="presParOf" srcId="{5E15F224-1557-42B0-87F4-5825579228E6}" destId="{755BEAC0-9DDC-460F-8592-D533927298B8}" srcOrd="2" destOrd="0" presId="urn:microsoft.com/office/officeart/2009/3/layout/HorizontalOrganizationChart"/>
    <dgm:cxn modelId="{EF942A47-5D2B-4525-B616-FD74EB5F8322}" type="presParOf" srcId="{970FE500-ACA8-47FD-9A54-FA2AC8DCCC48}" destId="{4078D183-E1F3-43C4-9B9D-B4296445969D}" srcOrd="2" destOrd="0" presId="urn:microsoft.com/office/officeart/2009/3/layout/HorizontalOrganizationChart"/>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1E41F63C-6071-5147-8271-EC780FAB00EB}" type="doc">
      <dgm:prSet loTypeId="urn:microsoft.com/office/officeart/2005/8/layout/list1" loCatId="list" qsTypeId="urn:microsoft.com/office/officeart/2005/8/quickstyle/simple1" qsCatId="simple" csTypeId="urn:microsoft.com/office/officeart/2005/8/colors/accent5_2" csCatId="accent5" phldr="1"/>
      <dgm:spPr/>
      <dgm:t>
        <a:bodyPr/>
        <a:lstStyle/>
        <a:p>
          <a:endParaRPr lang="it-IT"/>
        </a:p>
      </dgm:t>
    </dgm:pt>
    <dgm:pt modelId="{9D9EBE42-E77D-D541-9474-7561D4AA997A}">
      <dgm:prSet phldrT="[Testo]" custT="1"/>
      <dgm:spPr/>
      <dgm:t>
        <a:bodyPr/>
        <a:lstStyle/>
        <a:p>
          <a:r>
            <a:rPr lang="en-GB" sz="800" noProof="0"/>
            <a:t>ADVANTAGES</a:t>
          </a:r>
        </a:p>
      </dgm:t>
    </dgm:pt>
    <dgm:pt modelId="{C1282C3F-6AA4-8F4B-9CFD-1822D69E2430}" type="parTrans" cxnId="{96D5B08C-F6AF-274A-A4E8-65B81DEEA63B}">
      <dgm:prSet/>
      <dgm:spPr/>
      <dgm:t>
        <a:bodyPr/>
        <a:lstStyle/>
        <a:p>
          <a:endParaRPr lang="it-IT"/>
        </a:p>
      </dgm:t>
    </dgm:pt>
    <dgm:pt modelId="{10BAF402-C13E-BD49-86C8-B978583B6FE2}" type="sibTrans" cxnId="{96D5B08C-F6AF-274A-A4E8-65B81DEEA63B}">
      <dgm:prSet/>
      <dgm:spPr/>
      <dgm:t>
        <a:bodyPr/>
        <a:lstStyle/>
        <a:p>
          <a:endParaRPr lang="it-IT"/>
        </a:p>
      </dgm:t>
    </dgm:pt>
    <dgm:pt modelId="{B20750E5-4414-954F-B28E-3C25A98BC8E7}">
      <dgm:prSet phldrT="[Testo]"/>
      <dgm:spPr/>
      <dgm:t>
        <a:bodyPr/>
        <a:lstStyle/>
        <a:p>
          <a:pPr>
            <a:buClr>
              <a:srgbClr val="002060"/>
            </a:buClr>
            <a:buFont typeface="Wingdings" panose="05000000000000000000" pitchFamily="2" charset="2"/>
            <a:buChar char="ü"/>
          </a:pPr>
          <a:r>
            <a:rPr lang="it-IT" dirty="0">
              <a:solidFill>
                <a:srgbClr val="002060"/>
              </a:solidFill>
            </a:rPr>
            <a:t>High </a:t>
          </a:r>
          <a:r>
            <a:rPr lang="en-GB" noProof="0" dirty="0">
              <a:solidFill>
                <a:srgbClr val="002060"/>
              </a:solidFill>
            </a:rPr>
            <a:t>hydrogen</a:t>
          </a:r>
          <a:r>
            <a:rPr lang="it-IT" dirty="0">
              <a:solidFill>
                <a:srgbClr val="002060"/>
              </a:solidFill>
            </a:rPr>
            <a:t> </a:t>
          </a:r>
          <a:r>
            <a:rPr lang="en-GB" noProof="0" dirty="0">
              <a:solidFill>
                <a:srgbClr val="002060"/>
              </a:solidFill>
            </a:rPr>
            <a:t>density</a:t>
          </a:r>
          <a:endParaRPr lang="it-IT" dirty="0">
            <a:solidFill>
              <a:srgbClr val="002060"/>
            </a:solidFill>
            <a:highlight>
              <a:srgbClr val="FFFF00"/>
            </a:highlight>
          </a:endParaRPr>
        </a:p>
      </dgm:t>
    </dgm:pt>
    <dgm:pt modelId="{D63EA649-BE8E-794A-9E5C-EC59E7958A5D}" type="parTrans" cxnId="{B45F5088-F244-DC48-829F-BF864A0EB980}">
      <dgm:prSet/>
      <dgm:spPr/>
      <dgm:t>
        <a:bodyPr/>
        <a:lstStyle/>
        <a:p>
          <a:endParaRPr lang="it-IT"/>
        </a:p>
      </dgm:t>
    </dgm:pt>
    <dgm:pt modelId="{EB219B20-B118-5940-A93E-D32114209DD4}" type="sibTrans" cxnId="{B45F5088-F244-DC48-829F-BF864A0EB980}">
      <dgm:prSet/>
      <dgm:spPr/>
      <dgm:t>
        <a:bodyPr/>
        <a:lstStyle/>
        <a:p>
          <a:endParaRPr lang="it-IT"/>
        </a:p>
      </dgm:t>
    </dgm:pt>
    <dgm:pt modelId="{BFC52182-E478-A443-A53A-55A8266306C2}">
      <dgm:prSet phldrT="[Testo]" custT="1"/>
      <dgm:spPr/>
      <dgm:t>
        <a:bodyPr/>
        <a:lstStyle/>
        <a:p>
          <a:r>
            <a:rPr lang="en-US" sz="800" noProof="0" dirty="0"/>
            <a:t>DISADVANTAGES</a:t>
          </a:r>
        </a:p>
      </dgm:t>
    </dgm:pt>
    <dgm:pt modelId="{324DA591-2F65-5743-8F59-7945981ECA9D}" type="parTrans" cxnId="{0B463440-DFF6-C14B-9B8A-8DD14A2F0CD2}">
      <dgm:prSet/>
      <dgm:spPr/>
      <dgm:t>
        <a:bodyPr/>
        <a:lstStyle/>
        <a:p>
          <a:endParaRPr lang="it-IT"/>
        </a:p>
      </dgm:t>
    </dgm:pt>
    <dgm:pt modelId="{329FCE57-03A4-1244-AC90-C73BD954D969}" type="sibTrans" cxnId="{0B463440-DFF6-C14B-9B8A-8DD14A2F0CD2}">
      <dgm:prSet/>
      <dgm:spPr/>
      <dgm:t>
        <a:bodyPr/>
        <a:lstStyle/>
        <a:p>
          <a:endParaRPr lang="it-IT"/>
        </a:p>
      </dgm:t>
    </dgm:pt>
    <dgm:pt modelId="{D9C522A6-8FF5-A548-BA4E-450E0F1E2294}">
      <dgm:prSet phldrT="[Testo]"/>
      <dgm:spPr/>
      <dgm:t>
        <a:bodyPr/>
        <a:lstStyle/>
        <a:p>
          <a:pPr>
            <a:buClr>
              <a:srgbClr val="002060"/>
            </a:buClr>
            <a:buFontTx/>
            <a:buChar char="x"/>
          </a:pPr>
          <a:r>
            <a:rPr lang="en-GB" noProof="0" dirty="0">
              <a:solidFill>
                <a:srgbClr val="002060"/>
              </a:solidFill>
            </a:rPr>
            <a:t>Trace of NH</a:t>
          </a:r>
          <a:r>
            <a:rPr lang="en-GB" baseline="-25000" noProof="0" dirty="0">
              <a:solidFill>
                <a:srgbClr val="002060"/>
              </a:solidFill>
            </a:rPr>
            <a:t>3</a:t>
          </a:r>
          <a:r>
            <a:rPr lang="en-GB" noProof="0" dirty="0">
              <a:solidFill>
                <a:srgbClr val="002060"/>
              </a:solidFill>
            </a:rPr>
            <a:t> in the H</a:t>
          </a:r>
          <a:r>
            <a:rPr lang="en-GB" baseline="-25000" noProof="0" dirty="0">
              <a:solidFill>
                <a:srgbClr val="002060"/>
              </a:solidFill>
            </a:rPr>
            <a:t>2</a:t>
          </a:r>
          <a:r>
            <a:rPr lang="en-GB" noProof="0" dirty="0">
              <a:solidFill>
                <a:srgbClr val="002060"/>
              </a:solidFill>
            </a:rPr>
            <a:t> after the decomposition</a:t>
          </a:r>
        </a:p>
      </dgm:t>
    </dgm:pt>
    <dgm:pt modelId="{469FBC03-2F7E-554E-A4F1-DA26302B71CD}" type="parTrans" cxnId="{A69476BE-FABC-1B4C-9092-88E213B1FA3B}">
      <dgm:prSet/>
      <dgm:spPr/>
      <dgm:t>
        <a:bodyPr/>
        <a:lstStyle/>
        <a:p>
          <a:endParaRPr lang="it-IT"/>
        </a:p>
      </dgm:t>
    </dgm:pt>
    <dgm:pt modelId="{2F9A5608-44CF-4E42-9A43-4F639682F398}" type="sibTrans" cxnId="{A69476BE-FABC-1B4C-9092-88E213B1FA3B}">
      <dgm:prSet/>
      <dgm:spPr/>
      <dgm:t>
        <a:bodyPr/>
        <a:lstStyle/>
        <a:p>
          <a:endParaRPr lang="it-IT"/>
        </a:p>
      </dgm:t>
    </dgm:pt>
    <dgm:pt modelId="{4D0E94D9-B90B-C249-9E08-C9E10196ED1D}">
      <dgm:prSet/>
      <dgm:spPr/>
      <dgm:t>
        <a:bodyPr/>
        <a:lstStyle/>
        <a:p>
          <a:pPr>
            <a:buClr>
              <a:srgbClr val="002060"/>
            </a:buClr>
            <a:buFont typeface="Wingdings" panose="05000000000000000000" pitchFamily="2" charset="2"/>
            <a:buChar char="ü"/>
          </a:pPr>
          <a:r>
            <a:rPr lang="en-GB" noProof="0" dirty="0">
              <a:solidFill>
                <a:srgbClr val="002060"/>
              </a:solidFill>
            </a:rPr>
            <a:t>Relatively</a:t>
          </a:r>
          <a:r>
            <a:rPr lang="it-IT" dirty="0">
              <a:solidFill>
                <a:srgbClr val="002060"/>
              </a:solidFill>
            </a:rPr>
            <a:t> easy cracking</a:t>
          </a:r>
        </a:p>
      </dgm:t>
    </dgm:pt>
    <dgm:pt modelId="{A71489E4-0CA4-3648-886C-CAD2CA43C71A}" type="parTrans" cxnId="{C54BD565-AE15-3742-BFA6-1609427B29D7}">
      <dgm:prSet/>
      <dgm:spPr/>
      <dgm:t>
        <a:bodyPr/>
        <a:lstStyle/>
        <a:p>
          <a:endParaRPr lang="it-IT"/>
        </a:p>
      </dgm:t>
    </dgm:pt>
    <dgm:pt modelId="{F976FDF3-1187-944A-B78E-769DF6F94114}" type="sibTrans" cxnId="{C54BD565-AE15-3742-BFA6-1609427B29D7}">
      <dgm:prSet/>
      <dgm:spPr/>
      <dgm:t>
        <a:bodyPr/>
        <a:lstStyle/>
        <a:p>
          <a:endParaRPr lang="it-IT"/>
        </a:p>
      </dgm:t>
    </dgm:pt>
    <dgm:pt modelId="{FDD1A91E-5977-7C46-8027-43E06A382D05}">
      <dgm:prSet/>
      <dgm:spPr/>
      <dgm:t>
        <a:bodyPr/>
        <a:lstStyle/>
        <a:p>
          <a:pPr>
            <a:buClr>
              <a:srgbClr val="002060"/>
            </a:buClr>
            <a:buFont typeface="Wingdings" panose="05000000000000000000" pitchFamily="2" charset="2"/>
            <a:buChar char="ü"/>
          </a:pPr>
          <a:r>
            <a:rPr lang="it-IT" dirty="0">
              <a:solidFill>
                <a:srgbClr val="002060"/>
              </a:solidFill>
            </a:rPr>
            <a:t>No CO</a:t>
          </a:r>
          <a:r>
            <a:rPr lang="it-IT" baseline="-25000" dirty="0">
              <a:solidFill>
                <a:srgbClr val="002060"/>
              </a:solidFill>
            </a:rPr>
            <a:t>2</a:t>
          </a:r>
          <a:r>
            <a:rPr lang="it-IT" dirty="0">
              <a:solidFill>
                <a:srgbClr val="002060"/>
              </a:solidFill>
            </a:rPr>
            <a:t> </a:t>
          </a:r>
          <a:r>
            <a:rPr lang="en-NL" noProof="0" dirty="0">
              <a:solidFill>
                <a:srgbClr val="002060"/>
              </a:solidFill>
            </a:rPr>
            <a:t>emissions</a:t>
          </a:r>
          <a:r>
            <a:rPr lang="it-IT" dirty="0">
              <a:solidFill>
                <a:srgbClr val="002060"/>
              </a:solidFill>
            </a:rPr>
            <a:t>.</a:t>
          </a:r>
        </a:p>
      </dgm:t>
    </dgm:pt>
    <dgm:pt modelId="{977F3891-16EB-974A-9375-A0718298BC2A}" type="parTrans" cxnId="{05D0031A-43A4-7C4F-B107-60A32B473444}">
      <dgm:prSet/>
      <dgm:spPr/>
      <dgm:t>
        <a:bodyPr/>
        <a:lstStyle/>
        <a:p>
          <a:endParaRPr lang="it-IT"/>
        </a:p>
      </dgm:t>
    </dgm:pt>
    <dgm:pt modelId="{59AFED0A-FF94-D148-AA82-C2C7B5E51D14}" type="sibTrans" cxnId="{05D0031A-43A4-7C4F-B107-60A32B473444}">
      <dgm:prSet/>
      <dgm:spPr/>
      <dgm:t>
        <a:bodyPr/>
        <a:lstStyle/>
        <a:p>
          <a:endParaRPr lang="it-IT"/>
        </a:p>
      </dgm:t>
    </dgm:pt>
    <dgm:pt modelId="{4D02F976-A40E-46FF-8EC9-B38F04918D28}">
      <dgm:prSet phldrT="[Testo]"/>
      <dgm:spPr/>
      <dgm:t>
        <a:bodyPr/>
        <a:lstStyle/>
        <a:p>
          <a:pPr>
            <a:buClr>
              <a:srgbClr val="002060"/>
            </a:buClr>
            <a:buFontTx/>
            <a:buChar char="x"/>
          </a:pPr>
          <a:r>
            <a:rPr lang="en-GB" noProof="0" dirty="0">
              <a:solidFill>
                <a:srgbClr val="002060"/>
              </a:solidFill>
            </a:rPr>
            <a:t>Process deeply limited by thermodynamics</a:t>
          </a:r>
        </a:p>
      </dgm:t>
    </dgm:pt>
    <dgm:pt modelId="{6FC50F05-581F-4ACE-8A0A-96D7EB2CEA47}" type="parTrans" cxnId="{DD1C6A75-FAC8-41C0-847B-55EA8A23F037}">
      <dgm:prSet/>
      <dgm:spPr/>
      <dgm:t>
        <a:bodyPr/>
        <a:lstStyle/>
        <a:p>
          <a:endParaRPr lang="en-NL"/>
        </a:p>
      </dgm:t>
    </dgm:pt>
    <dgm:pt modelId="{876F9A53-0BAD-4F3E-A254-E571BD3BA437}" type="sibTrans" cxnId="{DD1C6A75-FAC8-41C0-847B-55EA8A23F037}">
      <dgm:prSet/>
      <dgm:spPr/>
      <dgm:t>
        <a:bodyPr/>
        <a:lstStyle/>
        <a:p>
          <a:endParaRPr lang="en-NL"/>
        </a:p>
      </dgm:t>
    </dgm:pt>
    <dgm:pt modelId="{5490B48E-157B-4E56-9B19-80B8A70AA9A9}">
      <dgm:prSet phldrT="[Testo]"/>
      <dgm:spPr/>
      <dgm:t>
        <a:bodyPr/>
        <a:lstStyle/>
        <a:p>
          <a:pPr>
            <a:buClr>
              <a:srgbClr val="002060"/>
            </a:buClr>
            <a:buFontTx/>
            <a:buChar char="x"/>
          </a:pPr>
          <a:r>
            <a:rPr lang="en-GB" noProof="0" dirty="0">
              <a:solidFill>
                <a:srgbClr val="002060"/>
              </a:solidFill>
            </a:rPr>
            <a:t>Toxicity of ammonia</a:t>
          </a:r>
        </a:p>
      </dgm:t>
    </dgm:pt>
    <dgm:pt modelId="{F624A023-B206-4CEB-9A54-F5833EC48277}" type="parTrans" cxnId="{B299DE91-FE1E-43D8-B625-F40D1D623F52}">
      <dgm:prSet/>
      <dgm:spPr/>
      <dgm:t>
        <a:bodyPr/>
        <a:lstStyle/>
        <a:p>
          <a:endParaRPr lang="en-NL"/>
        </a:p>
      </dgm:t>
    </dgm:pt>
    <dgm:pt modelId="{3BA3014D-37EF-413F-8CE4-089AD0E9FCDF}" type="sibTrans" cxnId="{B299DE91-FE1E-43D8-B625-F40D1D623F52}">
      <dgm:prSet/>
      <dgm:spPr/>
      <dgm:t>
        <a:bodyPr/>
        <a:lstStyle/>
        <a:p>
          <a:endParaRPr lang="en-NL"/>
        </a:p>
      </dgm:t>
    </dgm:pt>
    <dgm:pt modelId="{0583B6FB-C255-4E43-A9A1-9874867BA2F8}">
      <dgm:prSet phldrT="[Testo]"/>
      <dgm:spPr/>
      <dgm:t>
        <a:bodyPr/>
        <a:lstStyle/>
        <a:p>
          <a:pPr>
            <a:buClr>
              <a:srgbClr val="002060"/>
            </a:buClr>
            <a:buFont typeface="Wingdings" panose="05000000000000000000" pitchFamily="2" charset="2"/>
            <a:buChar char="ü"/>
          </a:pPr>
          <a:r>
            <a:rPr lang="en-GB" noProof="0" dirty="0">
              <a:solidFill>
                <a:srgbClr val="002060"/>
              </a:solidFill>
            </a:rPr>
            <a:t>Well-developed</a:t>
          </a:r>
          <a:r>
            <a:rPr lang="it-IT" dirty="0">
              <a:solidFill>
                <a:srgbClr val="002060"/>
              </a:solidFill>
            </a:rPr>
            <a:t> storage&amp;</a:t>
          </a:r>
          <a:r>
            <a:rPr lang="en-GB" noProof="0" dirty="0">
              <a:solidFill>
                <a:srgbClr val="002060"/>
              </a:solidFill>
            </a:rPr>
            <a:t>distribution infrastructure</a:t>
          </a:r>
        </a:p>
      </dgm:t>
    </dgm:pt>
    <dgm:pt modelId="{09016A67-0CFF-4C41-A41D-5EA1F865619C}" type="sibTrans" cxnId="{939CA31A-BEA5-4540-A301-D70E0F006D3E}">
      <dgm:prSet/>
      <dgm:spPr/>
      <dgm:t>
        <a:bodyPr/>
        <a:lstStyle/>
        <a:p>
          <a:endParaRPr lang="it-IT"/>
        </a:p>
      </dgm:t>
    </dgm:pt>
    <dgm:pt modelId="{FC6FF869-852D-F44A-BBEB-8AF6AF4308D0}" type="parTrans" cxnId="{939CA31A-BEA5-4540-A301-D70E0F006D3E}">
      <dgm:prSet/>
      <dgm:spPr/>
      <dgm:t>
        <a:bodyPr/>
        <a:lstStyle/>
        <a:p>
          <a:endParaRPr lang="it-IT"/>
        </a:p>
      </dgm:t>
    </dgm:pt>
    <dgm:pt modelId="{9A240603-E173-4CF6-9E06-55D774FC00D8}" type="pres">
      <dgm:prSet presAssocID="{1E41F63C-6071-5147-8271-EC780FAB00EB}" presName="linear" presStyleCnt="0">
        <dgm:presLayoutVars>
          <dgm:dir/>
          <dgm:animLvl val="lvl"/>
          <dgm:resizeHandles val="exact"/>
        </dgm:presLayoutVars>
      </dgm:prSet>
      <dgm:spPr/>
    </dgm:pt>
    <dgm:pt modelId="{1C152A84-3B76-4FBB-9D5E-7D334599ED60}" type="pres">
      <dgm:prSet presAssocID="{9D9EBE42-E77D-D541-9474-7561D4AA997A}" presName="parentLin" presStyleCnt="0"/>
      <dgm:spPr/>
    </dgm:pt>
    <dgm:pt modelId="{DF58E35E-C167-4843-B94F-3DE4A9294DED}" type="pres">
      <dgm:prSet presAssocID="{9D9EBE42-E77D-D541-9474-7561D4AA997A}" presName="parentLeftMargin" presStyleLbl="node1" presStyleIdx="0" presStyleCnt="2"/>
      <dgm:spPr/>
    </dgm:pt>
    <dgm:pt modelId="{B97037E4-7811-4F4D-8798-C76E1449F889}" type="pres">
      <dgm:prSet presAssocID="{9D9EBE42-E77D-D541-9474-7561D4AA997A}" presName="parentText" presStyleLbl="node1" presStyleIdx="0" presStyleCnt="2">
        <dgm:presLayoutVars>
          <dgm:chMax val="0"/>
          <dgm:bulletEnabled val="1"/>
        </dgm:presLayoutVars>
      </dgm:prSet>
      <dgm:spPr/>
    </dgm:pt>
    <dgm:pt modelId="{FC16B8A7-B220-4378-9C3E-5A03BBE95237}" type="pres">
      <dgm:prSet presAssocID="{9D9EBE42-E77D-D541-9474-7561D4AA997A}" presName="negativeSpace" presStyleCnt="0"/>
      <dgm:spPr/>
    </dgm:pt>
    <dgm:pt modelId="{A65C1063-8166-46EA-9E6D-AE42B76D9A8A}" type="pres">
      <dgm:prSet presAssocID="{9D9EBE42-E77D-D541-9474-7561D4AA997A}" presName="childText" presStyleLbl="conFgAcc1" presStyleIdx="0" presStyleCnt="2">
        <dgm:presLayoutVars>
          <dgm:bulletEnabled val="1"/>
        </dgm:presLayoutVars>
      </dgm:prSet>
      <dgm:spPr/>
    </dgm:pt>
    <dgm:pt modelId="{6E401C3F-A1FF-4017-A4B3-2C00D0C60C77}" type="pres">
      <dgm:prSet presAssocID="{10BAF402-C13E-BD49-86C8-B978583B6FE2}" presName="spaceBetweenRectangles" presStyleCnt="0"/>
      <dgm:spPr/>
    </dgm:pt>
    <dgm:pt modelId="{EFB8BB67-344B-408B-907C-DF50E5D66DB6}" type="pres">
      <dgm:prSet presAssocID="{BFC52182-E478-A443-A53A-55A8266306C2}" presName="parentLin" presStyleCnt="0"/>
      <dgm:spPr/>
    </dgm:pt>
    <dgm:pt modelId="{F9852023-867E-4431-949C-0AAD29196127}" type="pres">
      <dgm:prSet presAssocID="{BFC52182-E478-A443-A53A-55A8266306C2}" presName="parentLeftMargin" presStyleLbl="node1" presStyleIdx="0" presStyleCnt="2"/>
      <dgm:spPr/>
    </dgm:pt>
    <dgm:pt modelId="{BC5CD619-BAA8-4010-8057-6E9420BAB8E5}" type="pres">
      <dgm:prSet presAssocID="{BFC52182-E478-A443-A53A-55A8266306C2}" presName="parentText" presStyleLbl="node1" presStyleIdx="1" presStyleCnt="2">
        <dgm:presLayoutVars>
          <dgm:chMax val="0"/>
          <dgm:bulletEnabled val="1"/>
        </dgm:presLayoutVars>
      </dgm:prSet>
      <dgm:spPr/>
    </dgm:pt>
    <dgm:pt modelId="{B1AF6DF1-E3C7-4646-B651-6632511D19D7}" type="pres">
      <dgm:prSet presAssocID="{BFC52182-E478-A443-A53A-55A8266306C2}" presName="negativeSpace" presStyleCnt="0"/>
      <dgm:spPr/>
    </dgm:pt>
    <dgm:pt modelId="{BCD6E21B-1271-4909-AF6E-F5155AED9F96}" type="pres">
      <dgm:prSet presAssocID="{BFC52182-E478-A443-A53A-55A8266306C2}" presName="childText" presStyleLbl="conFgAcc1" presStyleIdx="1" presStyleCnt="2">
        <dgm:presLayoutVars>
          <dgm:bulletEnabled val="1"/>
        </dgm:presLayoutVars>
      </dgm:prSet>
      <dgm:spPr/>
    </dgm:pt>
  </dgm:ptLst>
  <dgm:cxnLst>
    <dgm:cxn modelId="{687F9D0B-8847-4B68-AD05-92311BB4DEDC}" type="presOf" srcId="{0583B6FB-C255-4E43-A9A1-9874867BA2F8}" destId="{A65C1063-8166-46EA-9E6D-AE42B76D9A8A}" srcOrd="0" destOrd="1" presId="urn:microsoft.com/office/officeart/2005/8/layout/list1"/>
    <dgm:cxn modelId="{12F7CA10-887A-4857-8818-8D3E6C5D0CAD}" type="presOf" srcId="{D9C522A6-8FF5-A548-BA4E-450E0F1E2294}" destId="{BCD6E21B-1271-4909-AF6E-F5155AED9F96}" srcOrd="0" destOrd="2" presId="urn:microsoft.com/office/officeart/2005/8/layout/list1"/>
    <dgm:cxn modelId="{05D0031A-43A4-7C4F-B107-60A32B473444}" srcId="{9D9EBE42-E77D-D541-9474-7561D4AA997A}" destId="{FDD1A91E-5977-7C46-8027-43E06A382D05}" srcOrd="3" destOrd="0" parTransId="{977F3891-16EB-974A-9375-A0718298BC2A}" sibTransId="{59AFED0A-FF94-D148-AA82-C2C7B5E51D14}"/>
    <dgm:cxn modelId="{939CA31A-BEA5-4540-A301-D70E0F006D3E}" srcId="{9D9EBE42-E77D-D541-9474-7561D4AA997A}" destId="{0583B6FB-C255-4E43-A9A1-9874867BA2F8}" srcOrd="1" destOrd="0" parTransId="{FC6FF869-852D-F44A-BBEB-8AF6AF4308D0}" sibTransId="{09016A67-0CFF-4C41-A41D-5EA1F865619C}"/>
    <dgm:cxn modelId="{CF22E71B-68C6-4DDF-819D-0FB04A58AA13}" type="presOf" srcId="{BFC52182-E478-A443-A53A-55A8266306C2}" destId="{BC5CD619-BAA8-4010-8057-6E9420BAB8E5}" srcOrd="1" destOrd="0" presId="urn:microsoft.com/office/officeart/2005/8/layout/list1"/>
    <dgm:cxn modelId="{D9E0E31C-5414-4CD1-9B3E-22FCC9C97871}" type="presOf" srcId="{1E41F63C-6071-5147-8271-EC780FAB00EB}" destId="{9A240603-E173-4CF6-9E06-55D774FC00D8}" srcOrd="0" destOrd="0" presId="urn:microsoft.com/office/officeart/2005/8/layout/list1"/>
    <dgm:cxn modelId="{0B463440-DFF6-C14B-9B8A-8DD14A2F0CD2}" srcId="{1E41F63C-6071-5147-8271-EC780FAB00EB}" destId="{BFC52182-E478-A443-A53A-55A8266306C2}" srcOrd="1" destOrd="0" parTransId="{324DA591-2F65-5743-8F59-7945981ECA9D}" sibTransId="{329FCE57-03A4-1244-AC90-C73BD954D969}"/>
    <dgm:cxn modelId="{896C0765-8A2D-4EC3-BDC3-FF2F6EC56607}" type="presOf" srcId="{BFC52182-E478-A443-A53A-55A8266306C2}" destId="{F9852023-867E-4431-949C-0AAD29196127}" srcOrd="0" destOrd="0" presId="urn:microsoft.com/office/officeart/2005/8/layout/list1"/>
    <dgm:cxn modelId="{C54BD565-AE15-3742-BFA6-1609427B29D7}" srcId="{9D9EBE42-E77D-D541-9474-7561D4AA997A}" destId="{4D0E94D9-B90B-C249-9E08-C9E10196ED1D}" srcOrd="2" destOrd="0" parTransId="{A71489E4-0CA4-3648-886C-CAD2CA43C71A}" sibTransId="{F976FDF3-1187-944A-B78E-769DF6F94114}"/>
    <dgm:cxn modelId="{C807BC49-CDC0-4D6C-B159-F22DD6ECE133}" type="presOf" srcId="{9D9EBE42-E77D-D541-9474-7561D4AA997A}" destId="{B97037E4-7811-4F4D-8798-C76E1449F889}" srcOrd="1" destOrd="0" presId="urn:microsoft.com/office/officeart/2005/8/layout/list1"/>
    <dgm:cxn modelId="{DD1C6A75-FAC8-41C0-847B-55EA8A23F037}" srcId="{BFC52182-E478-A443-A53A-55A8266306C2}" destId="{4D02F976-A40E-46FF-8EC9-B38F04918D28}" srcOrd="0" destOrd="0" parTransId="{6FC50F05-581F-4ACE-8A0A-96D7EB2CEA47}" sibTransId="{876F9A53-0BAD-4F3E-A254-E571BD3BA437}"/>
    <dgm:cxn modelId="{B45F5088-F244-DC48-829F-BF864A0EB980}" srcId="{9D9EBE42-E77D-D541-9474-7561D4AA997A}" destId="{B20750E5-4414-954F-B28E-3C25A98BC8E7}" srcOrd="0" destOrd="0" parTransId="{D63EA649-BE8E-794A-9E5C-EC59E7958A5D}" sibTransId="{EB219B20-B118-5940-A93E-D32114209DD4}"/>
    <dgm:cxn modelId="{96D5B08C-F6AF-274A-A4E8-65B81DEEA63B}" srcId="{1E41F63C-6071-5147-8271-EC780FAB00EB}" destId="{9D9EBE42-E77D-D541-9474-7561D4AA997A}" srcOrd="0" destOrd="0" parTransId="{C1282C3F-6AA4-8F4B-9CFD-1822D69E2430}" sibTransId="{10BAF402-C13E-BD49-86C8-B978583B6FE2}"/>
    <dgm:cxn modelId="{B299DE91-FE1E-43D8-B625-F40D1D623F52}" srcId="{BFC52182-E478-A443-A53A-55A8266306C2}" destId="{5490B48E-157B-4E56-9B19-80B8A70AA9A9}" srcOrd="1" destOrd="0" parTransId="{F624A023-B206-4CEB-9A54-F5833EC48277}" sibTransId="{3BA3014D-37EF-413F-8CE4-089AD0E9FCDF}"/>
    <dgm:cxn modelId="{CE604693-9E18-4090-87AC-75A1DF6C6047}" type="presOf" srcId="{5490B48E-157B-4E56-9B19-80B8A70AA9A9}" destId="{BCD6E21B-1271-4909-AF6E-F5155AED9F96}" srcOrd="0" destOrd="1" presId="urn:microsoft.com/office/officeart/2005/8/layout/list1"/>
    <dgm:cxn modelId="{0F2908A0-051A-4C02-9318-4BE6361E02E9}" type="presOf" srcId="{4D02F976-A40E-46FF-8EC9-B38F04918D28}" destId="{BCD6E21B-1271-4909-AF6E-F5155AED9F96}" srcOrd="0" destOrd="0" presId="urn:microsoft.com/office/officeart/2005/8/layout/list1"/>
    <dgm:cxn modelId="{A69476BE-FABC-1B4C-9092-88E213B1FA3B}" srcId="{BFC52182-E478-A443-A53A-55A8266306C2}" destId="{D9C522A6-8FF5-A548-BA4E-450E0F1E2294}" srcOrd="2" destOrd="0" parTransId="{469FBC03-2F7E-554E-A4F1-DA26302B71CD}" sibTransId="{2F9A5608-44CF-4E42-9A43-4F639682F398}"/>
    <dgm:cxn modelId="{9B6AE7D1-7E5C-4601-8A5A-B82CA5CF0F2C}" type="presOf" srcId="{9D9EBE42-E77D-D541-9474-7561D4AA997A}" destId="{DF58E35E-C167-4843-B94F-3DE4A9294DED}" srcOrd="0" destOrd="0" presId="urn:microsoft.com/office/officeart/2005/8/layout/list1"/>
    <dgm:cxn modelId="{447633DC-5A53-4FA1-B2F4-1FAC0238195B}" type="presOf" srcId="{B20750E5-4414-954F-B28E-3C25A98BC8E7}" destId="{A65C1063-8166-46EA-9E6D-AE42B76D9A8A}" srcOrd="0" destOrd="0" presId="urn:microsoft.com/office/officeart/2005/8/layout/list1"/>
    <dgm:cxn modelId="{24B789EA-258E-4E81-8D52-FDAA64553270}" type="presOf" srcId="{FDD1A91E-5977-7C46-8027-43E06A382D05}" destId="{A65C1063-8166-46EA-9E6D-AE42B76D9A8A}" srcOrd="0" destOrd="3" presId="urn:microsoft.com/office/officeart/2005/8/layout/list1"/>
    <dgm:cxn modelId="{27C0B4FA-09A6-4686-8328-4CDEB1B2BED6}" type="presOf" srcId="{4D0E94D9-B90B-C249-9E08-C9E10196ED1D}" destId="{A65C1063-8166-46EA-9E6D-AE42B76D9A8A}" srcOrd="0" destOrd="2" presId="urn:microsoft.com/office/officeart/2005/8/layout/list1"/>
    <dgm:cxn modelId="{70146E65-B7EE-4D5F-A757-07A6C9AE6473}" type="presParOf" srcId="{9A240603-E173-4CF6-9E06-55D774FC00D8}" destId="{1C152A84-3B76-4FBB-9D5E-7D334599ED60}" srcOrd="0" destOrd="0" presId="urn:microsoft.com/office/officeart/2005/8/layout/list1"/>
    <dgm:cxn modelId="{77972EB1-70D8-46FA-9F14-C24DCAA0F26E}" type="presParOf" srcId="{1C152A84-3B76-4FBB-9D5E-7D334599ED60}" destId="{DF58E35E-C167-4843-B94F-3DE4A9294DED}" srcOrd="0" destOrd="0" presId="urn:microsoft.com/office/officeart/2005/8/layout/list1"/>
    <dgm:cxn modelId="{489E86AE-7EB1-400D-8B75-137CE25928AF}" type="presParOf" srcId="{1C152A84-3B76-4FBB-9D5E-7D334599ED60}" destId="{B97037E4-7811-4F4D-8798-C76E1449F889}" srcOrd="1" destOrd="0" presId="urn:microsoft.com/office/officeart/2005/8/layout/list1"/>
    <dgm:cxn modelId="{ADE0E7F6-C626-466C-8C87-74EA9C681D32}" type="presParOf" srcId="{9A240603-E173-4CF6-9E06-55D774FC00D8}" destId="{FC16B8A7-B220-4378-9C3E-5A03BBE95237}" srcOrd="1" destOrd="0" presId="urn:microsoft.com/office/officeart/2005/8/layout/list1"/>
    <dgm:cxn modelId="{1AF5FFB5-BEA2-43B2-AEF8-BCDF4FE45D13}" type="presParOf" srcId="{9A240603-E173-4CF6-9E06-55D774FC00D8}" destId="{A65C1063-8166-46EA-9E6D-AE42B76D9A8A}" srcOrd="2" destOrd="0" presId="urn:microsoft.com/office/officeart/2005/8/layout/list1"/>
    <dgm:cxn modelId="{81B8FB71-FEA2-407B-A676-3277347D5091}" type="presParOf" srcId="{9A240603-E173-4CF6-9E06-55D774FC00D8}" destId="{6E401C3F-A1FF-4017-A4B3-2C00D0C60C77}" srcOrd="3" destOrd="0" presId="urn:microsoft.com/office/officeart/2005/8/layout/list1"/>
    <dgm:cxn modelId="{3074A0A5-5B4F-4770-B23F-236DA778B390}" type="presParOf" srcId="{9A240603-E173-4CF6-9E06-55D774FC00D8}" destId="{EFB8BB67-344B-408B-907C-DF50E5D66DB6}" srcOrd="4" destOrd="0" presId="urn:microsoft.com/office/officeart/2005/8/layout/list1"/>
    <dgm:cxn modelId="{8167EFE0-56F0-4296-89EA-249B9180E24D}" type="presParOf" srcId="{EFB8BB67-344B-408B-907C-DF50E5D66DB6}" destId="{F9852023-867E-4431-949C-0AAD29196127}" srcOrd="0" destOrd="0" presId="urn:microsoft.com/office/officeart/2005/8/layout/list1"/>
    <dgm:cxn modelId="{F2D234E3-F5A4-4733-8B6F-D9238FFD604B}" type="presParOf" srcId="{EFB8BB67-344B-408B-907C-DF50E5D66DB6}" destId="{BC5CD619-BAA8-4010-8057-6E9420BAB8E5}" srcOrd="1" destOrd="0" presId="urn:microsoft.com/office/officeart/2005/8/layout/list1"/>
    <dgm:cxn modelId="{7A5E129E-2FC7-4191-B116-FA150403D8EB}" type="presParOf" srcId="{9A240603-E173-4CF6-9E06-55D774FC00D8}" destId="{B1AF6DF1-E3C7-4646-B651-6632511D19D7}" srcOrd="5" destOrd="0" presId="urn:microsoft.com/office/officeart/2005/8/layout/list1"/>
    <dgm:cxn modelId="{49A3FF4C-15E7-4938-917A-7AD6764FF6CE}" type="presParOf" srcId="{9A240603-E173-4CF6-9E06-55D774FC00D8}" destId="{BCD6E21B-1271-4909-AF6E-F5155AED9F96}" srcOrd="6" destOrd="0" presId="urn:microsoft.com/office/officeart/2005/8/layout/list1"/>
  </dgm:cxnLst>
  <dgm:bg/>
  <dgm:whole/>
  <dgm:extLst>
    <a:ext uri="http://schemas.microsoft.com/office/drawing/2008/diagram">
      <dsp:dataModelExt xmlns:dsp="http://schemas.microsoft.com/office/drawing/2008/diagram" relId="rId15"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7A4028A-8347-42C6-943E-669ADF88CD84}">
      <dsp:nvSpPr>
        <dsp:cNvPr id="0" name=""/>
        <dsp:cNvSpPr/>
      </dsp:nvSpPr>
      <dsp:spPr>
        <a:xfrm>
          <a:off x="3607996" y="2694928"/>
          <a:ext cx="209245" cy="462759"/>
        </a:xfrm>
        <a:custGeom>
          <a:avLst/>
          <a:gdLst/>
          <a:ahLst/>
          <a:cxnLst/>
          <a:rect l="0" t="0" r="0" b="0"/>
          <a:pathLst>
            <a:path>
              <a:moveTo>
                <a:pt x="0" y="0"/>
              </a:moveTo>
              <a:lnTo>
                <a:pt x="82874" y="0"/>
              </a:lnTo>
              <a:lnTo>
                <a:pt x="82874" y="462759"/>
              </a:lnTo>
              <a:lnTo>
                <a:pt x="209245" y="462759"/>
              </a:lnTo>
            </a:path>
          </a:pathLst>
        </a:custGeom>
        <a:noFill/>
        <a:ln w="12700" cap="flat" cmpd="sng" algn="ctr">
          <a:solidFill>
            <a:schemeClr val="accent4">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8A6523C2-5E27-4FD8-9365-9166F84ECC76}">
      <dsp:nvSpPr>
        <dsp:cNvPr id="0" name=""/>
        <dsp:cNvSpPr/>
      </dsp:nvSpPr>
      <dsp:spPr>
        <a:xfrm>
          <a:off x="3607996" y="2014822"/>
          <a:ext cx="209245" cy="680106"/>
        </a:xfrm>
        <a:custGeom>
          <a:avLst/>
          <a:gdLst/>
          <a:ahLst/>
          <a:cxnLst/>
          <a:rect l="0" t="0" r="0" b="0"/>
          <a:pathLst>
            <a:path>
              <a:moveTo>
                <a:pt x="0" y="680106"/>
              </a:moveTo>
              <a:lnTo>
                <a:pt x="82874" y="680106"/>
              </a:lnTo>
              <a:lnTo>
                <a:pt x="82874" y="0"/>
              </a:lnTo>
              <a:lnTo>
                <a:pt x="209245" y="0"/>
              </a:lnTo>
            </a:path>
          </a:pathLst>
        </a:custGeom>
        <a:noFill/>
        <a:ln w="12700" cap="flat" cmpd="sng" algn="ctr">
          <a:solidFill>
            <a:schemeClr val="accent4">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C2AF73B6-5128-4C91-8276-BEE6D68381B3}">
      <dsp:nvSpPr>
        <dsp:cNvPr id="0" name=""/>
        <dsp:cNvSpPr/>
      </dsp:nvSpPr>
      <dsp:spPr>
        <a:xfrm>
          <a:off x="1914183" y="1715949"/>
          <a:ext cx="430103" cy="978979"/>
        </a:xfrm>
        <a:custGeom>
          <a:avLst/>
          <a:gdLst/>
          <a:ahLst/>
          <a:cxnLst/>
          <a:rect l="0" t="0" r="0" b="0"/>
          <a:pathLst>
            <a:path>
              <a:moveTo>
                <a:pt x="0" y="0"/>
              </a:moveTo>
              <a:lnTo>
                <a:pt x="303732" y="0"/>
              </a:lnTo>
              <a:lnTo>
                <a:pt x="303732" y="978979"/>
              </a:lnTo>
              <a:lnTo>
                <a:pt x="430103" y="978979"/>
              </a:lnTo>
            </a:path>
          </a:pathLst>
        </a:custGeom>
        <a:noFill/>
        <a:ln w="12700" cap="flat" cmpd="sng" algn="ctr">
          <a:solidFill>
            <a:schemeClr val="accent3">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98B63674-8713-450A-88B3-6D508DD91CB2}">
      <dsp:nvSpPr>
        <dsp:cNvPr id="0" name=""/>
        <dsp:cNvSpPr/>
      </dsp:nvSpPr>
      <dsp:spPr>
        <a:xfrm>
          <a:off x="3607996" y="736969"/>
          <a:ext cx="209245" cy="543395"/>
        </a:xfrm>
        <a:custGeom>
          <a:avLst/>
          <a:gdLst/>
          <a:ahLst/>
          <a:cxnLst/>
          <a:rect l="0" t="0" r="0" b="0"/>
          <a:pathLst>
            <a:path>
              <a:moveTo>
                <a:pt x="0" y="0"/>
              </a:moveTo>
              <a:lnTo>
                <a:pt x="82874" y="0"/>
              </a:lnTo>
              <a:lnTo>
                <a:pt x="82874" y="543395"/>
              </a:lnTo>
              <a:lnTo>
                <a:pt x="209245" y="543395"/>
              </a:lnTo>
            </a:path>
          </a:pathLst>
        </a:custGeom>
        <a:noFill/>
        <a:ln w="12700" cap="flat" cmpd="sng" algn="ctr">
          <a:solidFill>
            <a:schemeClr val="accent4">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23EB0705-5496-413B-8A56-7C59A640BBDA}">
      <dsp:nvSpPr>
        <dsp:cNvPr id="0" name=""/>
        <dsp:cNvSpPr/>
      </dsp:nvSpPr>
      <dsp:spPr>
        <a:xfrm>
          <a:off x="3607996" y="691249"/>
          <a:ext cx="209245" cy="91440"/>
        </a:xfrm>
        <a:custGeom>
          <a:avLst/>
          <a:gdLst/>
          <a:ahLst/>
          <a:cxnLst/>
          <a:rect l="0" t="0" r="0" b="0"/>
          <a:pathLst>
            <a:path>
              <a:moveTo>
                <a:pt x="0" y="45720"/>
              </a:moveTo>
              <a:lnTo>
                <a:pt x="209245" y="45720"/>
              </a:lnTo>
            </a:path>
          </a:pathLst>
        </a:custGeom>
        <a:noFill/>
        <a:ln w="12700" cap="flat" cmpd="sng" algn="ctr">
          <a:solidFill>
            <a:schemeClr val="accent4">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5356E633-9A2F-492E-847C-4C3B3DA1A456}">
      <dsp:nvSpPr>
        <dsp:cNvPr id="0" name=""/>
        <dsp:cNvSpPr/>
      </dsp:nvSpPr>
      <dsp:spPr>
        <a:xfrm>
          <a:off x="3607996" y="193574"/>
          <a:ext cx="209245" cy="543395"/>
        </a:xfrm>
        <a:custGeom>
          <a:avLst/>
          <a:gdLst/>
          <a:ahLst/>
          <a:cxnLst/>
          <a:rect l="0" t="0" r="0" b="0"/>
          <a:pathLst>
            <a:path>
              <a:moveTo>
                <a:pt x="0" y="543395"/>
              </a:moveTo>
              <a:lnTo>
                <a:pt x="82874" y="543395"/>
              </a:lnTo>
              <a:lnTo>
                <a:pt x="82874" y="0"/>
              </a:lnTo>
              <a:lnTo>
                <a:pt x="209245" y="0"/>
              </a:lnTo>
            </a:path>
          </a:pathLst>
        </a:custGeom>
        <a:noFill/>
        <a:ln w="12700" cap="flat" cmpd="sng" algn="ctr">
          <a:solidFill>
            <a:schemeClr val="accent4">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E18624D5-0917-43DF-8685-512D07C5B126}">
      <dsp:nvSpPr>
        <dsp:cNvPr id="0" name=""/>
        <dsp:cNvSpPr/>
      </dsp:nvSpPr>
      <dsp:spPr>
        <a:xfrm>
          <a:off x="1914183" y="736969"/>
          <a:ext cx="430103" cy="978979"/>
        </a:xfrm>
        <a:custGeom>
          <a:avLst/>
          <a:gdLst/>
          <a:ahLst/>
          <a:cxnLst/>
          <a:rect l="0" t="0" r="0" b="0"/>
          <a:pathLst>
            <a:path>
              <a:moveTo>
                <a:pt x="0" y="978979"/>
              </a:moveTo>
              <a:lnTo>
                <a:pt x="303732" y="978979"/>
              </a:lnTo>
              <a:lnTo>
                <a:pt x="303732" y="0"/>
              </a:lnTo>
              <a:lnTo>
                <a:pt x="430103" y="0"/>
              </a:lnTo>
            </a:path>
          </a:pathLst>
        </a:custGeom>
        <a:noFill/>
        <a:ln w="12700" cap="flat" cmpd="sng" algn="ctr">
          <a:solidFill>
            <a:schemeClr val="accent3">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7C46917E-CF7A-46BF-BA17-611861CBD8D4}">
      <dsp:nvSpPr>
        <dsp:cNvPr id="0" name=""/>
        <dsp:cNvSpPr/>
      </dsp:nvSpPr>
      <dsp:spPr>
        <a:xfrm>
          <a:off x="578164" y="1422400"/>
          <a:ext cx="1336019" cy="587096"/>
        </a:xfrm>
        <a:prstGeom prst="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622300">
            <a:lnSpc>
              <a:spcPct val="90000"/>
            </a:lnSpc>
            <a:spcBef>
              <a:spcPct val="0"/>
            </a:spcBef>
            <a:spcAft>
              <a:spcPct val="35000"/>
            </a:spcAft>
            <a:buNone/>
          </a:pPr>
          <a:r>
            <a:rPr lang="en-US" sz="1400" b="1" kern="1200">
              <a:effectLst>
                <a:outerShdw blurRad="50800" dist="38100" dir="2700000" algn="tl" rotWithShape="0">
                  <a:prstClr val="black">
                    <a:alpha val="40000"/>
                  </a:prstClr>
                </a:outerShdw>
              </a:effectLst>
            </a:rPr>
            <a:t>H</a:t>
          </a:r>
          <a:r>
            <a:rPr lang="en-US" sz="1400" b="1" kern="1200" baseline="-25000">
              <a:effectLst>
                <a:outerShdw blurRad="50800" dist="38100" dir="2700000" algn="tl" rotWithShape="0">
                  <a:prstClr val="black">
                    <a:alpha val="40000"/>
                  </a:prstClr>
                </a:outerShdw>
              </a:effectLst>
            </a:rPr>
            <a:t>2</a:t>
          </a:r>
          <a:r>
            <a:rPr lang="en-US" sz="1400" b="1" kern="1200">
              <a:effectLst>
                <a:outerShdw blurRad="50800" dist="38100" dir="2700000" algn="tl" rotWithShape="0">
                  <a:prstClr val="black">
                    <a:alpha val="40000"/>
                  </a:prstClr>
                </a:outerShdw>
              </a:effectLst>
            </a:rPr>
            <a:t> </a:t>
          </a:r>
        </a:p>
        <a:p>
          <a:pPr marL="0" lvl="0" indent="0" algn="ctr" defTabSz="622300">
            <a:lnSpc>
              <a:spcPct val="90000"/>
            </a:lnSpc>
            <a:spcBef>
              <a:spcPct val="0"/>
            </a:spcBef>
            <a:spcAft>
              <a:spcPct val="35000"/>
            </a:spcAft>
            <a:buNone/>
          </a:pPr>
          <a:r>
            <a:rPr lang="en-US" sz="1400" b="1" kern="1200">
              <a:effectLst>
                <a:outerShdw blurRad="50800" dist="38100" dir="2700000" algn="tl" rotWithShape="0">
                  <a:prstClr val="black">
                    <a:alpha val="40000"/>
                  </a:prstClr>
                </a:outerShdw>
              </a:effectLst>
            </a:rPr>
            <a:t>Storage Solutions</a:t>
          </a:r>
          <a:endParaRPr lang="en-NL" sz="1400" b="1" kern="1200">
            <a:effectLst>
              <a:outerShdw blurRad="50800" dist="38100" dir="2700000" algn="tl" rotWithShape="0">
                <a:prstClr val="black">
                  <a:alpha val="40000"/>
                </a:prstClr>
              </a:outerShdw>
            </a:effectLst>
          </a:endParaRPr>
        </a:p>
      </dsp:txBody>
      <dsp:txXfrm>
        <a:off x="578164" y="1422400"/>
        <a:ext cx="1336019" cy="587096"/>
      </dsp:txXfrm>
    </dsp:sp>
    <dsp:sp modelId="{64CB719F-5D46-4706-A682-0C7B3A197848}">
      <dsp:nvSpPr>
        <dsp:cNvPr id="0" name=""/>
        <dsp:cNvSpPr/>
      </dsp:nvSpPr>
      <dsp:spPr>
        <a:xfrm>
          <a:off x="2344287" y="544253"/>
          <a:ext cx="1263709" cy="385431"/>
        </a:xfrm>
        <a:prstGeom prst="rect">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622300">
            <a:lnSpc>
              <a:spcPct val="90000"/>
            </a:lnSpc>
            <a:spcBef>
              <a:spcPct val="0"/>
            </a:spcBef>
            <a:spcAft>
              <a:spcPct val="35000"/>
            </a:spcAft>
            <a:buNone/>
          </a:pPr>
          <a:r>
            <a:rPr lang="en-US" sz="1400" b="1" kern="1200">
              <a:effectLst>
                <a:outerShdw blurRad="50800" dist="38100" dir="2700000" algn="tl" rotWithShape="0">
                  <a:prstClr val="black">
                    <a:alpha val="40000"/>
                  </a:prstClr>
                </a:outerShdw>
              </a:effectLst>
            </a:rPr>
            <a:t>Physical-based</a:t>
          </a:r>
          <a:endParaRPr lang="en-NL" sz="1400" b="1" kern="1200">
            <a:effectLst>
              <a:outerShdw blurRad="50800" dist="38100" dir="2700000" algn="tl" rotWithShape="0">
                <a:prstClr val="black">
                  <a:alpha val="40000"/>
                </a:prstClr>
              </a:outerShdw>
            </a:effectLst>
          </a:endParaRPr>
        </a:p>
      </dsp:txBody>
      <dsp:txXfrm>
        <a:off x="2344287" y="544253"/>
        <a:ext cx="1263709" cy="385431"/>
      </dsp:txXfrm>
    </dsp:sp>
    <dsp:sp modelId="{500F6B74-F2F7-49BA-B066-B1B34C1D2D60}">
      <dsp:nvSpPr>
        <dsp:cNvPr id="0" name=""/>
        <dsp:cNvSpPr/>
      </dsp:nvSpPr>
      <dsp:spPr>
        <a:xfrm>
          <a:off x="3817241" y="858"/>
          <a:ext cx="1944672" cy="385431"/>
        </a:xfrm>
        <a:prstGeom prst="rect">
          <a:avLst/>
        </a:prstGeom>
        <a:solidFill>
          <a:schemeClr val="accent4">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890" tIns="8890" rIns="8890" bIns="8890" numCol="1" spcCol="1270" anchor="ctr" anchorCtr="0">
          <a:noAutofit/>
        </a:bodyPr>
        <a:lstStyle/>
        <a:p>
          <a:pPr marL="0" lvl="0" indent="0" algn="l" defTabSz="622300">
            <a:lnSpc>
              <a:spcPct val="90000"/>
            </a:lnSpc>
            <a:spcBef>
              <a:spcPct val="0"/>
            </a:spcBef>
            <a:spcAft>
              <a:spcPct val="35000"/>
            </a:spcAft>
            <a:buNone/>
          </a:pPr>
          <a:r>
            <a:rPr lang="en-US" sz="1400" b="1" kern="1200" dirty="0">
              <a:effectLst>
                <a:outerShdw blurRad="50800" dist="38100" dir="2700000" algn="tl" rotWithShape="0">
                  <a:prstClr val="black">
                    <a:alpha val="40000"/>
                  </a:prstClr>
                </a:outerShdw>
              </a:effectLst>
            </a:rPr>
            <a:t>  Compressed Gas</a:t>
          </a:r>
          <a:endParaRPr lang="en-NL" sz="1400" b="1" kern="1200" dirty="0">
            <a:effectLst>
              <a:outerShdw blurRad="50800" dist="38100" dir="2700000" algn="tl" rotWithShape="0">
                <a:prstClr val="black">
                  <a:alpha val="40000"/>
                </a:prstClr>
              </a:outerShdw>
            </a:effectLst>
          </a:endParaRPr>
        </a:p>
      </dsp:txBody>
      <dsp:txXfrm>
        <a:off x="3817241" y="858"/>
        <a:ext cx="1944672" cy="385431"/>
      </dsp:txXfrm>
    </dsp:sp>
    <dsp:sp modelId="{582FA1D1-B695-44B1-A69A-FF935B4B3845}">
      <dsp:nvSpPr>
        <dsp:cNvPr id="0" name=""/>
        <dsp:cNvSpPr/>
      </dsp:nvSpPr>
      <dsp:spPr>
        <a:xfrm>
          <a:off x="3817241" y="544253"/>
          <a:ext cx="1944672" cy="385431"/>
        </a:xfrm>
        <a:prstGeom prst="rect">
          <a:avLst/>
        </a:prstGeom>
        <a:solidFill>
          <a:schemeClr val="accent4">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622300">
            <a:lnSpc>
              <a:spcPct val="90000"/>
            </a:lnSpc>
            <a:spcBef>
              <a:spcPct val="0"/>
            </a:spcBef>
            <a:spcAft>
              <a:spcPct val="35000"/>
            </a:spcAft>
            <a:buNone/>
          </a:pPr>
          <a:r>
            <a:rPr lang="en-US" sz="1400" b="1" kern="1200" dirty="0">
              <a:effectLst>
                <a:outerShdw blurRad="50800" dist="38100" dir="2700000" algn="tl" rotWithShape="0">
                  <a:prstClr val="black">
                    <a:alpha val="40000"/>
                  </a:prstClr>
                </a:outerShdw>
              </a:effectLst>
            </a:rPr>
            <a:t> Cold/Cryo-Compressed Gas</a:t>
          </a:r>
          <a:endParaRPr lang="en-NL" sz="1400" b="1" kern="1200" dirty="0">
            <a:effectLst>
              <a:outerShdw blurRad="50800" dist="38100" dir="2700000" algn="tl" rotWithShape="0">
                <a:prstClr val="black">
                  <a:alpha val="40000"/>
                </a:prstClr>
              </a:outerShdw>
            </a:effectLst>
          </a:endParaRPr>
        </a:p>
      </dsp:txBody>
      <dsp:txXfrm>
        <a:off x="3817241" y="544253"/>
        <a:ext cx="1944672" cy="385431"/>
      </dsp:txXfrm>
    </dsp:sp>
    <dsp:sp modelId="{B5FABF18-8252-4D52-BC5B-FE5CD9A377BB}">
      <dsp:nvSpPr>
        <dsp:cNvPr id="0" name=""/>
        <dsp:cNvSpPr/>
      </dsp:nvSpPr>
      <dsp:spPr>
        <a:xfrm>
          <a:off x="3817241" y="1087649"/>
          <a:ext cx="1944672" cy="385431"/>
        </a:xfrm>
        <a:prstGeom prst="rect">
          <a:avLst/>
        </a:prstGeom>
        <a:solidFill>
          <a:schemeClr val="accent4">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890" tIns="8890" rIns="8890" bIns="8890" numCol="1" spcCol="1270" anchor="ctr" anchorCtr="0">
          <a:noAutofit/>
        </a:bodyPr>
        <a:lstStyle/>
        <a:p>
          <a:pPr marL="0" lvl="0" indent="0" algn="l" defTabSz="622300">
            <a:lnSpc>
              <a:spcPct val="90000"/>
            </a:lnSpc>
            <a:spcBef>
              <a:spcPct val="0"/>
            </a:spcBef>
            <a:spcAft>
              <a:spcPct val="35000"/>
            </a:spcAft>
            <a:buNone/>
          </a:pPr>
          <a:r>
            <a:rPr lang="en-US" sz="1400" b="1" kern="1200" dirty="0">
              <a:effectLst>
                <a:outerShdw blurRad="50800" dist="38100" dir="2700000" algn="tl" rotWithShape="0">
                  <a:prstClr val="black">
                    <a:alpha val="40000"/>
                  </a:prstClr>
                </a:outerShdw>
              </a:effectLst>
            </a:rPr>
            <a:t>  Liquid H</a:t>
          </a:r>
          <a:r>
            <a:rPr lang="en-US" sz="1400" b="1" kern="1200" baseline="-25000" dirty="0">
              <a:effectLst>
                <a:outerShdw blurRad="50800" dist="38100" dir="2700000" algn="tl" rotWithShape="0">
                  <a:prstClr val="black">
                    <a:alpha val="40000"/>
                  </a:prstClr>
                </a:outerShdw>
              </a:effectLst>
            </a:rPr>
            <a:t>2</a:t>
          </a:r>
          <a:endParaRPr lang="en-NL" sz="1400" b="1" kern="1200" baseline="-25000" dirty="0">
            <a:effectLst>
              <a:outerShdw blurRad="50800" dist="38100" dir="2700000" algn="tl" rotWithShape="0">
                <a:prstClr val="black">
                  <a:alpha val="40000"/>
                </a:prstClr>
              </a:outerShdw>
            </a:effectLst>
          </a:endParaRPr>
        </a:p>
      </dsp:txBody>
      <dsp:txXfrm>
        <a:off x="3817241" y="1087649"/>
        <a:ext cx="1944672" cy="385431"/>
      </dsp:txXfrm>
    </dsp:sp>
    <dsp:sp modelId="{0A4D042F-0F72-425F-95CF-2851E88D7012}">
      <dsp:nvSpPr>
        <dsp:cNvPr id="0" name=""/>
        <dsp:cNvSpPr/>
      </dsp:nvSpPr>
      <dsp:spPr>
        <a:xfrm>
          <a:off x="2344287" y="2502213"/>
          <a:ext cx="1263709" cy="385431"/>
        </a:xfrm>
        <a:prstGeom prst="rect">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890" tIns="8890" rIns="8890" bIns="8890" numCol="1" spcCol="1270" anchor="ctr" anchorCtr="0">
          <a:noAutofit/>
        </a:bodyPr>
        <a:lstStyle/>
        <a:p>
          <a:pPr marL="0" lvl="0" indent="0" algn="ctr" defTabSz="622300">
            <a:lnSpc>
              <a:spcPct val="90000"/>
            </a:lnSpc>
            <a:spcBef>
              <a:spcPct val="0"/>
            </a:spcBef>
            <a:spcAft>
              <a:spcPct val="35000"/>
            </a:spcAft>
            <a:buNone/>
          </a:pPr>
          <a:r>
            <a:rPr lang="en-US" sz="1400" b="1" kern="1200">
              <a:effectLst>
                <a:outerShdw blurRad="50800" dist="38100" dir="2700000" algn="tl" rotWithShape="0">
                  <a:prstClr val="black">
                    <a:alpha val="40000"/>
                  </a:prstClr>
                </a:outerShdw>
              </a:effectLst>
            </a:rPr>
            <a:t>Chemical-based</a:t>
          </a:r>
          <a:endParaRPr lang="en-NL" sz="1400" b="1" kern="1200">
            <a:effectLst>
              <a:outerShdw blurRad="50800" dist="38100" dir="2700000" algn="tl" rotWithShape="0">
                <a:prstClr val="black">
                  <a:alpha val="40000"/>
                </a:prstClr>
              </a:outerShdw>
            </a:effectLst>
          </a:endParaRPr>
        </a:p>
      </dsp:txBody>
      <dsp:txXfrm>
        <a:off x="2344287" y="2502213"/>
        <a:ext cx="1263709" cy="385431"/>
      </dsp:txXfrm>
    </dsp:sp>
    <dsp:sp modelId="{9C6A9307-2900-47F4-B8C0-D54A09A29B83}">
      <dsp:nvSpPr>
        <dsp:cNvPr id="0" name=""/>
        <dsp:cNvSpPr/>
      </dsp:nvSpPr>
      <dsp:spPr>
        <a:xfrm>
          <a:off x="3817241" y="1631044"/>
          <a:ext cx="1944672" cy="767555"/>
        </a:xfrm>
        <a:prstGeom prst="rect">
          <a:avLst/>
        </a:prstGeom>
        <a:solidFill>
          <a:schemeClr val="accent4">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890" tIns="8890" rIns="8890" bIns="8890" numCol="1" spcCol="1270" anchor="ctr" anchorCtr="0">
          <a:noAutofit/>
        </a:bodyPr>
        <a:lstStyle/>
        <a:p>
          <a:pPr marL="0" lvl="0" indent="92075" algn="l" defTabSz="622300">
            <a:lnSpc>
              <a:spcPct val="90000"/>
            </a:lnSpc>
            <a:spcBef>
              <a:spcPct val="0"/>
            </a:spcBef>
            <a:spcAft>
              <a:spcPct val="35000"/>
            </a:spcAft>
            <a:buFont typeface="Arial" panose="020B0604020202020204" pitchFamily="34" charset="0"/>
            <a:buNone/>
            <a:tabLst>
              <a:tab pos="92075" algn="l"/>
            </a:tabLst>
          </a:pPr>
          <a:r>
            <a:rPr lang="en-US" sz="1400" b="1" kern="1200" dirty="0">
              <a:effectLst>
                <a:outerShdw blurRad="50800" dist="38100" dir="2700000" algn="tl" rotWithShape="0">
                  <a:prstClr val="black">
                    <a:alpha val="40000"/>
                  </a:prstClr>
                </a:outerShdw>
              </a:effectLst>
            </a:rPr>
            <a:t>Ammonia</a:t>
          </a:r>
        </a:p>
        <a:p>
          <a:pPr marL="0" lvl="0" indent="92075" algn="l" defTabSz="622300">
            <a:lnSpc>
              <a:spcPct val="90000"/>
            </a:lnSpc>
            <a:spcBef>
              <a:spcPct val="0"/>
            </a:spcBef>
            <a:spcAft>
              <a:spcPct val="35000"/>
            </a:spcAft>
            <a:buFont typeface="Arial" panose="020B0604020202020204" pitchFamily="34" charset="0"/>
            <a:buNone/>
            <a:tabLst>
              <a:tab pos="92075" algn="l"/>
            </a:tabLst>
          </a:pPr>
          <a:r>
            <a:rPr lang="en-US" sz="1400" b="1" kern="1200" dirty="0">
              <a:effectLst>
                <a:outerShdw blurRad="50800" dist="38100" dir="2700000" algn="tl" rotWithShape="0">
                  <a:prstClr val="black">
                    <a:alpha val="40000"/>
                  </a:prstClr>
                </a:outerShdw>
              </a:effectLst>
            </a:rPr>
            <a:t>Metal Hydrides</a:t>
          </a:r>
        </a:p>
        <a:p>
          <a:pPr marL="0" lvl="0" indent="92075" algn="l" defTabSz="622300">
            <a:lnSpc>
              <a:spcPct val="90000"/>
            </a:lnSpc>
            <a:spcBef>
              <a:spcPct val="0"/>
            </a:spcBef>
            <a:spcAft>
              <a:spcPct val="35000"/>
            </a:spcAft>
            <a:buFont typeface="Arial" panose="020B0604020202020204" pitchFamily="34" charset="0"/>
            <a:buNone/>
          </a:pPr>
          <a:r>
            <a:rPr lang="en-US" sz="1400" b="1" kern="1200" dirty="0">
              <a:effectLst>
                <a:outerShdw blurRad="50800" dist="38100" dir="2700000" algn="tl" rotWithShape="0">
                  <a:prstClr val="black">
                    <a:alpha val="40000"/>
                  </a:prstClr>
                </a:outerShdw>
              </a:effectLst>
            </a:rPr>
            <a:t>Carbohydrate</a:t>
          </a:r>
        </a:p>
      </dsp:txBody>
      <dsp:txXfrm>
        <a:off x="3817241" y="1631044"/>
        <a:ext cx="1944672" cy="767555"/>
      </dsp:txXfrm>
    </dsp:sp>
    <dsp:sp modelId="{E01E1D25-E533-429D-9D9B-DE644D8DBD96}">
      <dsp:nvSpPr>
        <dsp:cNvPr id="0" name=""/>
        <dsp:cNvSpPr/>
      </dsp:nvSpPr>
      <dsp:spPr>
        <a:xfrm>
          <a:off x="3817241" y="2556563"/>
          <a:ext cx="1944672" cy="1202249"/>
        </a:xfrm>
        <a:prstGeom prst="rect">
          <a:avLst/>
        </a:prstGeom>
        <a:solidFill>
          <a:schemeClr val="accent4">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8890" tIns="8890" rIns="8890" bIns="8890" numCol="1" spcCol="1270" anchor="ctr" anchorCtr="0">
          <a:noAutofit/>
        </a:bodyPr>
        <a:lstStyle/>
        <a:p>
          <a:pPr marL="92075" lvl="0" indent="0" algn="l" defTabSz="622300">
            <a:lnSpc>
              <a:spcPct val="90000"/>
            </a:lnSpc>
            <a:spcBef>
              <a:spcPct val="0"/>
            </a:spcBef>
            <a:spcAft>
              <a:spcPct val="35000"/>
            </a:spcAft>
            <a:buFont typeface="Arial" panose="020B0604020202020204" pitchFamily="34" charset="0"/>
            <a:buNone/>
          </a:pPr>
          <a:r>
            <a:rPr lang="en-US" sz="1400" b="1" kern="1200" dirty="0">
              <a:effectLst>
                <a:outerShdw blurRad="50800" dist="38100" dir="2700000" algn="tl" rotWithShape="0">
                  <a:prstClr val="black">
                    <a:alpha val="40000"/>
                  </a:prstClr>
                </a:outerShdw>
              </a:effectLst>
            </a:rPr>
            <a:t>Carbon Materials</a:t>
          </a:r>
        </a:p>
        <a:p>
          <a:pPr marL="92075" lvl="0" indent="0" algn="l" defTabSz="622300">
            <a:lnSpc>
              <a:spcPct val="90000"/>
            </a:lnSpc>
            <a:spcBef>
              <a:spcPct val="0"/>
            </a:spcBef>
            <a:spcAft>
              <a:spcPct val="35000"/>
            </a:spcAft>
            <a:buFont typeface="Arial" panose="020B0604020202020204" pitchFamily="34" charset="0"/>
            <a:buNone/>
          </a:pPr>
          <a:r>
            <a:rPr lang="en-US" sz="1400" b="1" kern="1200" dirty="0">
              <a:effectLst>
                <a:outerShdw blurRad="50800" dist="38100" dir="2700000" algn="tl" rotWithShape="0">
                  <a:prstClr val="black">
                    <a:alpha val="40000"/>
                  </a:prstClr>
                </a:outerShdw>
              </a:effectLst>
            </a:rPr>
            <a:t>Zeolites</a:t>
          </a:r>
        </a:p>
        <a:p>
          <a:pPr marL="92075" lvl="0" indent="0" algn="l" defTabSz="622300">
            <a:lnSpc>
              <a:spcPct val="90000"/>
            </a:lnSpc>
            <a:spcBef>
              <a:spcPct val="0"/>
            </a:spcBef>
            <a:spcAft>
              <a:spcPct val="35000"/>
            </a:spcAft>
            <a:buFont typeface="Arial" panose="020B0604020202020204" pitchFamily="34" charset="0"/>
            <a:buNone/>
          </a:pPr>
          <a:r>
            <a:rPr lang="en-US" sz="1400" b="1" kern="1200" dirty="0">
              <a:effectLst>
                <a:outerShdw blurRad="50800" dist="38100" dir="2700000" algn="tl" rotWithShape="0">
                  <a:prstClr val="black">
                    <a:alpha val="40000"/>
                  </a:prstClr>
                </a:outerShdw>
              </a:effectLst>
            </a:rPr>
            <a:t>Metal Organic Framework</a:t>
          </a:r>
        </a:p>
        <a:p>
          <a:pPr marL="92075" lvl="0" indent="0" algn="l" defTabSz="622300">
            <a:lnSpc>
              <a:spcPct val="90000"/>
            </a:lnSpc>
            <a:spcBef>
              <a:spcPct val="0"/>
            </a:spcBef>
            <a:spcAft>
              <a:spcPct val="35000"/>
            </a:spcAft>
            <a:buFont typeface="Arial" panose="020B0604020202020204" pitchFamily="34" charset="0"/>
            <a:buNone/>
          </a:pPr>
          <a:r>
            <a:rPr lang="en-US" sz="1400" b="1" kern="1200" dirty="0">
              <a:effectLst>
                <a:outerShdw blurRad="50800" dist="38100" dir="2700000" algn="tl" rotWithShape="0">
                  <a:prstClr val="black">
                    <a:alpha val="40000"/>
                  </a:prstClr>
                </a:outerShdw>
              </a:effectLst>
            </a:rPr>
            <a:t>Glass Capillary arrays</a:t>
          </a:r>
          <a:endParaRPr lang="en-NL" sz="1400" b="1" kern="1200" dirty="0">
            <a:effectLst>
              <a:outerShdw blurRad="50800" dist="38100" dir="2700000" algn="tl" rotWithShape="0">
                <a:prstClr val="black">
                  <a:alpha val="40000"/>
                </a:prstClr>
              </a:outerShdw>
            </a:effectLst>
          </a:endParaRPr>
        </a:p>
      </dsp:txBody>
      <dsp:txXfrm>
        <a:off x="3817241" y="2556563"/>
        <a:ext cx="1944672" cy="1202249"/>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65C1063-8166-46EA-9E6D-AE42B76D9A8A}">
      <dsp:nvSpPr>
        <dsp:cNvPr id="0" name=""/>
        <dsp:cNvSpPr/>
      </dsp:nvSpPr>
      <dsp:spPr>
        <a:xfrm>
          <a:off x="0" y="210966"/>
          <a:ext cx="2656840" cy="730800"/>
        </a:xfrm>
        <a:prstGeom prst="rect">
          <a:avLst/>
        </a:prstGeom>
        <a:solidFill>
          <a:schemeClr val="lt1">
            <a:alpha val="90000"/>
            <a:hueOff val="0"/>
            <a:satOff val="0"/>
            <a:lumOff val="0"/>
            <a:alphaOff val="0"/>
          </a:schemeClr>
        </a:solidFill>
        <a:ln w="12700" cap="flat" cmpd="sng" algn="ctr">
          <a:solidFill>
            <a:schemeClr val="accent5">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206200" tIns="166624" rIns="206200" bIns="56896" numCol="1" spcCol="1270" anchor="t" anchorCtr="0">
          <a:noAutofit/>
        </a:bodyPr>
        <a:lstStyle/>
        <a:p>
          <a:pPr marL="57150" lvl="1" indent="-57150" algn="l" defTabSz="355600">
            <a:lnSpc>
              <a:spcPct val="90000"/>
            </a:lnSpc>
            <a:spcBef>
              <a:spcPct val="0"/>
            </a:spcBef>
            <a:spcAft>
              <a:spcPct val="15000"/>
            </a:spcAft>
            <a:buClr>
              <a:srgbClr val="002060"/>
            </a:buClr>
            <a:buFont typeface="Wingdings" panose="05000000000000000000" pitchFamily="2" charset="2"/>
            <a:buChar char="ü"/>
          </a:pPr>
          <a:r>
            <a:rPr lang="it-IT" sz="800" kern="1200" dirty="0">
              <a:solidFill>
                <a:srgbClr val="002060"/>
              </a:solidFill>
            </a:rPr>
            <a:t>High </a:t>
          </a:r>
          <a:r>
            <a:rPr lang="en-GB" sz="800" kern="1200" noProof="0" dirty="0">
              <a:solidFill>
                <a:srgbClr val="002060"/>
              </a:solidFill>
            </a:rPr>
            <a:t>hydrogen</a:t>
          </a:r>
          <a:r>
            <a:rPr lang="it-IT" sz="800" kern="1200" dirty="0">
              <a:solidFill>
                <a:srgbClr val="002060"/>
              </a:solidFill>
            </a:rPr>
            <a:t> </a:t>
          </a:r>
          <a:r>
            <a:rPr lang="en-GB" sz="800" kern="1200" noProof="0" dirty="0">
              <a:solidFill>
                <a:srgbClr val="002060"/>
              </a:solidFill>
            </a:rPr>
            <a:t>density</a:t>
          </a:r>
          <a:endParaRPr lang="it-IT" sz="800" kern="1200" dirty="0">
            <a:solidFill>
              <a:srgbClr val="002060"/>
            </a:solidFill>
            <a:highlight>
              <a:srgbClr val="FFFF00"/>
            </a:highlight>
          </a:endParaRPr>
        </a:p>
        <a:p>
          <a:pPr marL="57150" lvl="1" indent="-57150" algn="l" defTabSz="355600">
            <a:lnSpc>
              <a:spcPct val="90000"/>
            </a:lnSpc>
            <a:spcBef>
              <a:spcPct val="0"/>
            </a:spcBef>
            <a:spcAft>
              <a:spcPct val="15000"/>
            </a:spcAft>
            <a:buClr>
              <a:srgbClr val="002060"/>
            </a:buClr>
            <a:buFont typeface="Wingdings" panose="05000000000000000000" pitchFamily="2" charset="2"/>
            <a:buChar char="ü"/>
          </a:pPr>
          <a:r>
            <a:rPr lang="en-GB" sz="800" kern="1200" noProof="0" dirty="0">
              <a:solidFill>
                <a:srgbClr val="002060"/>
              </a:solidFill>
            </a:rPr>
            <a:t>Well-developed</a:t>
          </a:r>
          <a:r>
            <a:rPr lang="it-IT" sz="800" kern="1200" dirty="0">
              <a:solidFill>
                <a:srgbClr val="002060"/>
              </a:solidFill>
            </a:rPr>
            <a:t> storage&amp;</a:t>
          </a:r>
          <a:r>
            <a:rPr lang="en-GB" sz="800" kern="1200" noProof="0" dirty="0">
              <a:solidFill>
                <a:srgbClr val="002060"/>
              </a:solidFill>
            </a:rPr>
            <a:t>distribution infrastructure</a:t>
          </a:r>
        </a:p>
        <a:p>
          <a:pPr marL="57150" lvl="1" indent="-57150" algn="l" defTabSz="355600">
            <a:lnSpc>
              <a:spcPct val="90000"/>
            </a:lnSpc>
            <a:spcBef>
              <a:spcPct val="0"/>
            </a:spcBef>
            <a:spcAft>
              <a:spcPct val="15000"/>
            </a:spcAft>
            <a:buClr>
              <a:srgbClr val="002060"/>
            </a:buClr>
            <a:buFont typeface="Wingdings" panose="05000000000000000000" pitchFamily="2" charset="2"/>
            <a:buChar char="ü"/>
          </a:pPr>
          <a:r>
            <a:rPr lang="en-GB" sz="800" kern="1200" noProof="0" dirty="0">
              <a:solidFill>
                <a:srgbClr val="002060"/>
              </a:solidFill>
            </a:rPr>
            <a:t>Relatively</a:t>
          </a:r>
          <a:r>
            <a:rPr lang="it-IT" sz="800" kern="1200" dirty="0">
              <a:solidFill>
                <a:srgbClr val="002060"/>
              </a:solidFill>
            </a:rPr>
            <a:t> easy cracking</a:t>
          </a:r>
        </a:p>
        <a:p>
          <a:pPr marL="57150" lvl="1" indent="-57150" algn="l" defTabSz="355600">
            <a:lnSpc>
              <a:spcPct val="90000"/>
            </a:lnSpc>
            <a:spcBef>
              <a:spcPct val="0"/>
            </a:spcBef>
            <a:spcAft>
              <a:spcPct val="15000"/>
            </a:spcAft>
            <a:buClr>
              <a:srgbClr val="002060"/>
            </a:buClr>
            <a:buFont typeface="Wingdings" panose="05000000000000000000" pitchFamily="2" charset="2"/>
            <a:buChar char="ü"/>
          </a:pPr>
          <a:r>
            <a:rPr lang="it-IT" sz="800" kern="1200" dirty="0">
              <a:solidFill>
                <a:srgbClr val="002060"/>
              </a:solidFill>
            </a:rPr>
            <a:t>No CO</a:t>
          </a:r>
          <a:r>
            <a:rPr lang="it-IT" sz="800" kern="1200" baseline="-25000" dirty="0">
              <a:solidFill>
                <a:srgbClr val="002060"/>
              </a:solidFill>
            </a:rPr>
            <a:t>2</a:t>
          </a:r>
          <a:r>
            <a:rPr lang="it-IT" sz="800" kern="1200" dirty="0">
              <a:solidFill>
                <a:srgbClr val="002060"/>
              </a:solidFill>
            </a:rPr>
            <a:t> </a:t>
          </a:r>
          <a:r>
            <a:rPr lang="en-NL" sz="800" kern="1200" noProof="0" dirty="0">
              <a:solidFill>
                <a:srgbClr val="002060"/>
              </a:solidFill>
            </a:rPr>
            <a:t>emissions</a:t>
          </a:r>
          <a:r>
            <a:rPr lang="it-IT" sz="800" kern="1200" dirty="0">
              <a:solidFill>
                <a:srgbClr val="002060"/>
              </a:solidFill>
            </a:rPr>
            <a:t>.</a:t>
          </a:r>
        </a:p>
      </dsp:txBody>
      <dsp:txXfrm>
        <a:off x="0" y="210966"/>
        <a:ext cx="2656840" cy="730800"/>
      </dsp:txXfrm>
    </dsp:sp>
    <dsp:sp modelId="{B97037E4-7811-4F4D-8798-C76E1449F889}">
      <dsp:nvSpPr>
        <dsp:cNvPr id="0" name=""/>
        <dsp:cNvSpPr/>
      </dsp:nvSpPr>
      <dsp:spPr>
        <a:xfrm>
          <a:off x="132842" y="92886"/>
          <a:ext cx="1859788" cy="236160"/>
        </a:xfrm>
        <a:prstGeom prst="roundRect">
          <a:avLst/>
        </a:prstGeom>
        <a:solidFill>
          <a:schemeClr val="accent5">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0296" tIns="0" rIns="70296" bIns="0" numCol="1" spcCol="1270" anchor="ctr" anchorCtr="0">
          <a:noAutofit/>
        </a:bodyPr>
        <a:lstStyle/>
        <a:p>
          <a:pPr marL="0" lvl="0" indent="0" algn="l" defTabSz="355600">
            <a:lnSpc>
              <a:spcPct val="90000"/>
            </a:lnSpc>
            <a:spcBef>
              <a:spcPct val="0"/>
            </a:spcBef>
            <a:spcAft>
              <a:spcPct val="35000"/>
            </a:spcAft>
            <a:buNone/>
          </a:pPr>
          <a:r>
            <a:rPr lang="en-GB" sz="800" kern="1200" noProof="0"/>
            <a:t>ADVANTAGES</a:t>
          </a:r>
        </a:p>
      </dsp:txBody>
      <dsp:txXfrm>
        <a:off x="144370" y="104414"/>
        <a:ext cx="1836732" cy="213104"/>
      </dsp:txXfrm>
    </dsp:sp>
    <dsp:sp modelId="{BCD6E21B-1271-4909-AF6E-F5155AED9F96}">
      <dsp:nvSpPr>
        <dsp:cNvPr id="0" name=""/>
        <dsp:cNvSpPr/>
      </dsp:nvSpPr>
      <dsp:spPr>
        <a:xfrm>
          <a:off x="0" y="1103046"/>
          <a:ext cx="2656840" cy="604800"/>
        </a:xfrm>
        <a:prstGeom prst="rect">
          <a:avLst/>
        </a:prstGeom>
        <a:solidFill>
          <a:schemeClr val="lt1">
            <a:alpha val="90000"/>
            <a:hueOff val="0"/>
            <a:satOff val="0"/>
            <a:lumOff val="0"/>
            <a:alphaOff val="0"/>
          </a:schemeClr>
        </a:solidFill>
        <a:ln w="12700" cap="flat" cmpd="sng" algn="ctr">
          <a:solidFill>
            <a:schemeClr val="accent5">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txBody>
        <a:bodyPr spcFirstLastPara="0" vert="horz" wrap="square" lIns="206200" tIns="166624" rIns="206200" bIns="56896" numCol="1" spcCol="1270" anchor="t" anchorCtr="0">
          <a:noAutofit/>
        </a:bodyPr>
        <a:lstStyle/>
        <a:p>
          <a:pPr marL="57150" lvl="1" indent="-57150" algn="l" defTabSz="355600">
            <a:lnSpc>
              <a:spcPct val="90000"/>
            </a:lnSpc>
            <a:spcBef>
              <a:spcPct val="0"/>
            </a:spcBef>
            <a:spcAft>
              <a:spcPct val="15000"/>
            </a:spcAft>
            <a:buClr>
              <a:srgbClr val="002060"/>
            </a:buClr>
            <a:buFontTx/>
            <a:buChar char="x"/>
          </a:pPr>
          <a:r>
            <a:rPr lang="en-GB" sz="800" kern="1200" noProof="0" dirty="0">
              <a:solidFill>
                <a:srgbClr val="002060"/>
              </a:solidFill>
            </a:rPr>
            <a:t>Process deeply limited by thermodynamics</a:t>
          </a:r>
        </a:p>
        <a:p>
          <a:pPr marL="57150" lvl="1" indent="-57150" algn="l" defTabSz="355600">
            <a:lnSpc>
              <a:spcPct val="90000"/>
            </a:lnSpc>
            <a:spcBef>
              <a:spcPct val="0"/>
            </a:spcBef>
            <a:spcAft>
              <a:spcPct val="15000"/>
            </a:spcAft>
            <a:buClr>
              <a:srgbClr val="002060"/>
            </a:buClr>
            <a:buFontTx/>
            <a:buChar char="x"/>
          </a:pPr>
          <a:r>
            <a:rPr lang="en-GB" sz="800" kern="1200" noProof="0" dirty="0">
              <a:solidFill>
                <a:srgbClr val="002060"/>
              </a:solidFill>
            </a:rPr>
            <a:t>Toxicity of ammonia</a:t>
          </a:r>
        </a:p>
        <a:p>
          <a:pPr marL="57150" lvl="1" indent="-57150" algn="l" defTabSz="355600">
            <a:lnSpc>
              <a:spcPct val="90000"/>
            </a:lnSpc>
            <a:spcBef>
              <a:spcPct val="0"/>
            </a:spcBef>
            <a:spcAft>
              <a:spcPct val="15000"/>
            </a:spcAft>
            <a:buClr>
              <a:srgbClr val="002060"/>
            </a:buClr>
            <a:buFontTx/>
            <a:buChar char="x"/>
          </a:pPr>
          <a:r>
            <a:rPr lang="en-GB" sz="800" kern="1200" noProof="0" dirty="0">
              <a:solidFill>
                <a:srgbClr val="002060"/>
              </a:solidFill>
            </a:rPr>
            <a:t>Trace of NH</a:t>
          </a:r>
          <a:r>
            <a:rPr lang="en-GB" sz="800" kern="1200" baseline="-25000" noProof="0" dirty="0">
              <a:solidFill>
                <a:srgbClr val="002060"/>
              </a:solidFill>
            </a:rPr>
            <a:t>3</a:t>
          </a:r>
          <a:r>
            <a:rPr lang="en-GB" sz="800" kern="1200" noProof="0" dirty="0">
              <a:solidFill>
                <a:srgbClr val="002060"/>
              </a:solidFill>
            </a:rPr>
            <a:t> in the H</a:t>
          </a:r>
          <a:r>
            <a:rPr lang="en-GB" sz="800" kern="1200" baseline="-25000" noProof="0" dirty="0">
              <a:solidFill>
                <a:srgbClr val="002060"/>
              </a:solidFill>
            </a:rPr>
            <a:t>2</a:t>
          </a:r>
          <a:r>
            <a:rPr lang="en-GB" sz="800" kern="1200" noProof="0" dirty="0">
              <a:solidFill>
                <a:srgbClr val="002060"/>
              </a:solidFill>
            </a:rPr>
            <a:t> after the decomposition</a:t>
          </a:r>
        </a:p>
      </dsp:txBody>
      <dsp:txXfrm>
        <a:off x="0" y="1103046"/>
        <a:ext cx="2656840" cy="604800"/>
      </dsp:txXfrm>
    </dsp:sp>
    <dsp:sp modelId="{BC5CD619-BAA8-4010-8057-6E9420BAB8E5}">
      <dsp:nvSpPr>
        <dsp:cNvPr id="0" name=""/>
        <dsp:cNvSpPr/>
      </dsp:nvSpPr>
      <dsp:spPr>
        <a:xfrm>
          <a:off x="132842" y="984966"/>
          <a:ext cx="1859788" cy="236160"/>
        </a:xfrm>
        <a:prstGeom prst="roundRect">
          <a:avLst/>
        </a:prstGeom>
        <a:solidFill>
          <a:schemeClr val="accent5">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70296" tIns="0" rIns="70296" bIns="0" numCol="1" spcCol="1270" anchor="ctr" anchorCtr="0">
          <a:noAutofit/>
        </a:bodyPr>
        <a:lstStyle/>
        <a:p>
          <a:pPr marL="0" lvl="0" indent="0" algn="l" defTabSz="355600">
            <a:lnSpc>
              <a:spcPct val="90000"/>
            </a:lnSpc>
            <a:spcBef>
              <a:spcPct val="0"/>
            </a:spcBef>
            <a:spcAft>
              <a:spcPct val="35000"/>
            </a:spcAft>
            <a:buNone/>
          </a:pPr>
          <a:r>
            <a:rPr lang="en-US" sz="800" kern="1200" noProof="0" dirty="0"/>
            <a:t>DISADVANTAGES</a:t>
          </a:r>
        </a:p>
      </dsp:txBody>
      <dsp:txXfrm>
        <a:off x="144370" y="996494"/>
        <a:ext cx="1836732" cy="213104"/>
      </dsp:txXfrm>
    </dsp:sp>
  </dsp:spTree>
</dsp:drawing>
</file>

<file path=ppt/diagrams/layout1.xml><?xml version="1.0" encoding="utf-8"?>
<dgm:layoutDef xmlns:dgm="http://schemas.openxmlformats.org/drawingml/2006/diagram" xmlns:a="http://schemas.openxmlformats.org/drawingml/2006/main" uniqueId="urn:microsoft.com/office/officeart/2009/3/layout/HorizontalOrganizationChart">
  <dgm:title val=""/>
  <dgm:desc val=""/>
  <dgm:catLst>
    <dgm:cat type="hierarchy" pri="4300"/>
  </dgm:catLst>
  <dgm:sampData>
    <dgm:dataModel>
      <dgm:ptLst>
        <dgm:pt modelId="0" type="doc"/>
        <dgm:pt modelId="1">
          <dgm:prSet phldr="1"/>
        </dgm:pt>
        <dgm:pt modelId="2" type="asst">
          <dgm:prSet phldr="1"/>
        </dgm:pt>
        <dgm:pt modelId="3">
          <dgm:prSet phldr="1"/>
        </dgm:pt>
        <dgm:pt modelId="4">
          <dgm:prSet phldr="1"/>
        </dgm:pt>
        <dgm:pt modelId="5">
          <dgm:prSet phldr="1"/>
        </dgm:pt>
      </dgm:ptLst>
      <dgm:cxnLst>
        <dgm:cxn modelId="5" srcId="0" destId="1" srcOrd="0" destOrd="0"/>
        <dgm:cxn modelId="6" srcId="1" destId="2" srcOrd="0" destOrd="0"/>
        <dgm:cxn modelId="7" srcId="1" destId="3" srcOrd="1" destOrd="0"/>
        <dgm:cxn modelId="8" srcId="1" destId="4" srcOrd="2" destOrd="0"/>
        <dgm:cxn modelId="9" srcId="1" destId="5" srcOrd="3" destOrd="0"/>
      </dgm:cxnLst>
      <dgm:bg/>
      <dgm:whole/>
    </dgm:dataModel>
  </dgm:sampData>
  <dgm:styleData>
    <dgm:dataModel>
      <dgm:ptLst>
        <dgm:pt modelId="0" type="doc"/>
        <dgm:pt modelId="1"/>
        <dgm:pt modelId="12"/>
        <dgm:pt modelId="13"/>
      </dgm:ptLst>
      <dgm:cxnLst>
        <dgm:cxn modelId="2" srcId="0" destId="1" srcOrd="0" destOrd="0"/>
        <dgm:cxn modelId="16" srcId="1" destId="12" srcOrd="1" destOrd="0"/>
        <dgm:cxn modelId="17" srcId="1" destId="13" srcOrd="2" destOrd="0"/>
      </dgm:cxnLst>
      <dgm:bg/>
      <dgm:whole/>
    </dgm:dataModel>
  </dgm:styleData>
  <dgm:clrData>
    <dgm:dataModel>
      <dgm:ptLst>
        <dgm:pt modelId="0" type="doc"/>
        <dgm:pt modelId="1"/>
        <dgm:pt modelId="11" type="asst"/>
        <dgm:pt modelId="12"/>
        <dgm:pt modelId="13"/>
        <dgm:pt modelId="14"/>
      </dgm:ptLst>
      <dgm:cxnLst>
        <dgm:cxn modelId="2" srcId="0" destId="1" srcOrd="0" destOrd="0"/>
        <dgm:cxn modelId="15" srcId="1" destId="11" srcOrd="0" destOrd="0"/>
        <dgm:cxn modelId="16" srcId="1" destId="12" srcOrd="1" destOrd="0"/>
        <dgm:cxn modelId="17" srcId="1" destId="13" srcOrd="2" destOrd="0"/>
        <dgm:cxn modelId="18" srcId="1" destId="14" srcOrd="2" destOrd="0"/>
      </dgm:cxnLst>
      <dgm:bg/>
      <dgm:whole/>
    </dgm:dataModel>
  </dgm:clrData>
  <dgm:layoutNode name="hierChild1">
    <dgm:varLst>
      <dgm:orgChart val="1"/>
      <dgm:chPref val="1"/>
      <dgm:dir/>
      <dgm:animOne val="branch"/>
      <dgm:animLvl val="lvl"/>
      <dgm:resizeHandles/>
    </dgm:varLst>
    <dgm:choose name="Name0">
      <dgm:if name="Name1" func="var" arg="dir" op="equ" val="norm">
        <dgm:alg type="hierChild">
          <dgm:param type="linDir" val="fromT"/>
          <dgm:param type="chAlign" val="l"/>
        </dgm:alg>
      </dgm:if>
      <dgm:else name="Name2">
        <dgm:alg type="hierChild">
          <dgm:param type="linDir" val="fromT"/>
          <dgm:param type="chAlign" val="r"/>
        </dgm:alg>
      </dgm:else>
    </dgm:choose>
    <dgm:shape xmlns:r="http://schemas.openxmlformats.org/officeDocument/2006/relationships" r:blip="">
      <dgm:adjLst/>
    </dgm:shape>
    <dgm:presOf/>
    <dgm:constrLst>
      <dgm:constr type="w" for="des" forName="rootComposite1" refType="w" fact="10"/>
      <dgm:constr type="h" for="des" forName="rootComposite1" refType="w" refFor="des" refForName="rootComposite1" fact="0.305"/>
      <dgm:constr type="w" for="des" forName="rootComposite" refType="w" fact="10"/>
      <dgm:constr type="h" for="des" forName="rootComposite" refType="w" refFor="des" refForName="rootComposite1" fact="0.305"/>
      <dgm:constr type="w" for="des" forName="rootComposite3" refType="w" fact="10"/>
      <dgm:constr type="h" for="des" forName="rootComposite3" refType="w" refFor="des" refForName="rootComposite1" fact="0.305"/>
      <dgm:constr type="primFontSz" for="des" ptType="node" op="equ"/>
      <dgm:constr type="sp" for="des" op="equ"/>
      <dgm:constr type="sp" for="des" forName="hierRoot1" refType="w" refFor="des" refForName="rootComposite1" fact="0.2"/>
      <dgm:constr type="sp" for="des" forName="hierRoot2" refType="sp" refFor="des" refForName="hierRoot1"/>
      <dgm:constr type="sp" for="des" forName="hierRoot3" refType="sp" refFor="des" refForName="hierRoot1"/>
      <dgm:constr type="sibSp" refType="w" refFor="des" refForName="rootComposite1" fact="0.125"/>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ibSp" for="des" forName="hierChild7" refType="sibSp"/>
      <dgm:constr type="secSibSp" refType="w" refFor="des" refForName="rootComposite1" fact="0.125"/>
      <dgm:constr type="secSibSp" for="des" forName="hierChild2" refType="secSibSp"/>
      <dgm:constr type="secSibSp" for="des" forName="hierChild3" refType="secSibSp"/>
      <dgm:constr type="secSibSp" for="des" forName="hierChild4" refType="secSibSp"/>
      <dgm:constr type="secSibSp" for="des" forName="hierChild5" refType="secSibSp"/>
      <dgm:constr type="secSibSp" for="des" forName="hierChild6" refType="secSibSp"/>
      <dgm:constr type="secSibSp" for="des" forName="hierChild7" refType="secSibSp"/>
    </dgm:constrLst>
    <dgm:ruleLst/>
    <dgm:forEach name="Name3" axis="ch">
      <dgm:forEach name="Name4" axis="self" ptType="node">
        <dgm:layoutNode name="hierRoot1">
          <dgm:varLst>
            <dgm:hierBranch val="init"/>
          </dgm:varLst>
          <dgm:choose name="Name5">
            <dgm:if name="Name6" func="var" arg="hierBranch" op="equ" val="l">
              <dgm:choose name="Name7">
                <dgm:if name="Name8" func="var" arg="dir" op="equ" val="norm">
                  <dgm:alg type="hierRoot">
                    <dgm:param type="hierAlign" val="lT"/>
                  </dgm:alg>
                  <dgm:constrLst>
                    <dgm:constr type="alignOff" val="0.75"/>
                  </dgm:constrLst>
                </dgm:if>
                <dgm:else name="Name9">
                  <dgm:alg type="hierRoot">
                    <dgm:param type="hierAlign" val="rT"/>
                  </dgm:alg>
                  <dgm:constrLst>
                    <dgm:constr type="alignOff" val="0.75"/>
                  </dgm:constrLst>
                </dgm:else>
              </dgm:choose>
            </dgm:if>
            <dgm:if name="Name10" func="var" arg="hierBranch" op="equ" val="r">
              <dgm:choose name="Name11">
                <dgm:if name="Name12" func="var" arg="dir" op="equ" val="norm">
                  <dgm:alg type="hierRoot">
                    <dgm:param type="hierAlign" val="lB"/>
                  </dgm:alg>
                  <dgm:constrLst>
                    <dgm:constr type="alignOff" val="0.75"/>
                  </dgm:constrLst>
                </dgm:if>
                <dgm:else name="Name13">
                  <dgm:alg type="hierRoot">
                    <dgm:param type="hierAlign" val="rB"/>
                  </dgm:alg>
                  <dgm:constrLst>
                    <dgm:constr type="alignOff" val="0.75"/>
                  </dgm:constrLst>
                </dgm:else>
              </dgm:choose>
            </dgm:if>
            <dgm:if name="Name14" func="var" arg="hierBranch" op="equ" val="hang">
              <dgm:choose name="Name15">
                <dgm:if name="Name16" func="var" arg="dir" op="equ" val="norm">
                  <dgm:alg type="hierRoot">
                    <dgm:param type="hierAlign" val="lCtrCh"/>
                  </dgm:alg>
                  <dgm:constrLst>
                    <dgm:constr type="alignOff" val="0.65"/>
                  </dgm:constrLst>
                </dgm:if>
                <dgm:else name="Name17">
                  <dgm:alg type="hierRoot">
                    <dgm:param type="hierAlign" val="rCtrCh"/>
                  </dgm:alg>
                  <dgm:constrLst>
                    <dgm:constr type="alignOff" val="0.65"/>
                  </dgm:constrLst>
                </dgm:else>
              </dgm:choose>
            </dgm:if>
            <dgm:else name="Name18">
              <dgm:choose name="Name19">
                <dgm:if name="Name20" func="var" arg="dir" op="equ" val="norm">
                  <dgm:alg type="hierRoot">
                    <dgm:param type="hierAlign" val="lCtrCh"/>
                  </dgm:alg>
                  <dgm:constrLst>
                    <dgm:constr type="alignOff"/>
                    <dgm:constr type="bendDist" for="des" ptType="parTrans" refType="sp" fact="0.5"/>
                  </dgm:constrLst>
                </dgm:if>
                <dgm:else name="Name21">
                  <dgm:alg type="hierRoot">
                    <dgm:param type="hierAlign" val="rCtrCh"/>
                  </dgm:alg>
                  <dgm:constrLst>
                    <dgm:constr type="alignOff"/>
                    <dgm:constr type="bendDist" for="des" ptType="parTrans" refType="sp" fact="0.5"/>
                  </dgm:constrLst>
                </dgm:else>
              </dgm:choose>
            </dgm:else>
          </dgm:choose>
          <dgm:shape xmlns:r="http://schemas.openxmlformats.org/officeDocument/2006/relationships" r:blip="">
            <dgm:adjLst/>
          </dgm:shape>
          <dgm:presOf/>
          <dgm:ruleLst/>
          <dgm:layoutNode name="rootComposite1">
            <dgm:alg type="composite"/>
            <dgm:shape xmlns:r="http://schemas.openxmlformats.org/officeDocument/2006/relationships" r:blip="">
              <dgm:adjLst/>
            </dgm:shape>
            <dgm:presOf axis="self" ptType="node" cnt="1"/>
            <dgm:choose name="Name22">
              <dgm:if name="Name23" func="var" arg="hierBranch" op="equ" val="init">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if name="Name24" func="var" arg="hierBranch" op="equ" val="l">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if>
              <dgm:if name="Name25" func="var" arg="hierBranch" op="equ" val="r">
                <dgm:constrLst>
                  <dgm:constr type="l" for="ch" forName="rootText1"/>
                  <dgm:constr type="t" for="ch" forName="rootText1"/>
                  <dgm:constr type="w" for="ch" forName="rootText1" refType="w"/>
                  <dgm:constr type="h" for="ch" forName="rootText1" refType="h"/>
                  <dgm:constr type="l" for="ch" forName="rootConnector1"/>
                  <dgm:constr type="t" for="ch" forName="rootConnector1"/>
                  <dgm:constr type="w" for="ch" forName="rootConnector1" refType="w" refFor="ch" refForName="rootText1" fact="0.2"/>
                  <dgm:constr type="h" for="ch" forName="rootConnector1" refType="h" refFor="ch" refForName="rootText1"/>
                </dgm:constrLst>
              </dgm:if>
              <dgm:else name="Name26">
                <dgm:constrLst>
                  <dgm:constr type="l" for="ch" forName="rootText1"/>
                  <dgm:constr type="t" for="ch" forName="rootText1"/>
                  <dgm:constr type="w" for="ch" forName="rootText1" refType="w"/>
                  <dgm:constr type="h" for="ch" forName="rootText1" refType="h"/>
                  <dgm:constr type="r" for="ch" forName="rootConnector1" refType="w"/>
                  <dgm:constr type="t" for="ch" forName="rootConnector1"/>
                  <dgm:constr type="w" for="ch" forName="rootConnector1" refType="w" refFor="ch" refForName="rootText1" fact="0.2"/>
                  <dgm:constr type="h" for="ch" forName="rootConnector1" refType="h" refFor="ch" refForName="rootText1"/>
                </dgm:constrLst>
              </dgm:else>
            </dgm:choose>
            <dgm:ruleLst/>
            <dgm:layoutNode name="rootText1" styleLbl="node0">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1" moveWith="rootText1">
              <dgm:alg type="sp"/>
              <dgm:shape xmlns:r="http://schemas.openxmlformats.org/officeDocument/2006/relationships" type="rect" r:blip="" hideGeom="1">
                <dgm:adjLst/>
              </dgm:shape>
              <dgm:presOf axis="self" ptType="node" cnt="1"/>
              <dgm:constrLst/>
              <dgm:ruleLst/>
            </dgm:layoutNode>
          </dgm:layoutNode>
          <dgm:layoutNode name="hierChild2">
            <dgm:choose name="Name27">
              <dgm:if name="Name28" func="var" arg="hierBranch" op="equ" val="l">
                <dgm:choose name="Name29">
                  <dgm:if name="Name30" func="var" arg="dir" op="equ" val="norm">
                    <dgm:alg type="hierChild">
                      <dgm:param type="chAlign" val="t"/>
                      <dgm:param type="linDir" val="fromL"/>
                    </dgm:alg>
                  </dgm:if>
                  <dgm:else name="Name31">
                    <dgm:alg type="hierChild">
                      <dgm:param type="chAlign" val="t"/>
                      <dgm:param type="linDir" val="fromR"/>
                    </dgm:alg>
                  </dgm:else>
                </dgm:choose>
              </dgm:if>
              <dgm:if name="Name32" func="var" arg="hierBranch" op="equ" val="r">
                <dgm:choose name="Name33">
                  <dgm:if name="Name34" func="var" arg="dir" op="equ" val="norm">
                    <dgm:alg type="hierChild">
                      <dgm:param type="chAlign" val="b"/>
                      <dgm:param type="linDir" val="fromL"/>
                    </dgm:alg>
                  </dgm:if>
                  <dgm:else name="Name35">
                    <dgm:alg type="hierChild">
                      <dgm:param type="chAlign" val="b"/>
                      <dgm:param type="linDir" val="fromR"/>
                    </dgm:alg>
                  </dgm:else>
                </dgm:choose>
              </dgm:if>
              <dgm:if name="Name36" func="var" arg="hierBranch" op="equ" val="hang">
                <dgm:choose name="Name37">
                  <dgm:if name="Name38" func="var" arg="dir" op="equ" val="norm">
                    <dgm:alg type="hierChild">
                      <dgm:param type="chAlign" val="l"/>
                      <dgm:param type="linDir" val="fromT"/>
                      <dgm:param type="secChAlign" val="t"/>
                      <dgm:param type="secLinDir" val="fromL"/>
                    </dgm:alg>
                  </dgm:if>
                  <dgm:else name="Name39">
                    <dgm:alg type="hierChild">
                      <dgm:param type="chAlign" val="r"/>
                      <dgm:param type="linDir" val="fromT"/>
                      <dgm:param type="secChAlign" val="t"/>
                      <dgm:param type="secLinDir" val="fromR"/>
                    </dgm:alg>
                  </dgm:else>
                </dgm:choose>
              </dgm:if>
              <dgm:else name="Name40">
                <dgm:choose name="Name41">
                  <dgm:if name="Name42" func="var" arg="dir" op="equ" val="norm">
                    <dgm:alg type="hierChild">
                      <dgm:param type="linDir" val="fromT"/>
                      <dgm:param type="chAlign" val="l"/>
                    </dgm:alg>
                  </dgm:if>
                  <dgm:else name="Name43">
                    <dgm:alg type="hierChild">
                      <dgm:param type="linDir" val="fromT"/>
                      <dgm:param type="chAlign" val="r"/>
                    </dgm:alg>
                  </dgm:else>
                </dgm:choose>
              </dgm:else>
            </dgm:choose>
            <dgm:shape xmlns:r="http://schemas.openxmlformats.org/officeDocument/2006/relationships" r:blip="">
              <dgm:adjLst/>
            </dgm:shape>
            <dgm:presOf/>
            <dgm:constrLst/>
            <dgm:ruleLst/>
            <dgm:forEach name="rep2a" axis="ch" ptType="nonAsst">
              <dgm:forEach name="Name44" axis="precedSib" ptType="parTrans" st="-1" cnt="1">
                <dgm:choose name="Name45">
                  <dgm:if name="Name46" func="var" arg="hierBranch" op="equ" val="hang">
                    <dgm:layoutNode name="Name47">
                      <dgm:choose name="Name48">
                        <dgm:if name="Name49" func="var" arg="dir" op="equ" val="norm">
                          <dgm:alg type="conn">
                            <dgm:param type="connRout" val="bend"/>
                            <dgm:param type="dim" val="1D"/>
                            <dgm:param type="endSty" val="noArr"/>
                            <dgm:param type="begPts" val="midR"/>
                            <dgm:param type="endPts" val="bCtr tCtr"/>
                          </dgm:alg>
                        </dgm:if>
                        <dgm:else name="Name50">
                          <dgm:alg type="conn">
                            <dgm:param type="connRout" val="bend"/>
                            <dgm:param type="dim" val="1D"/>
                            <dgm:param type="endSty" val="noArr"/>
                            <dgm:param type="begPts" val="midL"/>
                            <dgm:param type="endPts" val="bCtr tCtr"/>
                          </dgm:alg>
                        </dgm:else>
                      </dgm:choose>
                      <dgm:shape xmlns:r="http://schemas.openxmlformats.org/officeDocument/2006/relationships" type="conn" r:blip="" zOrderOff="-99999">
                        <dgm:adjLst/>
                      </dgm:shape>
                      <dgm:presOf axis="self"/>
                      <dgm:constrLst>
                        <dgm:constr type="begPad"/>
                        <dgm:constr type="endPad"/>
                      </dgm:constrLst>
                      <dgm:ruleLst/>
                    </dgm:layoutNode>
                  </dgm:if>
                  <dgm:if name="Name51" func="var" arg="hierBranch" op="equ" val="l">
                    <dgm:layoutNode name="Name52">
                      <dgm:choose name="Name53">
                        <dgm:if name="Name54" func="var" arg="dir" op="equ" val="norm">
                          <dgm:alg type="conn">
                            <dgm:param type="connRout" val="bend"/>
                            <dgm:param type="dim" val="1D"/>
                            <dgm:param type="endSty" val="noArr"/>
                            <dgm:param type="begPts" val="midR"/>
                            <dgm:param type="endPts" val="tCtr"/>
                          </dgm:alg>
                        </dgm:if>
                        <dgm:else name="Name55">
                          <dgm:alg type="conn">
                            <dgm:param type="connRout" val="bend"/>
                            <dgm:param type="dim" val="1D"/>
                            <dgm:param type="endSty" val="noArr"/>
                            <dgm:param type="begPts" val="midL"/>
                            <dgm:param type="endPts" val="tCtr"/>
                          </dgm:alg>
                        </dgm:else>
                      </dgm:choose>
                      <dgm:shape xmlns:r="http://schemas.openxmlformats.org/officeDocument/2006/relationships" type="conn" r:blip="" zOrderOff="-99999">
                        <dgm:adjLst/>
                      </dgm:shape>
                      <dgm:presOf axis="self"/>
                      <dgm:constrLst>
                        <dgm:constr type="begPad"/>
                        <dgm:constr type="endPad"/>
                      </dgm:constrLst>
                      <dgm:ruleLst/>
                    </dgm:layoutNode>
                  </dgm:if>
                  <dgm:if name="Name56" func="var" arg="hierBranch" op="equ" val="r">
                    <dgm:layoutNode name="Name57">
                      <dgm:choose name="Name58">
                        <dgm:if name="Name59" func="var" arg="dir" op="equ" val="norm">
                          <dgm:alg type="conn">
                            <dgm:param type="connRout" val="bend"/>
                            <dgm:param type="dim" val="1D"/>
                            <dgm:param type="endSty" val="noArr"/>
                            <dgm:param type="begPts" val="midR"/>
                            <dgm:param type="endPts" val="bCtr"/>
                          </dgm:alg>
                        </dgm:if>
                        <dgm:else name="Name60">
                          <dgm:alg type="conn">
                            <dgm:param type="connRout" val="bend"/>
                            <dgm:param type="dim" val="1D"/>
                            <dgm:param type="endSty" val="noArr"/>
                            <dgm:param type="begPts" val="midL"/>
                            <dgm:param type="endPts" val="bCtr"/>
                          </dgm:alg>
                        </dgm:else>
                      </dgm:choose>
                      <dgm:shape xmlns:r="http://schemas.openxmlformats.org/officeDocument/2006/relationships" type="conn" r:blip="" zOrderOff="-99999">
                        <dgm:adjLst/>
                      </dgm:shape>
                      <dgm:presOf axis="self"/>
                      <dgm:constrLst>
                        <dgm:constr type="begPad"/>
                        <dgm:constr type="endPad"/>
                      </dgm:constrLst>
                      <dgm:ruleLst/>
                    </dgm:layoutNode>
                  </dgm:if>
                  <dgm:else name="Name61">
                    <dgm:choose name="Name62">
                      <dgm:if name="Name63" func="var" arg="dir" op="equ" val="norm">
                        <dgm:layoutNode name="Name64">
                          <dgm:alg type="conn">
                            <dgm:param type="connRout" val="bend"/>
                            <dgm:param type="dim" val="1D"/>
                            <dgm:param type="endSty" val="noArr"/>
                            <dgm:param type="begPts" val="midR"/>
                            <dgm:param type="endPts" val="midL"/>
                            <dgm:param type="bendPt" val="end"/>
                          </dgm:alg>
                          <dgm:shape xmlns:r="http://schemas.openxmlformats.org/officeDocument/2006/relationships" type="conn" r:blip="" zOrderOff="-99999">
                            <dgm:adjLst/>
                          </dgm:shape>
                          <dgm:presOf axis="self"/>
                          <dgm:constrLst>
                            <dgm:constr type="begPad"/>
                            <dgm:constr type="endPad"/>
                          </dgm:constrLst>
                          <dgm:ruleLst/>
                        </dgm:layoutNode>
                      </dgm:if>
                      <dgm:else name="Name65">
                        <dgm:layoutNode name="Name66">
                          <dgm:alg type="conn">
                            <dgm:param type="connRout" val="bend"/>
                            <dgm:param type="dim" val="1D"/>
                            <dgm:param type="endSty" val="noArr"/>
                            <dgm:param type="begPts" val="midL"/>
                            <dgm:param type="endPts" val="midR"/>
                            <dgm:param type="bendPt" val="end"/>
                          </dgm:alg>
                          <dgm:shape xmlns:r="http://schemas.openxmlformats.org/officeDocument/2006/relationships" type="conn" r:blip="" zOrderOff="-99999">
                            <dgm:adjLst/>
                          </dgm:shape>
                          <dgm:presOf axis="self"/>
                          <dgm:constrLst>
                            <dgm:constr type="begPad"/>
                            <dgm:constr type="endPad"/>
                          </dgm:constrLst>
                          <dgm:ruleLst/>
                        </dgm:layoutNode>
                      </dgm:else>
                    </dgm:choose>
                  </dgm:else>
                </dgm:choose>
              </dgm:forEach>
              <dgm:layoutNode name="hierRoot2">
                <dgm:varLst>
                  <dgm:hierBranch val="init"/>
                </dgm:varLst>
                <dgm:choose name="Name67">
                  <dgm:if name="Name68" func="var" arg="hierBranch" op="equ" val="l">
                    <dgm:choose name="Name69">
                      <dgm:if name="Name70" func="var" arg="dir" op="equ" val="norm">
                        <dgm:alg type="hierRoot">
                          <dgm:param type="hierAlign" val="lT"/>
                        </dgm:alg>
                        <dgm:constrLst>
                          <dgm:constr type="alignOff" val="0.75"/>
                        </dgm:constrLst>
                      </dgm:if>
                      <dgm:else name="Name71">
                        <dgm:alg type="hierRoot">
                          <dgm:param type="hierAlign" val="rT"/>
                        </dgm:alg>
                        <dgm:constrLst>
                          <dgm:constr type="alignOff" val="0.75"/>
                        </dgm:constrLst>
                      </dgm:else>
                    </dgm:choose>
                  </dgm:if>
                  <dgm:if name="Name72" func="var" arg="hierBranch" op="equ" val="r">
                    <dgm:choose name="Name73">
                      <dgm:if name="Name74" func="var" arg="dir" op="equ" val="norm">
                        <dgm:alg type="hierRoot">
                          <dgm:param type="hierAlign" val="lB"/>
                        </dgm:alg>
                        <dgm:constrLst>
                          <dgm:constr type="alignOff" val="0.75"/>
                        </dgm:constrLst>
                      </dgm:if>
                      <dgm:else name="Name75">
                        <dgm:alg type="hierRoot">
                          <dgm:param type="hierAlign" val="rB"/>
                        </dgm:alg>
                        <dgm:constrLst>
                          <dgm:constr type="alignOff" val="0.75"/>
                        </dgm:constrLst>
                      </dgm:else>
                    </dgm:choose>
                  </dgm:if>
                  <dgm:if name="Name76" func="var" arg="hierBranch" op="equ" val="hang">
                    <dgm:choose name="Name77">
                      <dgm:if name="Name78" func="var" arg="dir" op="equ" val="norm">
                        <dgm:alg type="hierRoot">
                          <dgm:param type="hierAlign" val="lCtrCh"/>
                        </dgm:alg>
                        <dgm:constrLst>
                          <dgm:constr type="alignOff" val="0.65"/>
                        </dgm:constrLst>
                      </dgm:if>
                      <dgm:else name="Name79">
                        <dgm:alg type="hierRoot">
                          <dgm:param type="hierAlign" val="rCtrCh"/>
                        </dgm:alg>
                        <dgm:constrLst>
                          <dgm:constr type="alignOff" val="0.65"/>
                        </dgm:constrLst>
                      </dgm:else>
                    </dgm:choose>
                  </dgm:if>
                  <dgm:else name="Name80">
                    <dgm:choose name="Name81">
                      <dgm:if name="Name82" func="var" arg="dir" op="equ" val="norm">
                        <dgm:alg type="hierRoot">
                          <dgm:param type="hierAlign" val="lCtrCh"/>
                        </dgm:alg>
                        <dgm:constrLst>
                          <dgm:constr type="alignOff"/>
                          <dgm:constr type="bendDist" for="des" ptType="parTrans" refType="sp" fact="0.5"/>
                        </dgm:constrLst>
                      </dgm:if>
                      <dgm:else name="Name83">
                        <dgm:alg type="hierRoot">
                          <dgm:param type="hierAlign" val="rCtrCh"/>
                        </dgm:alg>
                        <dgm:constrLst>
                          <dgm:constr type="alignOff"/>
                          <dgm:constr type="bendDist" for="des" ptType="parTrans" refType="sp" fact="0.5"/>
                        </dgm:constrLst>
                      </dgm:else>
                    </dgm:choose>
                  </dgm:else>
                </dgm:choose>
                <dgm:shape xmlns:r="http://schemas.openxmlformats.org/officeDocument/2006/relationships" r:blip="">
                  <dgm:adjLst/>
                </dgm:shape>
                <dgm:presOf/>
                <dgm:ruleLst/>
                <dgm:layoutNode name="rootComposite">
                  <dgm:alg type="composite"/>
                  <dgm:shape xmlns:r="http://schemas.openxmlformats.org/officeDocument/2006/relationships" r:blip="">
                    <dgm:adjLst/>
                  </dgm:shape>
                  <dgm:presOf axis="self" ptType="node" cnt="1"/>
                  <dgm:choose name="Name84">
                    <dgm:if name="Name85" func="var" arg="hierBranch" op="equ" val="init">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if name="Name86" func="var" arg="hierBranch" op="equ" val="l">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if>
                    <dgm:if name="Name87" func="var" arg="hierBranch" op="equ" val="r">
                      <dgm:constrLst>
                        <dgm:constr type="l" for="ch" forName="rootText"/>
                        <dgm:constr type="t" for="ch" forName="rootText"/>
                        <dgm:constr type="w" for="ch" forName="rootText" refType="w"/>
                        <dgm:constr type="h" for="ch" forName="rootText" refType="h"/>
                        <dgm:constr type="l" for="ch" forName="rootConnector"/>
                        <dgm:constr type="t" for="ch" forName="rootConnector"/>
                        <dgm:constr type="w" for="ch" forName="rootConnector" refType="w" refFor="ch" refForName="rootText" fact="0.2"/>
                        <dgm:constr type="h" for="ch" forName="rootConnector" refType="h" refFor="ch" refForName="rootText"/>
                      </dgm:constrLst>
                    </dgm:if>
                    <dgm:else name="Name88">
                      <dgm:constrLst>
                        <dgm:constr type="l" for="ch" forName="rootText"/>
                        <dgm:constr type="t" for="ch" forName="rootText"/>
                        <dgm:constr type="w" for="ch" forName="rootText" refType="w"/>
                        <dgm:constr type="h" for="ch" forName="rootText" refType="h"/>
                        <dgm:constr type="r" for="ch" forName="rootConnector" refType="w"/>
                        <dgm:constr type="t" for="ch" forName="rootConnector"/>
                        <dgm:constr type="w" for="ch" forName="rootConnector" refType="w" refFor="ch" refForName="rootText" fact="0.2"/>
                        <dgm:constr type="h" for="ch" forName="rootConnector" refType="h" refFor="ch" refForName="rootText"/>
                      </dgm:constrLst>
                    </dgm:else>
                  </dgm:choose>
                  <dgm:ruleLst/>
                  <dgm:layoutNode name="rootText">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 moveWith="rootText">
                    <dgm:alg type="sp"/>
                    <dgm:shape xmlns:r="http://schemas.openxmlformats.org/officeDocument/2006/relationships" type="rect" r:blip="" hideGeom="1">
                      <dgm:adjLst/>
                    </dgm:shape>
                    <dgm:presOf axis="self" ptType="node" cnt="1"/>
                    <dgm:constrLst/>
                    <dgm:ruleLst/>
                  </dgm:layoutNode>
                </dgm:layoutNode>
                <dgm:layoutNode name="hierChild4">
                  <dgm:choose name="Name89">
                    <dgm:if name="Name90" func="var" arg="hierBranch" op="equ" val="l">
                      <dgm:choose name="Name91">
                        <dgm:if name="Name92" func="var" arg="dir" op="equ" val="norm">
                          <dgm:alg type="hierChild">
                            <dgm:param type="chAlign" val="t"/>
                            <dgm:param type="linDir" val="fromL"/>
                          </dgm:alg>
                        </dgm:if>
                        <dgm:else name="Name93">
                          <dgm:alg type="hierChild">
                            <dgm:param type="chAlign" val="t"/>
                            <dgm:param type="linDir" val="fromR"/>
                          </dgm:alg>
                        </dgm:else>
                      </dgm:choose>
                    </dgm:if>
                    <dgm:if name="Name94" func="var" arg="hierBranch" op="equ" val="r">
                      <dgm:choose name="Name95">
                        <dgm:if name="Name96" func="var" arg="dir" op="equ" val="norm">
                          <dgm:alg type="hierChild">
                            <dgm:param type="chAlign" val="b"/>
                            <dgm:param type="linDir" val="fromL"/>
                          </dgm:alg>
                        </dgm:if>
                        <dgm:else name="Name97">
                          <dgm:alg type="hierChild">
                            <dgm:param type="chAlign" val="b"/>
                            <dgm:param type="linDir" val="fromR"/>
                          </dgm:alg>
                        </dgm:else>
                      </dgm:choose>
                    </dgm:if>
                    <dgm:if name="Name98" func="var" arg="hierBranch" op="equ" val="hang">
                      <dgm:choose name="Name99">
                        <dgm:if name="Name100" func="var" arg="dir" op="equ" val="norm">
                          <dgm:alg type="hierChild">
                            <dgm:param type="chAlign" val="l"/>
                            <dgm:param type="linDir" val="fromT"/>
                            <dgm:param type="secChAlign" val="t"/>
                            <dgm:param type="secLinDir" val="fromL"/>
                          </dgm:alg>
                        </dgm:if>
                        <dgm:else name="Name101">
                          <dgm:alg type="hierChild">
                            <dgm:param type="chAlign" val="r"/>
                            <dgm:param type="linDir" val="fromT"/>
                            <dgm:param type="secChAlign" val="t"/>
                            <dgm:param type="secLinDir" val="fromR"/>
                          </dgm:alg>
                        </dgm:else>
                      </dgm:choose>
                    </dgm:if>
                    <dgm:else name="Name102">
                      <dgm:choose name="Name103">
                        <dgm:if name="Name104" func="var" arg="dir" op="equ" val="norm">
                          <dgm:alg type="hierChild">
                            <dgm:param type="linDir" val="fromT"/>
                            <dgm:param type="chAlign" val="l"/>
                          </dgm:alg>
                        </dgm:if>
                        <dgm:else name="Name105">
                          <dgm:alg type="hierChild">
                            <dgm:param type="linDir" val="fromT"/>
                            <dgm:param type="chAlign" val="r"/>
                          </dgm:alg>
                        </dgm:else>
                      </dgm:choose>
                    </dgm:else>
                  </dgm:choose>
                  <dgm:shape xmlns:r="http://schemas.openxmlformats.org/officeDocument/2006/relationships" r:blip="">
                    <dgm:adjLst/>
                  </dgm:shape>
                  <dgm:presOf/>
                  <dgm:constrLst/>
                  <dgm:ruleLst/>
                  <dgm:forEach name="Name106" ref="rep2a"/>
                </dgm:layoutNode>
                <dgm:layoutNode name="hierChild5">
                  <dgm:choose name="Name107">
                    <dgm:if name="Name108" func="var" arg="dir" op="equ" val="norm">
                      <dgm:alg type="hierChild">
                        <dgm:param type="chAlign" val="l"/>
                        <dgm:param type="linDir" val="fromT"/>
                        <dgm:param type="secChAlign" val="t"/>
                        <dgm:param type="secLinDir" val="fromL"/>
                      </dgm:alg>
                    </dgm:if>
                    <dgm:else name="Name109">
                      <dgm:alg type="hierChild">
                        <dgm:param type="chAlign" val="r"/>
                        <dgm:param type="linDir" val="fromT"/>
                        <dgm:param type="secChAlign" val="t"/>
                        <dgm:param type="secLinDir" val="fromR"/>
                      </dgm:alg>
                    </dgm:else>
                  </dgm:choose>
                  <dgm:shape xmlns:r="http://schemas.openxmlformats.org/officeDocument/2006/relationships" r:blip="">
                    <dgm:adjLst/>
                  </dgm:shape>
                  <dgm:presOf/>
                  <dgm:constrLst/>
                  <dgm:ruleLst/>
                  <dgm:forEach name="Name110" ref="rep2b"/>
                </dgm:layoutNode>
              </dgm:layoutNode>
            </dgm:forEach>
          </dgm:layoutNode>
          <dgm:layoutNode name="hierChild3">
            <dgm:choose name="Name111">
              <dgm:if name="Name112" func="var" arg="dir" op="equ" val="norm">
                <dgm:alg type="hierChild">
                  <dgm:param type="chAlign" val="l"/>
                  <dgm:param type="linDir" val="fromT"/>
                  <dgm:param type="secChAlign" val="t"/>
                  <dgm:param type="secLinDir" val="fromL"/>
                </dgm:alg>
              </dgm:if>
              <dgm:else name="Name113">
                <dgm:alg type="hierChild">
                  <dgm:param type="chAlign" val="r"/>
                  <dgm:param type="linDir" val="fromT"/>
                  <dgm:param type="secChAlign" val="t"/>
                  <dgm:param type="secLinDir" val="fromR"/>
                </dgm:alg>
              </dgm:else>
            </dgm:choose>
            <dgm:shape xmlns:r="http://schemas.openxmlformats.org/officeDocument/2006/relationships" r:blip="">
              <dgm:adjLst/>
            </dgm:shape>
            <dgm:presOf/>
            <dgm:constrLst/>
            <dgm:ruleLst/>
            <dgm:forEach name="rep2b" axis="ch" ptType="asst">
              <dgm:forEach name="Name114" axis="precedSib" ptType="parTrans" st="-1" cnt="1">
                <dgm:layoutNode name="Name115">
                  <dgm:choose name="Name116">
                    <dgm:if name="Name117" func="var" arg="dir" op="equ" val="norm">
                      <dgm:alg type="conn">
                        <dgm:param type="connRout" val="bend"/>
                        <dgm:param type="dim" val="1D"/>
                        <dgm:param type="endSty" val="noArr"/>
                        <dgm:param type="begPts" val="midR"/>
                        <dgm:param type="endPts" val="bCtr tCtr"/>
                      </dgm:alg>
                    </dgm:if>
                    <dgm:else name="Name118">
                      <dgm:alg type="conn">
                        <dgm:param type="connRout" val="bend"/>
                        <dgm:param type="dim" val="1D"/>
                        <dgm:param type="endSty" val="noArr"/>
                        <dgm:param type="begPts" val="midL"/>
                        <dgm:param type="endPts" val="bCtr tCtr"/>
                      </dgm:alg>
                    </dgm:else>
                  </dgm:choose>
                  <dgm:shape xmlns:r="http://schemas.openxmlformats.org/officeDocument/2006/relationships" type="conn" r:blip="" zOrderOff="-99999">
                    <dgm:adjLst/>
                  </dgm:shape>
                  <dgm:presOf axis="self"/>
                  <dgm:constrLst>
                    <dgm:constr type="begPad"/>
                    <dgm:constr type="endPad"/>
                  </dgm:constrLst>
                  <dgm:ruleLst/>
                </dgm:layoutNode>
              </dgm:forEach>
              <dgm:layoutNode name="hierRoot3">
                <dgm:varLst>
                  <dgm:hierBranch val="init"/>
                </dgm:varLst>
                <dgm:choose name="Name119">
                  <dgm:if name="Name120" func="var" arg="hierBranch" op="equ" val="l">
                    <dgm:choose name="Name121">
                      <dgm:if name="Name122" func="var" arg="dir" op="equ" val="norm">
                        <dgm:alg type="hierRoot">
                          <dgm:param type="hierAlign" val="lT"/>
                        </dgm:alg>
                        <dgm:constrLst>
                          <dgm:constr type="alignOff" val="0.75"/>
                        </dgm:constrLst>
                      </dgm:if>
                      <dgm:else name="Name123">
                        <dgm:alg type="hierRoot">
                          <dgm:param type="hierAlign" val="rT"/>
                        </dgm:alg>
                        <dgm:constrLst>
                          <dgm:constr type="alignOff" val="0.75"/>
                        </dgm:constrLst>
                      </dgm:else>
                    </dgm:choose>
                  </dgm:if>
                  <dgm:if name="Name124" func="var" arg="hierBranch" op="equ" val="r">
                    <dgm:choose name="Name125">
                      <dgm:if name="Name126" func="var" arg="dir" op="equ" val="norm">
                        <dgm:alg type="hierRoot">
                          <dgm:param type="hierAlign" val="lB"/>
                        </dgm:alg>
                        <dgm:constrLst>
                          <dgm:constr type="alignOff" val="0.75"/>
                        </dgm:constrLst>
                      </dgm:if>
                      <dgm:else name="Name127">
                        <dgm:alg type="hierRoot">
                          <dgm:param type="hierAlign" val="rB"/>
                        </dgm:alg>
                        <dgm:constrLst>
                          <dgm:constr type="alignOff" val="0.75"/>
                        </dgm:constrLst>
                      </dgm:else>
                    </dgm:choose>
                  </dgm:if>
                  <dgm:if name="Name128" func="var" arg="hierBranch" op="equ" val="hang">
                    <dgm:choose name="Name129">
                      <dgm:if name="Name130" func="var" arg="dir" op="equ" val="norm">
                        <dgm:alg type="hierRoot">
                          <dgm:param type="hierAlign" val="lCtrCh"/>
                        </dgm:alg>
                        <dgm:constrLst>
                          <dgm:constr type="alignOff" val="0.65"/>
                        </dgm:constrLst>
                      </dgm:if>
                      <dgm:else name="Name131">
                        <dgm:alg type="hierRoot">
                          <dgm:param type="hierAlign" val="rCtrCh"/>
                        </dgm:alg>
                        <dgm:constrLst>
                          <dgm:constr type="alignOff" val="0.65"/>
                        </dgm:constrLst>
                      </dgm:else>
                    </dgm:choose>
                  </dgm:if>
                  <dgm:else name="Name132">
                    <dgm:choose name="Name133">
                      <dgm:if name="Name134" func="var" arg="dir" op="equ" val="norm">
                        <dgm:alg type="hierRoot">
                          <dgm:param type="hierAlign" val="lCtrCh"/>
                        </dgm:alg>
                        <dgm:constrLst>
                          <dgm:constr type="alignOff"/>
                          <dgm:constr type="bendDist" for="des" ptType="parTrans" refType="sp" fact="0.5"/>
                        </dgm:constrLst>
                      </dgm:if>
                      <dgm:else name="Name135">
                        <dgm:alg type="hierRoot">
                          <dgm:param type="hierAlign" val="rCtrCh"/>
                        </dgm:alg>
                        <dgm:constrLst>
                          <dgm:constr type="alignOff"/>
                          <dgm:constr type="bendDist" for="des" ptType="parTrans" refType="sp" fact="0.5"/>
                        </dgm:constrLst>
                      </dgm:else>
                    </dgm:choose>
                  </dgm:else>
                </dgm:choose>
                <dgm:shape xmlns:r="http://schemas.openxmlformats.org/officeDocument/2006/relationships" r:blip="">
                  <dgm:adjLst/>
                </dgm:shape>
                <dgm:presOf/>
                <dgm:ruleLst/>
                <dgm:layoutNode name="rootComposite3">
                  <dgm:alg type="composite"/>
                  <dgm:shape xmlns:r="http://schemas.openxmlformats.org/officeDocument/2006/relationships" r:blip="">
                    <dgm:adjLst/>
                  </dgm:shape>
                  <dgm:presOf axis="self" ptType="node" cnt="1"/>
                  <dgm:choose name="Name136">
                    <dgm:if name="Name137" func="var" arg="hierBranch" op="equ" val="init">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if name="Name138" func="var" arg="hierBranch" op="equ" val="l">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if>
                    <dgm:if name="Name139" func="var" arg="hierBranch" op="equ" val="r">
                      <dgm:constrLst>
                        <dgm:constr type="l" for="ch" forName="rootText3"/>
                        <dgm:constr type="t" for="ch" forName="rootText3"/>
                        <dgm:constr type="w" for="ch" forName="rootText3" refType="w"/>
                        <dgm:constr type="h" for="ch" forName="rootText3" refType="h"/>
                        <dgm:constr type="l" for="ch" forName="rootConnector3"/>
                        <dgm:constr type="t" for="ch" forName="rootConnector3"/>
                        <dgm:constr type="w" for="ch" forName="rootConnector3" refType="w" refFor="ch" refForName="rootText3" fact="0.2"/>
                        <dgm:constr type="h" for="ch" forName="rootConnector3" refType="h" refFor="ch" refForName="rootText3"/>
                      </dgm:constrLst>
                    </dgm:if>
                    <dgm:else name="Name140">
                      <dgm:constrLst>
                        <dgm:constr type="l" for="ch" forName="rootText3"/>
                        <dgm:constr type="t" for="ch" forName="rootText3"/>
                        <dgm:constr type="w" for="ch" forName="rootText3" refType="w"/>
                        <dgm:constr type="h" for="ch" forName="rootText3" refType="h"/>
                        <dgm:constr type="r" for="ch" forName="rootConnector3" refType="w"/>
                        <dgm:constr type="t" for="ch" forName="rootConnector3"/>
                        <dgm:constr type="w" for="ch" forName="rootConnector3" refType="w" refFor="ch" refForName="rootText3" fact="0.2"/>
                        <dgm:constr type="h" for="ch" forName="rootConnector3" refType="h" refFor="ch" refForName="rootText3"/>
                      </dgm:constrLst>
                    </dgm:else>
                  </dgm:choose>
                  <dgm:ruleLst/>
                  <dgm:layoutNode name="rootText3">
                    <dgm:varLst>
                      <dgm:chPref val="3"/>
                    </dgm:varLst>
                    <dgm:alg type="tx"/>
                    <dgm:shape xmlns:r="http://schemas.openxmlformats.org/officeDocument/2006/relationships" type="rect" r:blip="">
                      <dgm:adjLst/>
                    </dgm:shape>
                    <dgm:presOf axis="self" ptType="node" cnt="1"/>
                    <dgm:constrLst>
                      <dgm:constr type="primFontSz" val="65"/>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layoutNode name="rootConnector3" moveWith="rootText1">
                    <dgm:alg type="sp"/>
                    <dgm:shape xmlns:r="http://schemas.openxmlformats.org/officeDocument/2006/relationships" type="rect" r:blip="" hideGeom="1">
                      <dgm:adjLst/>
                    </dgm:shape>
                    <dgm:presOf axis="self" ptType="node" cnt="1"/>
                    <dgm:constrLst/>
                    <dgm:ruleLst/>
                  </dgm:layoutNode>
                </dgm:layoutNode>
                <dgm:layoutNode name="hierChild6">
                  <dgm:choose name="Name141">
                    <dgm:if name="Name142" func="var" arg="hierBranch" op="equ" val="l">
                      <dgm:choose name="Name143">
                        <dgm:if name="Name144" func="var" arg="dir" op="equ" val="norm">
                          <dgm:alg type="hierChild">
                            <dgm:param type="chAlign" val="t"/>
                            <dgm:param type="linDir" val="fromL"/>
                          </dgm:alg>
                        </dgm:if>
                        <dgm:else name="Name145">
                          <dgm:alg type="hierChild">
                            <dgm:param type="chAlign" val="t"/>
                            <dgm:param type="linDir" val="fromR"/>
                          </dgm:alg>
                        </dgm:else>
                      </dgm:choose>
                    </dgm:if>
                    <dgm:if name="Name146" func="var" arg="hierBranch" op="equ" val="r">
                      <dgm:choose name="Name147">
                        <dgm:if name="Name148" func="var" arg="dir" op="equ" val="norm">
                          <dgm:alg type="hierChild">
                            <dgm:param type="chAlign" val="b"/>
                            <dgm:param type="linDir" val="fromL"/>
                          </dgm:alg>
                        </dgm:if>
                        <dgm:else name="Name149">
                          <dgm:alg type="hierChild">
                            <dgm:param type="chAlign" val="b"/>
                            <dgm:param type="linDir" val="fromR"/>
                          </dgm:alg>
                        </dgm:else>
                      </dgm:choose>
                    </dgm:if>
                    <dgm:if name="Name150" func="var" arg="hierBranch" op="equ" val="hang">
                      <dgm:choose name="Name151">
                        <dgm:if name="Name152" func="var" arg="dir" op="equ" val="norm">
                          <dgm:alg type="hierChild">
                            <dgm:param type="chAlign" val="l"/>
                            <dgm:param type="linDir" val="fromT"/>
                            <dgm:param type="secChAlign" val="t"/>
                            <dgm:param type="secLinDir" val="fromL"/>
                          </dgm:alg>
                        </dgm:if>
                        <dgm:else name="Name153">
                          <dgm:alg type="hierChild">
                            <dgm:param type="chAlign" val="r"/>
                            <dgm:param type="linDir" val="fromT"/>
                            <dgm:param type="secChAlign" val="t"/>
                            <dgm:param type="secLinDir" val="fromR"/>
                          </dgm:alg>
                        </dgm:else>
                      </dgm:choose>
                    </dgm:if>
                    <dgm:else name="Name154">
                      <dgm:choose name="Name155">
                        <dgm:if name="Name156" func="var" arg="dir" op="equ" val="norm">
                          <dgm:alg type="hierChild">
                            <dgm:param type="linDir" val="fromT"/>
                            <dgm:param type="chAlign" val="l"/>
                          </dgm:alg>
                        </dgm:if>
                        <dgm:else name="Name157">
                          <dgm:alg type="hierChild">
                            <dgm:param type="linDir" val="fromT"/>
                            <dgm:param type="chAlign" val="r"/>
                          </dgm:alg>
                        </dgm:else>
                      </dgm:choose>
                    </dgm:else>
                  </dgm:choose>
                  <dgm:shape xmlns:r="http://schemas.openxmlformats.org/officeDocument/2006/relationships" r:blip="">
                    <dgm:adjLst/>
                  </dgm:shape>
                  <dgm:presOf/>
                  <dgm:constrLst/>
                  <dgm:ruleLst/>
                  <dgm:forEach name="Name158" ref="rep2a"/>
                </dgm:layoutNode>
                <dgm:layoutNode name="hierChild7">
                  <dgm:choose name="Name159">
                    <dgm:if name="Name160" func="var" arg="dir" op="equ" val="norm">
                      <dgm:alg type="hierChild">
                        <dgm:param type="chAlign" val="l"/>
                        <dgm:param type="linDir" val="fromT"/>
                        <dgm:param type="secChAlign" val="t"/>
                        <dgm:param type="secLinDir" val="fromL"/>
                      </dgm:alg>
                    </dgm:if>
                    <dgm:else name="Name161">
                      <dgm:alg type="hierChild">
                        <dgm:param type="chAlign" val="r"/>
                        <dgm:param type="linDir" val="fromT"/>
                        <dgm:param type="secChAlign" val="t"/>
                        <dgm:param type="secLinDir" val="fromR"/>
                      </dgm:alg>
                    </dgm:else>
                  </dgm:choose>
                  <dgm:shape xmlns:r="http://schemas.openxmlformats.org/officeDocument/2006/relationships" r:blip="">
                    <dgm:adjLst/>
                  </dgm:shape>
                  <dgm:presOf/>
                  <dgm:constrLst/>
                  <dgm:ruleLst/>
                  <dgm:forEach name="Name162" ref="rep2b"/>
                </dgm:layoutNode>
              </dgm:layoutNode>
            </dgm:forEach>
          </dgm:layoutNode>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jdelijke aanduiding voor koptekst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GB"/>
          </a:p>
        </p:txBody>
      </p:sp>
      <p:sp>
        <p:nvSpPr>
          <p:cNvPr id="3" name="Tijdelijke aanduiding voor datum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05F25DE2-B715-4EA4-8CF0-DA425EA806A7}" type="datetimeFigureOut">
              <a:rPr lang="en-GB" smtClean="0"/>
              <a:t>05/08/2024</a:t>
            </a:fld>
            <a:endParaRPr lang="en-GB"/>
          </a:p>
        </p:txBody>
      </p:sp>
      <p:sp>
        <p:nvSpPr>
          <p:cNvPr id="4" name="Tijdelijke aanduiding voor dia-afbeelding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GB"/>
          </a:p>
        </p:txBody>
      </p:sp>
      <p:sp>
        <p:nvSpPr>
          <p:cNvPr id="5" name="Tijdelijke aanduiding voor notities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nl-NL"/>
              <a:t>Klik om de modelstijlen te bewerken</a:t>
            </a:r>
          </a:p>
          <a:p>
            <a:pPr lvl="1"/>
            <a:r>
              <a:rPr lang="nl-NL"/>
              <a:t>Tweede niveau</a:t>
            </a:r>
          </a:p>
          <a:p>
            <a:pPr lvl="2"/>
            <a:r>
              <a:rPr lang="nl-NL"/>
              <a:t>Derde niveau</a:t>
            </a:r>
          </a:p>
          <a:p>
            <a:pPr lvl="3"/>
            <a:r>
              <a:rPr lang="nl-NL"/>
              <a:t>Vierde niveau</a:t>
            </a:r>
          </a:p>
          <a:p>
            <a:pPr lvl="4"/>
            <a:r>
              <a:rPr lang="nl-NL"/>
              <a:t>Vijfde niveau</a:t>
            </a:r>
            <a:endParaRPr lang="en-GB"/>
          </a:p>
        </p:txBody>
      </p:sp>
      <p:sp>
        <p:nvSpPr>
          <p:cNvPr id="6" name="Tijdelijke aanduiding voor voettekst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GB"/>
          </a:p>
        </p:txBody>
      </p:sp>
      <p:sp>
        <p:nvSpPr>
          <p:cNvPr id="7" name="Tijdelijke aanduiding voor dianumm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AA799BBE-B871-48D7-983C-C0B1D7156DCD}" type="slidenum">
              <a:rPr lang="en-GB" smtClean="0"/>
              <a:t>‹#›</a:t>
            </a:fld>
            <a:endParaRPr lang="en-GB"/>
          </a:p>
        </p:txBody>
      </p:sp>
    </p:spTree>
    <p:extLst>
      <p:ext uri="{BB962C8B-B14F-4D97-AF65-F5344CB8AC3E}">
        <p14:creationId xmlns:p14="http://schemas.microsoft.com/office/powerpoint/2010/main" val="1433719315"/>
      </p:ext>
    </p:extLst>
  </p:cSld>
  <p:clrMap bg1="lt1" tx1="dk1" bg2="lt2" tx2="dk2" accent1="accent1" accent2="accent2" accent3="accent3" accent4="accent4" accent5="accent5" accent6="accent6" hlink="hlink" folHlink="folHlink"/>
  <p:notesStyle>
    <a:lvl1pPr marL="0" algn="l" defTabSz="685800" rtl="0" eaLnBrk="1" latinLnBrk="0" hangingPunct="1">
      <a:defRPr sz="900" kern="1200">
        <a:solidFill>
          <a:schemeClr val="tx1"/>
        </a:solidFill>
        <a:latin typeface="+mn-lt"/>
        <a:ea typeface="+mn-ea"/>
        <a:cs typeface="+mn-cs"/>
      </a:defRPr>
    </a:lvl1pPr>
    <a:lvl2pPr marL="342900" algn="l" defTabSz="685800" rtl="0" eaLnBrk="1" latinLnBrk="0" hangingPunct="1">
      <a:defRPr sz="900" kern="1200">
        <a:solidFill>
          <a:schemeClr val="tx1"/>
        </a:solidFill>
        <a:latin typeface="+mn-lt"/>
        <a:ea typeface="+mn-ea"/>
        <a:cs typeface="+mn-cs"/>
      </a:defRPr>
    </a:lvl2pPr>
    <a:lvl3pPr marL="685800" algn="l" defTabSz="685800" rtl="0" eaLnBrk="1" latinLnBrk="0" hangingPunct="1">
      <a:defRPr sz="900" kern="1200">
        <a:solidFill>
          <a:schemeClr val="tx1"/>
        </a:solidFill>
        <a:latin typeface="+mn-lt"/>
        <a:ea typeface="+mn-ea"/>
        <a:cs typeface="+mn-cs"/>
      </a:defRPr>
    </a:lvl3pPr>
    <a:lvl4pPr marL="1028700" algn="l" defTabSz="685800" rtl="0" eaLnBrk="1" latinLnBrk="0" hangingPunct="1">
      <a:defRPr sz="900" kern="1200">
        <a:solidFill>
          <a:schemeClr val="tx1"/>
        </a:solidFill>
        <a:latin typeface="+mn-lt"/>
        <a:ea typeface="+mn-ea"/>
        <a:cs typeface="+mn-cs"/>
      </a:defRPr>
    </a:lvl4pPr>
    <a:lvl5pPr marL="1371600" algn="l" defTabSz="685800" rtl="0" eaLnBrk="1" latinLnBrk="0" hangingPunct="1">
      <a:defRPr sz="900" kern="1200">
        <a:solidFill>
          <a:schemeClr val="tx1"/>
        </a:solidFill>
        <a:latin typeface="+mn-lt"/>
        <a:ea typeface="+mn-ea"/>
        <a:cs typeface="+mn-cs"/>
      </a:defRPr>
    </a:lvl5pPr>
    <a:lvl6pPr marL="1714500" algn="l" defTabSz="685800" rtl="0" eaLnBrk="1" latinLnBrk="0" hangingPunct="1">
      <a:defRPr sz="900" kern="1200">
        <a:solidFill>
          <a:schemeClr val="tx1"/>
        </a:solidFill>
        <a:latin typeface="+mn-lt"/>
        <a:ea typeface="+mn-ea"/>
        <a:cs typeface="+mn-cs"/>
      </a:defRPr>
    </a:lvl6pPr>
    <a:lvl7pPr marL="2057400" algn="l" defTabSz="685800" rtl="0" eaLnBrk="1" latinLnBrk="0" hangingPunct="1">
      <a:defRPr sz="900" kern="1200">
        <a:solidFill>
          <a:schemeClr val="tx1"/>
        </a:solidFill>
        <a:latin typeface="+mn-lt"/>
        <a:ea typeface="+mn-ea"/>
        <a:cs typeface="+mn-cs"/>
      </a:defRPr>
    </a:lvl7pPr>
    <a:lvl8pPr marL="2400300" algn="l" defTabSz="685800" rtl="0" eaLnBrk="1" latinLnBrk="0" hangingPunct="1">
      <a:defRPr sz="900" kern="1200">
        <a:solidFill>
          <a:schemeClr val="tx1"/>
        </a:solidFill>
        <a:latin typeface="+mn-lt"/>
        <a:ea typeface="+mn-ea"/>
        <a:cs typeface="+mn-cs"/>
      </a:defRPr>
    </a:lvl8pPr>
    <a:lvl9pPr marL="2743200" algn="l" defTabSz="685800" rtl="0" eaLnBrk="1" latinLnBrk="0" hangingPunct="1">
      <a:defRPr sz="9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GB" sz="1400" dirty="0">
              <a:latin typeface="Amasis MT Pro Light" panose="020B0604020202020204" pitchFamily="18" charset="0"/>
              <a:cs typeface="Aharoni" panose="02010803020104030203" pitchFamily="2" charset="-79"/>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85935267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0</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47160639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1</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27848697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2</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425726142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3</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63457414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4</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15153955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5</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63665043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6</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6364500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7</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94750132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8</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96720313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9</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87514455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2</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10102402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20</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57697306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21</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420548718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22</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084583483"/>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23</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584788798"/>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24</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754141630"/>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25</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625024098"/>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endParaRPr lang="en-GB" dirty="0"/>
          </a:p>
        </p:txBody>
      </p:sp>
      <p:sp>
        <p:nvSpPr>
          <p:cNvPr id="4" name="Tijdelijke aanduiding voor dianummer 3"/>
          <p:cNvSpPr>
            <a:spLocks noGrp="1"/>
          </p:cNvSpPr>
          <p:nvPr>
            <p:ph type="sldNum" sz="quarter" idx="10"/>
          </p:nvPr>
        </p:nvSpPr>
        <p:spPr/>
        <p:txBody>
          <a:bodyPr/>
          <a:lstStyle/>
          <a:p>
            <a:fld id="{AA799BBE-B871-48D7-983C-C0B1D7156DCD}" type="slidenum">
              <a:rPr lang="en-GB" smtClean="0"/>
              <a:t>26</a:t>
            </a:fld>
            <a:endParaRPr lang="en-GB"/>
          </a:p>
        </p:txBody>
      </p:sp>
    </p:spTree>
    <p:extLst>
      <p:ext uri="{BB962C8B-B14F-4D97-AF65-F5344CB8AC3E}">
        <p14:creationId xmlns:p14="http://schemas.microsoft.com/office/powerpoint/2010/main" val="147251934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3</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73896715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4</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68011202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5</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53765122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6</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356923900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7</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81698752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8</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108059791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jdelijke aanduiding voor dia-afbeelding 1"/>
          <p:cNvSpPr>
            <a:spLocks noGrp="1" noRot="1" noChangeAspect="1"/>
          </p:cNvSpPr>
          <p:nvPr>
            <p:ph type="sldImg"/>
          </p:nvPr>
        </p:nvSpPr>
        <p:spPr/>
      </p:sp>
      <p:sp>
        <p:nvSpPr>
          <p:cNvPr id="3" name="Tijdelijke aanduiding voor notities 2"/>
          <p:cNvSpPr>
            <a:spLocks noGrp="1"/>
          </p:cNvSpPr>
          <p:nvPr>
            <p:ph type="body" idx="1"/>
          </p:nvPr>
        </p:nvSpPr>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endParaRPr lang="en-US" sz="1800" strike="noStrike" kern="1200" dirty="0">
              <a:effectLst/>
              <a:latin typeface="Calibri" panose="020F0502020204030204" pitchFamily="34" charset="0"/>
              <a:ea typeface="Times New Roman" panose="02020603050405020304" pitchFamily="18" charset="0"/>
              <a:cs typeface="Calibri" panose="020F0502020204030204" pitchFamily="34" charset="0"/>
            </a:endParaRPr>
          </a:p>
        </p:txBody>
      </p:sp>
      <p:sp>
        <p:nvSpPr>
          <p:cNvPr id="4" name="Tijdelijke aanduiding voor dianummer 3"/>
          <p:cNvSpPr>
            <a:spLocks noGrp="1"/>
          </p:cNvSpPr>
          <p:nvPr>
            <p:ph type="sldNum" sz="quarter" idx="10"/>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AA799BBE-B871-48D7-983C-C0B1D7156DCD}" type="slidenum">
              <a:rPr kumimoji="0" lang="en-GB"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9</a:t>
            </a:fld>
            <a:endParaRPr kumimoji="0" lang="en-GB"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884952093"/>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Title slide - Title at the top">
    <p:spTree>
      <p:nvGrpSpPr>
        <p:cNvPr id="1" name=""/>
        <p:cNvGrpSpPr/>
        <p:nvPr/>
      </p:nvGrpSpPr>
      <p:grpSpPr>
        <a:xfrm>
          <a:off x="0" y="0"/>
          <a:ext cx="0" cy="0"/>
          <a:chOff x="0" y="0"/>
          <a:chExt cx="0" cy="0"/>
        </a:xfrm>
      </p:grpSpPr>
      <p:sp>
        <p:nvSpPr>
          <p:cNvPr id="10" name="Black75"/>
          <p:cNvSpPr/>
          <p:nvPr userDrawn="1"/>
        </p:nvSpPr>
        <p:spPr>
          <a:xfrm>
            <a:off x="0" y="756000"/>
            <a:ext cx="9144000" cy="1080000"/>
          </a:xfrm>
          <a:prstGeom prst="rect">
            <a:avLst/>
          </a:prstGeom>
          <a:solidFill>
            <a:schemeClr val="tx1">
              <a:alpha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 name="Title 1"/>
          <p:cNvSpPr>
            <a:spLocks noGrp="1"/>
          </p:cNvSpPr>
          <p:nvPr>
            <p:ph type="ctrTitle" hasCustomPrompt="1"/>
          </p:nvPr>
        </p:nvSpPr>
        <p:spPr>
          <a:xfrm>
            <a:off x="-1" y="756049"/>
            <a:ext cx="9143999" cy="792000"/>
          </a:xfrm>
          <a:solidFill>
            <a:schemeClr val="tx2">
              <a:alpha val="50000"/>
            </a:schemeClr>
          </a:solidFill>
        </p:spPr>
        <p:txBody>
          <a:bodyPr lIns="756000" rIns="1962000" anchor="ctr"/>
          <a:lstStyle>
            <a:lvl1pPr algn="l">
              <a:lnSpc>
                <a:spcPts val="2300"/>
              </a:lnSpc>
              <a:defRPr sz="2200" baseline="0">
                <a:solidFill>
                  <a:schemeClr val="bg1"/>
                </a:solidFill>
              </a:defRPr>
            </a:lvl1pPr>
          </a:lstStyle>
          <a:p>
            <a:r>
              <a:rPr lang="en-GB"/>
              <a:t>Example of a title at the top</a:t>
            </a:r>
          </a:p>
        </p:txBody>
      </p:sp>
      <p:sp>
        <p:nvSpPr>
          <p:cNvPr id="3" name="Subtitle 2"/>
          <p:cNvSpPr>
            <a:spLocks noGrp="1"/>
          </p:cNvSpPr>
          <p:nvPr>
            <p:ph type="subTitle" idx="1" hasCustomPrompt="1"/>
          </p:nvPr>
        </p:nvSpPr>
        <p:spPr>
          <a:xfrm>
            <a:off x="-1" y="1548000"/>
            <a:ext cx="9143999" cy="288000"/>
          </a:xfrm>
          <a:solidFill>
            <a:schemeClr val="tx2">
              <a:alpha val="50000"/>
            </a:schemeClr>
          </a:solidFill>
          <a:ln>
            <a:noFill/>
          </a:ln>
        </p:spPr>
        <p:txBody>
          <a:bodyPr wrap="none" lIns="756000" tIns="18000" rIns="1962000"/>
          <a:lstStyle>
            <a:lvl1pPr marL="0" indent="0" algn="l">
              <a:buNone/>
              <a:defRPr sz="1000" b="1" cap="all" baseline="0">
                <a:solidFill>
                  <a:schemeClr val="bg1"/>
                </a:solidFill>
              </a:defRPr>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en-GB"/>
              <a:t>SUBTITLE OR DATE</a:t>
            </a:r>
          </a:p>
        </p:txBody>
      </p:sp>
      <p:pic>
        <p:nvPicPr>
          <p:cNvPr id="7" name="Picture 2">
            <a:extLst>
              <a:ext uri="{FF2B5EF4-FFF2-40B4-BE49-F238E27FC236}">
                <a16:creationId xmlns:a16="http://schemas.microsoft.com/office/drawing/2014/main" id="{521D38FC-6D70-0146-84E1-32B3F0A2D642}"/>
              </a:ext>
            </a:extLst>
          </p:cNvPr>
          <p:cNvPicPr>
            <a:picLocks noChangeAspect="1"/>
          </p:cNvPicPr>
          <p:nvPr userDrawn="1"/>
        </p:nvPicPr>
        <p:blipFill>
          <a:blip r:embed="rId2"/>
          <a:stretch>
            <a:fillRect/>
          </a:stretch>
        </p:blipFill>
        <p:spPr>
          <a:xfrm>
            <a:off x="7340600" y="4568825"/>
            <a:ext cx="1803400" cy="574675"/>
          </a:xfrm>
          <a:prstGeom prst="rect">
            <a:avLst/>
          </a:prstGeom>
        </p:spPr>
      </p:pic>
      <p:sp>
        <p:nvSpPr>
          <p:cNvPr id="9" name="Tijdelijke aanduiding voor tekst 8"/>
          <p:cNvSpPr>
            <a:spLocks noGrp="1"/>
          </p:cNvSpPr>
          <p:nvPr>
            <p:ph type="body" sz="quarter" idx="13" hasCustomPrompt="1"/>
          </p:nvPr>
        </p:nvSpPr>
        <p:spPr>
          <a:xfrm>
            <a:off x="0" y="3990975"/>
            <a:ext cx="9143999" cy="576263"/>
          </a:xfrm>
          <a:solidFill>
            <a:srgbClr val="000000">
              <a:alpha val="25000"/>
            </a:srgbClr>
          </a:solidFill>
          <a:ln>
            <a:noFill/>
          </a:ln>
        </p:spPr>
        <p:txBody>
          <a:bodyPr lIns="756000" anchor="ctr" anchorCtr="0"/>
          <a:lstStyle>
            <a:lvl1pPr>
              <a:defRPr sz="1100" b="1">
                <a:solidFill>
                  <a:schemeClr val="bg1"/>
                </a:solidFill>
              </a:defRPr>
            </a:lvl1pPr>
          </a:lstStyle>
          <a:p>
            <a:pPr lvl="0"/>
            <a:r>
              <a:rPr lang="en-GB"/>
              <a:t>Name, Function</a:t>
            </a:r>
          </a:p>
        </p:txBody>
      </p:sp>
      <p:sp>
        <p:nvSpPr>
          <p:cNvPr id="11" name="Tijdelijke aanduiding voor tekst 8"/>
          <p:cNvSpPr>
            <a:spLocks noGrp="1"/>
          </p:cNvSpPr>
          <p:nvPr>
            <p:ph type="body" sz="quarter" idx="14" hasCustomPrompt="1"/>
          </p:nvPr>
        </p:nvSpPr>
        <p:spPr>
          <a:xfrm>
            <a:off x="-6667" y="4567237"/>
            <a:ext cx="7347267" cy="576263"/>
          </a:xfrm>
          <a:solidFill>
            <a:srgbClr val="FFFFFF"/>
          </a:solidFill>
          <a:ln>
            <a:noFill/>
          </a:ln>
        </p:spPr>
        <p:txBody>
          <a:bodyPr lIns="756000" anchor="ctr" anchorCtr="0"/>
          <a:lstStyle>
            <a:lvl1pPr>
              <a:defRPr sz="1100" b="0" baseline="0">
                <a:solidFill>
                  <a:schemeClr val="tx1"/>
                </a:solidFill>
              </a:defRPr>
            </a:lvl1pPr>
          </a:lstStyle>
          <a:p>
            <a:pPr lvl="0"/>
            <a:r>
              <a:rPr lang="en-GB"/>
              <a:t>Department, Sub department or Capacity Group</a:t>
            </a:r>
          </a:p>
        </p:txBody>
      </p:sp>
    </p:spTree>
    <p:extLst>
      <p:ext uri="{BB962C8B-B14F-4D97-AF65-F5344CB8AC3E}">
        <p14:creationId xmlns:p14="http://schemas.microsoft.com/office/powerpoint/2010/main" val="1644222885"/>
      </p:ext>
    </p:extLst>
  </p:cSld>
  <p:clrMapOvr>
    <a:masterClrMapping/>
  </p:clrMapOvr>
  <p:transition spd="med">
    <p:pull/>
  </p:transition>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2 image - 1/2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723518" y="586800"/>
            <a:ext cx="3600000" cy="732238"/>
          </a:xfrm>
        </p:spPr>
        <p:txBody>
          <a:bodyPr/>
          <a:lstStyle>
            <a:lvl1pPr>
              <a:lnSpc>
                <a:spcPct val="100000"/>
              </a:lnSpc>
              <a:defRPr sz="1950" b="0" baseline="0"/>
            </a:lvl1pPr>
          </a:lstStyle>
          <a:p>
            <a:r>
              <a:rPr lang="en-GB"/>
              <a:t>This is an example of 19,5 </a:t>
            </a:r>
            <a:r>
              <a:rPr lang="en-GB" err="1"/>
              <a:t>pt</a:t>
            </a:r>
            <a:r>
              <a:rPr lang="en-GB"/>
              <a:t> text with single line spacing</a:t>
            </a:r>
          </a:p>
        </p:txBody>
      </p:sp>
      <p:sp>
        <p:nvSpPr>
          <p:cNvPr id="3" name="Content Placeholder 2"/>
          <p:cNvSpPr>
            <a:spLocks noGrp="1"/>
          </p:cNvSpPr>
          <p:nvPr>
            <p:ph sz="half" idx="1" hasCustomPrompt="1"/>
          </p:nvPr>
        </p:nvSpPr>
        <p:spPr>
          <a:xfrm>
            <a:off x="4720343" y="1295401"/>
            <a:ext cx="3598863" cy="2933700"/>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10" name="Tijdelijke aanduiding voor afbeelding 9"/>
          <p:cNvSpPr>
            <a:spLocks noGrp="1"/>
          </p:cNvSpPr>
          <p:nvPr>
            <p:ph type="pic" sz="quarter" idx="13" hasCustomPrompt="1"/>
          </p:nvPr>
        </p:nvSpPr>
        <p:spPr>
          <a:xfrm>
            <a:off x="0" y="0"/>
            <a:ext cx="4354513" cy="4567238"/>
          </a:xfrm>
        </p:spPr>
        <p:txBody>
          <a:bodyPr/>
          <a:lstStyle>
            <a:lvl1pPr marL="0" marR="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lvl1pPr>
          </a:lstStyle>
          <a:p>
            <a:pPr marL="0" marR="0" lvl="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pPr>
            <a:r>
              <a:rPr lang="en-GB"/>
              <a:t>Click to insert image</a:t>
            </a:r>
          </a:p>
        </p:txBody>
      </p:sp>
    </p:spTree>
    <p:extLst>
      <p:ext uri="{BB962C8B-B14F-4D97-AF65-F5344CB8AC3E}">
        <p14:creationId xmlns:p14="http://schemas.microsoft.com/office/powerpoint/2010/main" val="1887270595"/>
      </p:ext>
    </p:extLst>
  </p:cSld>
  <p:clrMapOvr>
    <a:masterClrMapping/>
  </p:clrMapOvr>
  <p:transition spd="med">
    <p:pull/>
  </p:transition>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3 image - 2/3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494405" y="586800"/>
            <a:ext cx="4820920" cy="732238"/>
          </a:xfrm>
        </p:spPr>
        <p:txBody>
          <a:bodyPr/>
          <a:lstStyle>
            <a:lvl1pPr>
              <a:lnSpc>
                <a:spcPct val="100000"/>
              </a:lnSpc>
              <a:defRPr sz="1950" b="0" baseline="0"/>
            </a:lvl1pPr>
          </a:lstStyle>
          <a:p>
            <a:r>
              <a:rPr lang="en-GB"/>
              <a:t>This is an example of 19,5 </a:t>
            </a:r>
            <a:r>
              <a:rPr lang="en-GB" err="1"/>
              <a:t>pt</a:t>
            </a:r>
            <a:r>
              <a:rPr lang="en-GB"/>
              <a:t> text with single line spacing</a:t>
            </a:r>
          </a:p>
        </p:txBody>
      </p:sp>
      <p:sp>
        <p:nvSpPr>
          <p:cNvPr id="3" name="Content Placeholder 2"/>
          <p:cNvSpPr>
            <a:spLocks noGrp="1"/>
          </p:cNvSpPr>
          <p:nvPr>
            <p:ph sz="half" idx="1" hasCustomPrompt="1"/>
          </p:nvPr>
        </p:nvSpPr>
        <p:spPr>
          <a:xfrm>
            <a:off x="3491230" y="1295401"/>
            <a:ext cx="4824095" cy="2933700"/>
          </a:xfrm>
        </p:spPr>
        <p:txBody>
          <a:bodyPr/>
          <a:lstStyle>
            <a:lvl1pPr>
              <a:defRPr baseline="0"/>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10" name="Tijdelijke aanduiding voor afbeelding 9"/>
          <p:cNvSpPr>
            <a:spLocks noGrp="1"/>
          </p:cNvSpPr>
          <p:nvPr>
            <p:ph type="pic" sz="quarter" idx="13" hasCustomPrompt="1"/>
          </p:nvPr>
        </p:nvSpPr>
        <p:spPr>
          <a:xfrm>
            <a:off x="0" y="0"/>
            <a:ext cx="3022600" cy="4567238"/>
          </a:xfrm>
        </p:spPr>
        <p:txBody>
          <a:bodyPr/>
          <a:lstStyle/>
          <a:p>
            <a:r>
              <a:rPr lang="en-GB"/>
              <a:t>Click to insert image</a:t>
            </a:r>
          </a:p>
        </p:txBody>
      </p:sp>
    </p:spTree>
    <p:extLst>
      <p:ext uri="{BB962C8B-B14F-4D97-AF65-F5344CB8AC3E}">
        <p14:creationId xmlns:p14="http://schemas.microsoft.com/office/powerpoint/2010/main" val="681225933"/>
      </p:ext>
    </p:extLst>
  </p:cSld>
  <p:clrMapOvr>
    <a:masterClrMapping/>
  </p:clrMapOvr>
  <p:transition spd="med">
    <p:pull/>
  </p:transition>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Heading + full screen dark imag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8825" y="518400"/>
            <a:ext cx="7556500" cy="733827"/>
          </a:xfrm>
        </p:spPr>
        <p:txBody>
          <a:bodyPr/>
          <a:lstStyle>
            <a:lvl1pPr>
              <a:defRPr baseline="0">
                <a:solidFill>
                  <a:schemeClr val="bg1"/>
                </a:solidFill>
              </a:defRPr>
            </a:lvl1pPr>
          </a:lstStyle>
          <a:p>
            <a:r>
              <a:rPr lang="en-GB"/>
              <a:t>This is an example of a white headline on a full screen, dark image</a:t>
            </a:r>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Tree>
    <p:extLst>
      <p:ext uri="{BB962C8B-B14F-4D97-AF65-F5344CB8AC3E}">
        <p14:creationId xmlns:p14="http://schemas.microsoft.com/office/powerpoint/2010/main" val="770151246"/>
      </p:ext>
    </p:extLst>
  </p:cSld>
  <p:clrMapOvr>
    <a:masterClrMapping/>
  </p:clrMapOvr>
  <p:transition spd="med">
    <p:pull/>
  </p:transition>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Heading + full screen light imag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8825" y="518400"/>
            <a:ext cx="7556500" cy="733827"/>
          </a:xfrm>
        </p:spPr>
        <p:txBody>
          <a:bodyPr/>
          <a:lstStyle>
            <a:lvl1pPr>
              <a:defRPr baseline="0">
                <a:solidFill>
                  <a:schemeClr val="tx1"/>
                </a:solidFill>
              </a:defRPr>
            </a:lvl1pPr>
          </a:lstStyle>
          <a:p>
            <a:r>
              <a:rPr lang="en-GB"/>
              <a:t>This is an example of a black headline on a full screen, light image</a:t>
            </a:r>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Tree>
    <p:extLst>
      <p:ext uri="{BB962C8B-B14F-4D97-AF65-F5344CB8AC3E}">
        <p14:creationId xmlns:p14="http://schemas.microsoft.com/office/powerpoint/2010/main" val="2696832890"/>
      </p:ext>
    </p:extLst>
  </p:cSld>
  <p:clrMapOvr>
    <a:masterClrMapping/>
  </p:clrMapOvr>
  <p:transition spd="med">
    <p:pull/>
  </p:transition>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White background">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8825" y="518400"/>
            <a:ext cx="7556500" cy="733827"/>
          </a:xfrm>
        </p:spPr>
        <p:txBody>
          <a:bodyPr/>
          <a:lstStyle>
            <a:lvl1pPr>
              <a:defRPr baseline="0">
                <a:solidFill>
                  <a:schemeClr val="tx1"/>
                </a:solidFill>
              </a:defRPr>
            </a:lvl1pPr>
          </a:lstStyle>
          <a:p>
            <a:r>
              <a:rPr lang="en-GB"/>
              <a:t>This is an example of a black headline on a white background</a:t>
            </a:r>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cxnSp>
        <p:nvCxnSpPr>
          <p:cNvPr id="7" name="Rechte verbindingslijn 6"/>
          <p:cNvCxnSpPr/>
          <p:nvPr userDrawn="1"/>
        </p:nvCxnSpPr>
        <p:spPr>
          <a:xfrm>
            <a:off x="0" y="4563782"/>
            <a:ext cx="9144000" cy="0"/>
          </a:xfrm>
          <a:prstGeom prst="line">
            <a:avLst/>
          </a:prstGeom>
          <a:ln w="3175">
            <a:solidFill>
              <a:schemeClr val="tx1"/>
            </a:solidFill>
          </a:ln>
        </p:spPr>
        <p:style>
          <a:lnRef idx="1">
            <a:schemeClr val="accent1"/>
          </a:lnRef>
          <a:fillRef idx="0">
            <a:schemeClr val="accent1"/>
          </a:fillRef>
          <a:effectRef idx="0">
            <a:schemeClr val="accent1"/>
          </a:effectRef>
          <a:fontRef idx="minor">
            <a:schemeClr val="tx1"/>
          </a:fontRef>
        </p:style>
      </p:cxnSp>
      <p:sp>
        <p:nvSpPr>
          <p:cNvPr id="9" name="Tijdelijke aanduiding voor afbeelding 8"/>
          <p:cNvSpPr>
            <a:spLocks noGrp="1"/>
          </p:cNvSpPr>
          <p:nvPr>
            <p:ph type="pic" sz="quarter" idx="13" hasCustomPrompt="1"/>
          </p:nvPr>
        </p:nvSpPr>
        <p:spPr>
          <a:xfrm>
            <a:off x="1890000" y="1299075"/>
            <a:ext cx="5292725" cy="2977200"/>
          </a:xfrm>
        </p:spPr>
        <p:txBody>
          <a:bodyPr/>
          <a:lstStyle>
            <a:lvl1pPr marL="0" marR="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lvl1pPr>
          </a:lstStyle>
          <a:p>
            <a:pPr marL="0" marR="0" lvl="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pPr>
            <a:r>
              <a:rPr lang="en-GB"/>
              <a:t>Click to insert image</a:t>
            </a:r>
          </a:p>
          <a:p>
            <a:endParaRPr lang="en-GB"/>
          </a:p>
        </p:txBody>
      </p:sp>
    </p:spTree>
    <p:extLst>
      <p:ext uri="{BB962C8B-B14F-4D97-AF65-F5344CB8AC3E}">
        <p14:creationId xmlns:p14="http://schemas.microsoft.com/office/powerpoint/2010/main" val="3881866835"/>
      </p:ext>
    </p:extLst>
  </p:cSld>
  <p:clrMapOvr>
    <a:masterClrMapping/>
  </p:clrMapOvr>
  <p:transition spd="med">
    <p:pull/>
  </p:transition>
</p:sldLayout>
</file>

<file path=ppt/slideLayouts/slideLayout15.xml><?xml version="1.0" encoding="utf-8"?>
<p:sldLayout xmlns:a="http://schemas.openxmlformats.org/drawingml/2006/main" xmlns:r="http://schemas.openxmlformats.org/officeDocument/2006/relationships" xmlns:p="http://schemas.openxmlformats.org/presentationml/2006/main" type="obj" preserve="1">
  <p:cSld name="Scarlet background">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solidFill>
                  <a:schemeClr val="bg1"/>
                </a:solidFill>
              </a:defRPr>
            </a:lvl1pPr>
          </a:lstStyle>
          <a:p>
            <a:r>
              <a:rPr lang="en-GB"/>
              <a:t>This is an example of a 27 </a:t>
            </a:r>
            <a:r>
              <a:rPr lang="en-GB" err="1"/>
              <a:t>pt</a:t>
            </a:r>
            <a:r>
              <a:rPr lang="en-GB"/>
              <a:t> headline with 27 </a:t>
            </a:r>
            <a:r>
              <a:rPr lang="en-GB" err="1"/>
              <a:t>pt</a:t>
            </a:r>
            <a:r>
              <a:rPr lang="en-GB"/>
              <a:t> line spacing</a:t>
            </a:r>
          </a:p>
        </p:txBody>
      </p:sp>
      <p:sp>
        <p:nvSpPr>
          <p:cNvPr id="3" name="Content Placeholder 2"/>
          <p:cNvSpPr>
            <a:spLocks noGrp="1"/>
          </p:cNvSpPr>
          <p:nvPr>
            <p:ph idx="1" hasCustomPrompt="1"/>
          </p:nvPr>
        </p:nvSpPr>
        <p:spPr/>
        <p:txBody>
          <a:bodyPr/>
          <a:lstStyle>
            <a:lvl1pPr>
              <a:defRPr baseline="0">
                <a:solidFill>
                  <a:schemeClr val="bg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Tree>
    <p:extLst>
      <p:ext uri="{BB962C8B-B14F-4D97-AF65-F5344CB8AC3E}">
        <p14:creationId xmlns:p14="http://schemas.microsoft.com/office/powerpoint/2010/main" val="2533965812"/>
      </p:ext>
    </p:extLst>
  </p:cSld>
  <p:clrMapOvr>
    <a:masterClrMapping/>
  </p:clrMapOvr>
  <p:transition spd="med">
    <p:pull/>
  </p:transition>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able +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5650" y="586800"/>
            <a:ext cx="7563556" cy="516339"/>
          </a:xfrm>
        </p:spPr>
        <p:txBody>
          <a:bodyPr wrap="none"/>
          <a:lstStyle>
            <a:lvl1pPr>
              <a:lnSpc>
                <a:spcPct val="100000"/>
              </a:lnSpc>
              <a:defRPr sz="1950" b="0" baseline="0"/>
            </a:lvl1pPr>
          </a:lstStyle>
          <a:p>
            <a:r>
              <a:rPr lang="en-US"/>
              <a:t>Sample slide with table and text</a:t>
            </a:r>
            <a:endParaRPr lang="en-GB"/>
          </a:p>
        </p:txBody>
      </p:sp>
      <p:sp>
        <p:nvSpPr>
          <p:cNvPr id="3" name="Content Placeholder 2"/>
          <p:cNvSpPr>
            <a:spLocks noGrp="1"/>
          </p:cNvSpPr>
          <p:nvPr>
            <p:ph sz="half" idx="1" hasCustomPrompt="1"/>
          </p:nvPr>
        </p:nvSpPr>
        <p:spPr>
          <a:xfrm>
            <a:off x="755651" y="2638425"/>
            <a:ext cx="7563556" cy="1590675"/>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8" name="Tijdelijke aanduiding voor tabel 7"/>
          <p:cNvSpPr>
            <a:spLocks noGrp="1"/>
          </p:cNvSpPr>
          <p:nvPr>
            <p:ph type="tbl" sz="quarter" idx="13" hasCustomPrompt="1"/>
          </p:nvPr>
        </p:nvSpPr>
        <p:spPr>
          <a:xfrm>
            <a:off x="755650" y="1079501"/>
            <a:ext cx="7559675" cy="1152000"/>
          </a:xfrm>
        </p:spPr>
        <p:txBody>
          <a:bodyPr/>
          <a:lstStyle>
            <a:lvl1pPr>
              <a:defRPr/>
            </a:lvl1pPr>
          </a:lstStyle>
          <a:p>
            <a:r>
              <a:rPr lang="en-GB"/>
              <a:t>Click to insert table</a:t>
            </a:r>
          </a:p>
        </p:txBody>
      </p:sp>
    </p:spTree>
    <p:extLst>
      <p:ext uri="{BB962C8B-B14F-4D97-AF65-F5344CB8AC3E}">
        <p14:creationId xmlns:p14="http://schemas.microsoft.com/office/powerpoint/2010/main" val="2399389683"/>
      </p:ext>
    </p:extLst>
  </p:cSld>
  <p:clrMapOvr>
    <a:masterClrMapping/>
  </p:clrMapOvr>
  <p:transition spd="med">
    <p:pull/>
  </p:transition>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Cha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5650" y="586800"/>
            <a:ext cx="7563556" cy="516339"/>
          </a:xfrm>
        </p:spPr>
        <p:txBody>
          <a:bodyPr wrap="none"/>
          <a:lstStyle>
            <a:lvl1pPr>
              <a:lnSpc>
                <a:spcPct val="100000"/>
              </a:lnSpc>
              <a:defRPr sz="1950" b="0" baseline="0"/>
            </a:lvl1pPr>
          </a:lstStyle>
          <a:p>
            <a:r>
              <a:rPr lang="en-GB"/>
              <a:t>Example chart</a:t>
            </a:r>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9" name="Tijdelijke aanduiding voor grafiek 8"/>
          <p:cNvSpPr>
            <a:spLocks noGrp="1"/>
          </p:cNvSpPr>
          <p:nvPr>
            <p:ph type="chart" sz="quarter" idx="13" hasCustomPrompt="1"/>
          </p:nvPr>
        </p:nvSpPr>
        <p:spPr>
          <a:xfrm>
            <a:off x="755650" y="1079500"/>
            <a:ext cx="7559675" cy="3149600"/>
          </a:xfrm>
        </p:spPr>
        <p:txBody>
          <a:bodyPr/>
          <a:lstStyle>
            <a:lvl1pPr>
              <a:defRPr/>
            </a:lvl1pPr>
          </a:lstStyle>
          <a:p>
            <a:r>
              <a:rPr lang="en-GB"/>
              <a:t>Click to insert chart</a:t>
            </a:r>
          </a:p>
        </p:txBody>
      </p:sp>
    </p:spTree>
    <p:extLst>
      <p:ext uri="{BB962C8B-B14F-4D97-AF65-F5344CB8AC3E}">
        <p14:creationId xmlns:p14="http://schemas.microsoft.com/office/powerpoint/2010/main" val="4202347483"/>
      </p:ext>
    </p:extLst>
  </p:cSld>
  <p:clrMapOvr>
    <a:masterClrMapping/>
  </p:clrMapOvr>
  <p:transition spd="med">
    <p:pull/>
  </p:transition>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le slide - Title at the top">
    <p:bg>
      <p:bgPr>
        <a:solidFill>
          <a:srgbClr val="EEE8E8"/>
        </a:solidFill>
        <a:effectLst/>
      </p:bgPr>
    </p:bg>
    <p:spTree>
      <p:nvGrpSpPr>
        <p:cNvPr id="1" name=""/>
        <p:cNvGrpSpPr/>
        <p:nvPr/>
      </p:nvGrpSpPr>
      <p:grpSpPr>
        <a:xfrm>
          <a:off x="0" y="0"/>
          <a:ext cx="0" cy="0"/>
          <a:chOff x="0" y="0"/>
          <a:chExt cx="0" cy="0"/>
        </a:xfrm>
      </p:grpSpPr>
      <p:sp>
        <p:nvSpPr>
          <p:cNvPr id="10" name="Black75"/>
          <p:cNvSpPr/>
          <p:nvPr userDrawn="1"/>
        </p:nvSpPr>
        <p:spPr>
          <a:xfrm>
            <a:off x="0" y="756000"/>
            <a:ext cx="9144000" cy="1080000"/>
          </a:xfrm>
          <a:prstGeom prst="rect">
            <a:avLst/>
          </a:prstGeom>
          <a:solidFill>
            <a:schemeClr val="tx1">
              <a:alpha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 name="Title 1"/>
          <p:cNvSpPr>
            <a:spLocks noGrp="1"/>
          </p:cNvSpPr>
          <p:nvPr>
            <p:ph type="ctrTitle" hasCustomPrompt="1"/>
          </p:nvPr>
        </p:nvSpPr>
        <p:spPr>
          <a:xfrm>
            <a:off x="-1" y="756049"/>
            <a:ext cx="9143999" cy="792000"/>
          </a:xfrm>
          <a:solidFill>
            <a:schemeClr val="tx2">
              <a:alpha val="50000"/>
            </a:schemeClr>
          </a:solidFill>
        </p:spPr>
        <p:txBody>
          <a:bodyPr lIns="756000" rIns="1962000" anchor="ctr"/>
          <a:lstStyle>
            <a:lvl1pPr algn="l">
              <a:lnSpc>
                <a:spcPts val="2300"/>
              </a:lnSpc>
              <a:defRPr sz="2200" baseline="0">
                <a:solidFill>
                  <a:schemeClr val="bg1"/>
                </a:solidFill>
              </a:defRPr>
            </a:lvl1pPr>
          </a:lstStyle>
          <a:p>
            <a:r>
              <a:rPr lang="en-GB"/>
              <a:t>Example of a title at the top</a:t>
            </a:r>
          </a:p>
        </p:txBody>
      </p:sp>
      <p:sp>
        <p:nvSpPr>
          <p:cNvPr id="3" name="Subtitle 2"/>
          <p:cNvSpPr>
            <a:spLocks noGrp="1"/>
          </p:cNvSpPr>
          <p:nvPr>
            <p:ph type="subTitle" idx="1" hasCustomPrompt="1"/>
          </p:nvPr>
        </p:nvSpPr>
        <p:spPr>
          <a:xfrm>
            <a:off x="-1" y="1548000"/>
            <a:ext cx="9143999" cy="288000"/>
          </a:xfrm>
          <a:solidFill>
            <a:schemeClr val="tx2">
              <a:alpha val="50000"/>
            </a:schemeClr>
          </a:solidFill>
          <a:ln>
            <a:noFill/>
          </a:ln>
        </p:spPr>
        <p:txBody>
          <a:bodyPr wrap="none" lIns="756000" tIns="18000" rIns="1962000"/>
          <a:lstStyle>
            <a:lvl1pPr marL="0" indent="0" algn="l">
              <a:buNone/>
              <a:defRPr sz="1000" b="1" cap="all" baseline="0">
                <a:solidFill>
                  <a:schemeClr val="bg1"/>
                </a:solidFill>
              </a:defRPr>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en-GB"/>
              <a:t>SUBTITLE OR DATE</a:t>
            </a:r>
          </a:p>
        </p:txBody>
      </p:sp>
      <p:pic>
        <p:nvPicPr>
          <p:cNvPr id="7" name="Picture 2">
            <a:extLst>
              <a:ext uri="{FF2B5EF4-FFF2-40B4-BE49-F238E27FC236}">
                <a16:creationId xmlns:a16="http://schemas.microsoft.com/office/drawing/2014/main" id="{521D38FC-6D70-0146-84E1-32B3F0A2D642}"/>
              </a:ext>
            </a:extLst>
          </p:cNvPr>
          <p:cNvPicPr>
            <a:picLocks noChangeAspect="1"/>
          </p:cNvPicPr>
          <p:nvPr userDrawn="1"/>
        </p:nvPicPr>
        <p:blipFill>
          <a:blip r:embed="rId2"/>
          <a:stretch>
            <a:fillRect/>
          </a:stretch>
        </p:blipFill>
        <p:spPr>
          <a:xfrm>
            <a:off x="7340600" y="4568825"/>
            <a:ext cx="1803400" cy="574675"/>
          </a:xfrm>
          <a:prstGeom prst="rect">
            <a:avLst/>
          </a:prstGeom>
        </p:spPr>
      </p:pic>
      <p:sp>
        <p:nvSpPr>
          <p:cNvPr id="9" name="Tijdelijke aanduiding voor tekst 8"/>
          <p:cNvSpPr>
            <a:spLocks noGrp="1"/>
          </p:cNvSpPr>
          <p:nvPr>
            <p:ph type="body" sz="quarter" idx="13" hasCustomPrompt="1"/>
          </p:nvPr>
        </p:nvSpPr>
        <p:spPr>
          <a:xfrm>
            <a:off x="0" y="3990975"/>
            <a:ext cx="9143999" cy="576263"/>
          </a:xfrm>
          <a:solidFill>
            <a:srgbClr val="000000">
              <a:alpha val="25000"/>
            </a:srgbClr>
          </a:solidFill>
          <a:ln>
            <a:noFill/>
          </a:ln>
        </p:spPr>
        <p:txBody>
          <a:bodyPr lIns="756000" anchor="ctr" anchorCtr="0"/>
          <a:lstStyle>
            <a:lvl1pPr>
              <a:defRPr sz="1100" b="1">
                <a:solidFill>
                  <a:schemeClr val="bg1"/>
                </a:solidFill>
              </a:defRPr>
            </a:lvl1pPr>
          </a:lstStyle>
          <a:p>
            <a:pPr lvl="0"/>
            <a:r>
              <a:rPr lang="en-GB"/>
              <a:t>Name, Function</a:t>
            </a:r>
          </a:p>
        </p:txBody>
      </p:sp>
      <p:sp>
        <p:nvSpPr>
          <p:cNvPr id="11" name="Tijdelijke aanduiding voor tekst 8"/>
          <p:cNvSpPr>
            <a:spLocks noGrp="1"/>
          </p:cNvSpPr>
          <p:nvPr>
            <p:ph type="body" sz="quarter" idx="14" hasCustomPrompt="1"/>
          </p:nvPr>
        </p:nvSpPr>
        <p:spPr>
          <a:xfrm>
            <a:off x="-6667" y="4567237"/>
            <a:ext cx="7347267" cy="576263"/>
          </a:xfrm>
          <a:solidFill>
            <a:srgbClr val="FFFFFF"/>
          </a:solidFill>
          <a:ln>
            <a:noFill/>
          </a:ln>
        </p:spPr>
        <p:txBody>
          <a:bodyPr lIns="756000" anchor="ctr" anchorCtr="0"/>
          <a:lstStyle>
            <a:lvl1pPr>
              <a:defRPr sz="1100" b="0" baseline="0">
                <a:solidFill>
                  <a:schemeClr val="tx1"/>
                </a:solidFill>
              </a:defRPr>
            </a:lvl1pPr>
          </a:lstStyle>
          <a:p>
            <a:pPr lvl="0"/>
            <a:r>
              <a:rPr lang="en-GB"/>
              <a:t>Department, Sub department or Capacity Group</a:t>
            </a:r>
          </a:p>
        </p:txBody>
      </p:sp>
    </p:spTree>
    <p:extLst>
      <p:ext uri="{BB962C8B-B14F-4D97-AF65-F5344CB8AC3E}">
        <p14:creationId xmlns:p14="http://schemas.microsoft.com/office/powerpoint/2010/main" val="3561701460"/>
      </p:ext>
    </p:extLst>
  </p:cSld>
  <p:clrMapOvr>
    <a:masterClrMapping/>
  </p:clrMapOvr>
  <p:transition spd="med">
    <p:pull/>
  </p:transition>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itle slide - Title in the middle">
    <p:spTree>
      <p:nvGrpSpPr>
        <p:cNvPr id="1" name=""/>
        <p:cNvGrpSpPr/>
        <p:nvPr/>
      </p:nvGrpSpPr>
      <p:grpSpPr>
        <a:xfrm>
          <a:off x="0" y="0"/>
          <a:ext cx="0" cy="0"/>
          <a:chOff x="0" y="0"/>
          <a:chExt cx="0" cy="0"/>
        </a:xfrm>
      </p:grpSpPr>
      <p:sp>
        <p:nvSpPr>
          <p:cNvPr id="4" name="Black75"/>
          <p:cNvSpPr/>
          <p:nvPr userDrawn="1"/>
        </p:nvSpPr>
        <p:spPr>
          <a:xfrm>
            <a:off x="0" y="1836000"/>
            <a:ext cx="9144000" cy="1080000"/>
          </a:xfrm>
          <a:prstGeom prst="rect">
            <a:avLst/>
          </a:prstGeom>
          <a:solidFill>
            <a:schemeClr val="tx1">
              <a:alpha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 name="Title 1"/>
          <p:cNvSpPr>
            <a:spLocks noGrp="1"/>
          </p:cNvSpPr>
          <p:nvPr>
            <p:ph type="ctrTitle" hasCustomPrompt="1"/>
          </p:nvPr>
        </p:nvSpPr>
        <p:spPr>
          <a:xfrm>
            <a:off x="-1" y="1835549"/>
            <a:ext cx="9143999" cy="792000"/>
          </a:xfrm>
          <a:solidFill>
            <a:schemeClr val="tx2">
              <a:alpha val="50000"/>
            </a:schemeClr>
          </a:solidFill>
        </p:spPr>
        <p:txBody>
          <a:bodyPr lIns="756000" rIns="1962000" anchor="ctr"/>
          <a:lstStyle>
            <a:lvl1pPr algn="l">
              <a:lnSpc>
                <a:spcPts val="2300"/>
              </a:lnSpc>
              <a:defRPr sz="2200">
                <a:solidFill>
                  <a:schemeClr val="bg1"/>
                </a:solidFill>
              </a:defRPr>
            </a:lvl1pPr>
          </a:lstStyle>
          <a:p>
            <a:r>
              <a:rPr lang="en-GB"/>
              <a:t>Example of a title in the middle</a:t>
            </a:r>
          </a:p>
        </p:txBody>
      </p:sp>
      <p:sp>
        <p:nvSpPr>
          <p:cNvPr id="3" name="Subtitle 2"/>
          <p:cNvSpPr>
            <a:spLocks noGrp="1"/>
          </p:cNvSpPr>
          <p:nvPr>
            <p:ph type="subTitle" idx="1" hasCustomPrompt="1"/>
          </p:nvPr>
        </p:nvSpPr>
        <p:spPr>
          <a:xfrm>
            <a:off x="-1" y="2628097"/>
            <a:ext cx="9143999" cy="288000"/>
          </a:xfrm>
          <a:solidFill>
            <a:schemeClr val="tx2">
              <a:alpha val="50000"/>
            </a:schemeClr>
          </a:solidFill>
          <a:ln>
            <a:noFill/>
          </a:ln>
        </p:spPr>
        <p:txBody>
          <a:bodyPr wrap="none" lIns="756000" tIns="18000" rIns="1962000"/>
          <a:lstStyle>
            <a:lvl1pPr marL="0" indent="0" algn="l">
              <a:buNone/>
              <a:defRPr sz="1000" b="1" cap="all" baseline="0">
                <a:solidFill>
                  <a:schemeClr val="bg1"/>
                </a:solidFill>
              </a:defRPr>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en-GB"/>
              <a:t>SUBTITLE OR DATE</a:t>
            </a:r>
          </a:p>
        </p:txBody>
      </p:sp>
      <p:pic>
        <p:nvPicPr>
          <p:cNvPr id="7" name="Picture 2">
            <a:extLst>
              <a:ext uri="{FF2B5EF4-FFF2-40B4-BE49-F238E27FC236}">
                <a16:creationId xmlns:a16="http://schemas.microsoft.com/office/drawing/2014/main" id="{521D38FC-6D70-0146-84E1-32B3F0A2D642}"/>
              </a:ext>
            </a:extLst>
          </p:cNvPr>
          <p:cNvPicPr>
            <a:picLocks noChangeAspect="1"/>
          </p:cNvPicPr>
          <p:nvPr userDrawn="1"/>
        </p:nvPicPr>
        <p:blipFill>
          <a:blip r:embed="rId2"/>
          <a:stretch>
            <a:fillRect/>
          </a:stretch>
        </p:blipFill>
        <p:spPr>
          <a:xfrm>
            <a:off x="7340600" y="4568825"/>
            <a:ext cx="1803400" cy="574675"/>
          </a:xfrm>
          <a:prstGeom prst="rect">
            <a:avLst/>
          </a:prstGeom>
        </p:spPr>
      </p:pic>
      <p:sp>
        <p:nvSpPr>
          <p:cNvPr id="9" name="Tijdelijke aanduiding voor tekst 8"/>
          <p:cNvSpPr>
            <a:spLocks noGrp="1"/>
          </p:cNvSpPr>
          <p:nvPr>
            <p:ph type="body" sz="quarter" idx="13" hasCustomPrompt="1"/>
          </p:nvPr>
        </p:nvSpPr>
        <p:spPr>
          <a:xfrm>
            <a:off x="0" y="3990975"/>
            <a:ext cx="9143999" cy="576263"/>
          </a:xfrm>
          <a:solidFill>
            <a:srgbClr val="000000">
              <a:alpha val="25098"/>
            </a:srgbClr>
          </a:solidFill>
          <a:ln>
            <a:noFill/>
          </a:ln>
        </p:spPr>
        <p:txBody>
          <a:bodyPr lIns="756000" anchor="ctr" anchorCtr="0"/>
          <a:lstStyle>
            <a:lvl1pPr>
              <a:defRPr sz="1100" b="1">
                <a:solidFill>
                  <a:schemeClr val="bg1"/>
                </a:solidFill>
              </a:defRPr>
            </a:lvl1pPr>
          </a:lstStyle>
          <a:p>
            <a:pPr lvl="0"/>
            <a:r>
              <a:rPr lang="en-GB"/>
              <a:t>Name, Function</a:t>
            </a:r>
          </a:p>
        </p:txBody>
      </p:sp>
      <p:sp>
        <p:nvSpPr>
          <p:cNvPr id="11" name="Tijdelijke aanduiding voor tekst 8"/>
          <p:cNvSpPr>
            <a:spLocks noGrp="1"/>
          </p:cNvSpPr>
          <p:nvPr>
            <p:ph type="body" sz="quarter" idx="14" hasCustomPrompt="1"/>
          </p:nvPr>
        </p:nvSpPr>
        <p:spPr>
          <a:xfrm>
            <a:off x="-6667" y="4567237"/>
            <a:ext cx="7347267" cy="576263"/>
          </a:xfrm>
          <a:solidFill>
            <a:srgbClr val="FFFFFF"/>
          </a:solidFill>
          <a:ln>
            <a:noFill/>
          </a:ln>
        </p:spPr>
        <p:txBody>
          <a:bodyPr lIns="756000" anchor="ctr" anchorCtr="0"/>
          <a:lstStyle>
            <a:lvl1pPr>
              <a:defRPr sz="1100" b="0" baseline="0">
                <a:solidFill>
                  <a:schemeClr val="tx1"/>
                </a:solidFill>
              </a:defRPr>
            </a:lvl1pPr>
          </a:lstStyle>
          <a:p>
            <a:pPr lvl="0"/>
            <a:r>
              <a:rPr lang="en-GB"/>
              <a:t>Department, Sub department or Capacity Group</a:t>
            </a:r>
          </a:p>
        </p:txBody>
      </p:sp>
    </p:spTree>
    <p:extLst>
      <p:ext uri="{BB962C8B-B14F-4D97-AF65-F5344CB8AC3E}">
        <p14:creationId xmlns:p14="http://schemas.microsoft.com/office/powerpoint/2010/main" val="3398620482"/>
      </p:ext>
    </p:extLst>
  </p:cSld>
  <p:clrMapOvr>
    <a:masterClrMapping/>
  </p:clrMapOvr>
  <p:transition spd="med">
    <p:pull/>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Title slide - Title in the middle">
    <p:spTree>
      <p:nvGrpSpPr>
        <p:cNvPr id="1" name=""/>
        <p:cNvGrpSpPr/>
        <p:nvPr/>
      </p:nvGrpSpPr>
      <p:grpSpPr>
        <a:xfrm>
          <a:off x="0" y="0"/>
          <a:ext cx="0" cy="0"/>
          <a:chOff x="0" y="0"/>
          <a:chExt cx="0" cy="0"/>
        </a:xfrm>
      </p:grpSpPr>
      <p:sp>
        <p:nvSpPr>
          <p:cNvPr id="4" name="Black75"/>
          <p:cNvSpPr/>
          <p:nvPr userDrawn="1"/>
        </p:nvSpPr>
        <p:spPr>
          <a:xfrm>
            <a:off x="0" y="1836000"/>
            <a:ext cx="9144000" cy="1080000"/>
          </a:xfrm>
          <a:prstGeom prst="rect">
            <a:avLst/>
          </a:prstGeom>
          <a:solidFill>
            <a:schemeClr val="tx1">
              <a:alpha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 name="Title 1"/>
          <p:cNvSpPr>
            <a:spLocks noGrp="1"/>
          </p:cNvSpPr>
          <p:nvPr>
            <p:ph type="ctrTitle" hasCustomPrompt="1"/>
          </p:nvPr>
        </p:nvSpPr>
        <p:spPr>
          <a:xfrm>
            <a:off x="-1" y="1835549"/>
            <a:ext cx="9143999" cy="792000"/>
          </a:xfrm>
          <a:solidFill>
            <a:schemeClr val="tx2">
              <a:alpha val="50000"/>
            </a:schemeClr>
          </a:solidFill>
        </p:spPr>
        <p:txBody>
          <a:bodyPr lIns="756000" rIns="1962000" anchor="ctr"/>
          <a:lstStyle>
            <a:lvl1pPr algn="l">
              <a:lnSpc>
                <a:spcPts val="2300"/>
              </a:lnSpc>
              <a:defRPr sz="2200">
                <a:solidFill>
                  <a:schemeClr val="bg1"/>
                </a:solidFill>
              </a:defRPr>
            </a:lvl1pPr>
          </a:lstStyle>
          <a:p>
            <a:r>
              <a:rPr lang="en-GB"/>
              <a:t>Example of a title in the middle</a:t>
            </a:r>
          </a:p>
        </p:txBody>
      </p:sp>
      <p:sp>
        <p:nvSpPr>
          <p:cNvPr id="3" name="Subtitle 2"/>
          <p:cNvSpPr>
            <a:spLocks noGrp="1"/>
          </p:cNvSpPr>
          <p:nvPr>
            <p:ph type="subTitle" idx="1" hasCustomPrompt="1"/>
          </p:nvPr>
        </p:nvSpPr>
        <p:spPr>
          <a:xfrm>
            <a:off x="-1" y="2628097"/>
            <a:ext cx="9143999" cy="288000"/>
          </a:xfrm>
          <a:solidFill>
            <a:schemeClr val="tx2">
              <a:alpha val="50000"/>
            </a:schemeClr>
          </a:solidFill>
          <a:ln>
            <a:noFill/>
          </a:ln>
        </p:spPr>
        <p:txBody>
          <a:bodyPr wrap="none" lIns="756000" tIns="18000" rIns="1962000"/>
          <a:lstStyle>
            <a:lvl1pPr marL="0" indent="0" algn="l">
              <a:buNone/>
              <a:defRPr sz="1000" b="1" cap="all" baseline="0">
                <a:solidFill>
                  <a:schemeClr val="bg1"/>
                </a:solidFill>
              </a:defRPr>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en-GB"/>
              <a:t>SUBTITLE OR DATE</a:t>
            </a:r>
          </a:p>
        </p:txBody>
      </p:sp>
      <p:pic>
        <p:nvPicPr>
          <p:cNvPr id="7" name="Picture 2">
            <a:extLst>
              <a:ext uri="{FF2B5EF4-FFF2-40B4-BE49-F238E27FC236}">
                <a16:creationId xmlns:a16="http://schemas.microsoft.com/office/drawing/2014/main" id="{521D38FC-6D70-0146-84E1-32B3F0A2D642}"/>
              </a:ext>
            </a:extLst>
          </p:cNvPr>
          <p:cNvPicPr>
            <a:picLocks noChangeAspect="1"/>
          </p:cNvPicPr>
          <p:nvPr userDrawn="1"/>
        </p:nvPicPr>
        <p:blipFill>
          <a:blip r:embed="rId2"/>
          <a:stretch>
            <a:fillRect/>
          </a:stretch>
        </p:blipFill>
        <p:spPr>
          <a:xfrm>
            <a:off x="7340600" y="4568825"/>
            <a:ext cx="1803400" cy="574675"/>
          </a:xfrm>
          <a:prstGeom prst="rect">
            <a:avLst/>
          </a:prstGeom>
        </p:spPr>
      </p:pic>
      <p:sp>
        <p:nvSpPr>
          <p:cNvPr id="9" name="Tijdelijke aanduiding voor tekst 8"/>
          <p:cNvSpPr>
            <a:spLocks noGrp="1"/>
          </p:cNvSpPr>
          <p:nvPr>
            <p:ph type="body" sz="quarter" idx="13" hasCustomPrompt="1"/>
          </p:nvPr>
        </p:nvSpPr>
        <p:spPr>
          <a:xfrm>
            <a:off x="0" y="3990975"/>
            <a:ext cx="9143999" cy="576263"/>
          </a:xfrm>
          <a:solidFill>
            <a:srgbClr val="000000">
              <a:alpha val="25098"/>
            </a:srgbClr>
          </a:solidFill>
          <a:ln>
            <a:noFill/>
          </a:ln>
        </p:spPr>
        <p:txBody>
          <a:bodyPr lIns="756000" anchor="ctr" anchorCtr="0"/>
          <a:lstStyle>
            <a:lvl1pPr>
              <a:defRPr sz="1100" b="1">
                <a:solidFill>
                  <a:schemeClr val="bg1"/>
                </a:solidFill>
              </a:defRPr>
            </a:lvl1pPr>
          </a:lstStyle>
          <a:p>
            <a:pPr lvl="0"/>
            <a:r>
              <a:rPr lang="en-GB"/>
              <a:t>Name, Function</a:t>
            </a:r>
          </a:p>
        </p:txBody>
      </p:sp>
      <p:sp>
        <p:nvSpPr>
          <p:cNvPr id="11" name="Tijdelijke aanduiding voor tekst 8"/>
          <p:cNvSpPr>
            <a:spLocks noGrp="1"/>
          </p:cNvSpPr>
          <p:nvPr>
            <p:ph type="body" sz="quarter" idx="14" hasCustomPrompt="1"/>
          </p:nvPr>
        </p:nvSpPr>
        <p:spPr>
          <a:xfrm>
            <a:off x="-6667" y="4567237"/>
            <a:ext cx="7347267" cy="576263"/>
          </a:xfrm>
          <a:solidFill>
            <a:srgbClr val="FFFFFF"/>
          </a:solidFill>
          <a:ln>
            <a:noFill/>
          </a:ln>
        </p:spPr>
        <p:txBody>
          <a:bodyPr lIns="756000" anchor="ctr" anchorCtr="0"/>
          <a:lstStyle>
            <a:lvl1pPr>
              <a:defRPr sz="1100" b="0" baseline="0">
                <a:solidFill>
                  <a:schemeClr val="tx1"/>
                </a:solidFill>
              </a:defRPr>
            </a:lvl1pPr>
          </a:lstStyle>
          <a:p>
            <a:pPr lvl="0"/>
            <a:r>
              <a:rPr lang="en-GB"/>
              <a:t>Department, Sub department or Capacity Group</a:t>
            </a:r>
          </a:p>
        </p:txBody>
      </p:sp>
    </p:spTree>
    <p:extLst>
      <p:ext uri="{BB962C8B-B14F-4D97-AF65-F5344CB8AC3E}">
        <p14:creationId xmlns:p14="http://schemas.microsoft.com/office/powerpoint/2010/main" val="2931105522"/>
      </p:ext>
    </p:extLst>
  </p:cSld>
  <p:clrMapOvr>
    <a:masterClrMapping/>
  </p:clrMapOvr>
  <p:transition spd="med">
    <p:pull/>
  </p:transition>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itle slide - Title at the bottom">
    <p:spTree>
      <p:nvGrpSpPr>
        <p:cNvPr id="1" name=""/>
        <p:cNvGrpSpPr/>
        <p:nvPr/>
      </p:nvGrpSpPr>
      <p:grpSpPr>
        <a:xfrm>
          <a:off x="0" y="0"/>
          <a:ext cx="0" cy="0"/>
          <a:chOff x="0" y="0"/>
          <a:chExt cx="0" cy="0"/>
        </a:xfrm>
      </p:grpSpPr>
      <p:sp>
        <p:nvSpPr>
          <p:cNvPr id="8" name="Black75"/>
          <p:cNvSpPr/>
          <p:nvPr userDrawn="1"/>
        </p:nvSpPr>
        <p:spPr>
          <a:xfrm>
            <a:off x="0" y="2916000"/>
            <a:ext cx="9144000" cy="1080000"/>
          </a:xfrm>
          <a:prstGeom prst="rect">
            <a:avLst/>
          </a:prstGeom>
          <a:solidFill>
            <a:schemeClr val="tx1">
              <a:alpha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 name="Title 1"/>
          <p:cNvSpPr>
            <a:spLocks noGrp="1"/>
          </p:cNvSpPr>
          <p:nvPr>
            <p:ph type="ctrTitle" hasCustomPrompt="1"/>
          </p:nvPr>
        </p:nvSpPr>
        <p:spPr>
          <a:xfrm>
            <a:off x="-1" y="2915049"/>
            <a:ext cx="9143999" cy="792000"/>
          </a:xfrm>
          <a:solidFill>
            <a:schemeClr val="tx2">
              <a:alpha val="50000"/>
            </a:schemeClr>
          </a:solidFill>
        </p:spPr>
        <p:txBody>
          <a:bodyPr lIns="756000" rIns="1962000" anchor="ctr"/>
          <a:lstStyle>
            <a:lvl1pPr algn="l">
              <a:lnSpc>
                <a:spcPts val="2300"/>
              </a:lnSpc>
              <a:defRPr sz="2200">
                <a:solidFill>
                  <a:schemeClr val="bg1"/>
                </a:solidFill>
              </a:defRPr>
            </a:lvl1pPr>
          </a:lstStyle>
          <a:p>
            <a:r>
              <a:rPr lang="en-GB"/>
              <a:t>Example of a title at the bottom</a:t>
            </a:r>
          </a:p>
        </p:txBody>
      </p:sp>
      <p:sp>
        <p:nvSpPr>
          <p:cNvPr id="3" name="Subtitle 2"/>
          <p:cNvSpPr>
            <a:spLocks noGrp="1"/>
          </p:cNvSpPr>
          <p:nvPr>
            <p:ph type="subTitle" idx="1" hasCustomPrompt="1"/>
          </p:nvPr>
        </p:nvSpPr>
        <p:spPr>
          <a:xfrm>
            <a:off x="-1" y="3708591"/>
            <a:ext cx="9143999" cy="288000"/>
          </a:xfrm>
          <a:solidFill>
            <a:schemeClr val="tx2">
              <a:alpha val="50000"/>
            </a:schemeClr>
          </a:solidFill>
          <a:ln>
            <a:noFill/>
          </a:ln>
        </p:spPr>
        <p:txBody>
          <a:bodyPr wrap="none" lIns="756000" tIns="18000" rIns="1962000"/>
          <a:lstStyle>
            <a:lvl1pPr marL="0" indent="0" algn="l">
              <a:buNone/>
              <a:defRPr sz="1000" b="1" cap="all" baseline="0">
                <a:solidFill>
                  <a:schemeClr val="bg1"/>
                </a:solidFill>
              </a:defRPr>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en-GB"/>
              <a:t>SUBTITLE OR DATE</a:t>
            </a:r>
          </a:p>
        </p:txBody>
      </p:sp>
      <p:pic>
        <p:nvPicPr>
          <p:cNvPr id="7" name="Picture 2">
            <a:extLst>
              <a:ext uri="{FF2B5EF4-FFF2-40B4-BE49-F238E27FC236}">
                <a16:creationId xmlns:a16="http://schemas.microsoft.com/office/drawing/2014/main" id="{521D38FC-6D70-0146-84E1-32B3F0A2D642}"/>
              </a:ext>
            </a:extLst>
          </p:cNvPr>
          <p:cNvPicPr>
            <a:picLocks noChangeAspect="1"/>
          </p:cNvPicPr>
          <p:nvPr userDrawn="1"/>
        </p:nvPicPr>
        <p:blipFill>
          <a:blip r:embed="rId2"/>
          <a:stretch>
            <a:fillRect/>
          </a:stretch>
        </p:blipFill>
        <p:spPr>
          <a:xfrm>
            <a:off x="7340600" y="4568825"/>
            <a:ext cx="1803400" cy="574675"/>
          </a:xfrm>
          <a:prstGeom prst="rect">
            <a:avLst/>
          </a:prstGeom>
        </p:spPr>
      </p:pic>
      <p:sp>
        <p:nvSpPr>
          <p:cNvPr id="9" name="Tijdelijke aanduiding voor tekst 8"/>
          <p:cNvSpPr>
            <a:spLocks noGrp="1"/>
          </p:cNvSpPr>
          <p:nvPr>
            <p:ph type="body" sz="quarter" idx="13" hasCustomPrompt="1"/>
          </p:nvPr>
        </p:nvSpPr>
        <p:spPr>
          <a:xfrm>
            <a:off x="0" y="3990975"/>
            <a:ext cx="9143999" cy="576263"/>
          </a:xfrm>
          <a:solidFill>
            <a:srgbClr val="000000">
              <a:alpha val="25098"/>
            </a:srgbClr>
          </a:solidFill>
          <a:ln>
            <a:noFill/>
          </a:ln>
        </p:spPr>
        <p:txBody>
          <a:bodyPr lIns="756000" anchor="ctr" anchorCtr="0"/>
          <a:lstStyle>
            <a:lvl1pPr>
              <a:defRPr sz="1100" b="1">
                <a:solidFill>
                  <a:schemeClr val="bg1"/>
                </a:solidFill>
              </a:defRPr>
            </a:lvl1pPr>
          </a:lstStyle>
          <a:p>
            <a:pPr lvl="0"/>
            <a:r>
              <a:rPr lang="en-GB"/>
              <a:t>Name, Function</a:t>
            </a:r>
          </a:p>
        </p:txBody>
      </p:sp>
      <p:sp>
        <p:nvSpPr>
          <p:cNvPr id="11" name="Tijdelijke aanduiding voor tekst 8"/>
          <p:cNvSpPr>
            <a:spLocks noGrp="1"/>
          </p:cNvSpPr>
          <p:nvPr>
            <p:ph type="body" sz="quarter" idx="14" hasCustomPrompt="1"/>
          </p:nvPr>
        </p:nvSpPr>
        <p:spPr>
          <a:xfrm>
            <a:off x="-6667" y="4567237"/>
            <a:ext cx="7347267" cy="576263"/>
          </a:xfrm>
          <a:solidFill>
            <a:srgbClr val="FFFFFF"/>
          </a:solidFill>
          <a:ln>
            <a:noFill/>
          </a:ln>
        </p:spPr>
        <p:txBody>
          <a:bodyPr lIns="756000" anchor="ctr" anchorCtr="0"/>
          <a:lstStyle>
            <a:lvl1pPr>
              <a:defRPr sz="1100" b="0" baseline="0">
                <a:solidFill>
                  <a:schemeClr val="tx1"/>
                </a:solidFill>
              </a:defRPr>
            </a:lvl1pPr>
          </a:lstStyle>
          <a:p>
            <a:pPr lvl="0"/>
            <a:r>
              <a:rPr lang="en-GB"/>
              <a:t>Department, Sub department or Capacity Group</a:t>
            </a:r>
          </a:p>
        </p:txBody>
      </p:sp>
    </p:spTree>
    <p:extLst>
      <p:ext uri="{BB962C8B-B14F-4D97-AF65-F5344CB8AC3E}">
        <p14:creationId xmlns:p14="http://schemas.microsoft.com/office/powerpoint/2010/main" val="2709745716"/>
      </p:ext>
    </p:extLst>
  </p:cSld>
  <p:clrMapOvr>
    <a:masterClrMapping/>
  </p:clrMapOvr>
  <p:transition spd="med">
    <p:pull/>
  </p:transition>
</p:sldLayout>
</file>

<file path=ppt/slideLayouts/slideLayout21.xml><?xml version="1.0" encoding="utf-8"?>
<p:sldLayout xmlns:a="http://schemas.openxmlformats.org/drawingml/2006/main" xmlns:r="http://schemas.openxmlformats.org/officeDocument/2006/relationships" xmlns:p="http://schemas.openxmlformats.org/presentationml/2006/main" type="obj" preserve="1">
  <p:cSld name="Text slide">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GB"/>
              <a:t>This is an example of a 27 </a:t>
            </a:r>
            <a:r>
              <a:rPr lang="en-GB" err="1"/>
              <a:t>pt</a:t>
            </a:r>
            <a:r>
              <a:rPr lang="en-GB"/>
              <a:t> headline with 27 </a:t>
            </a:r>
            <a:r>
              <a:rPr lang="en-GB" err="1"/>
              <a:t>pt</a:t>
            </a:r>
            <a:r>
              <a:rPr lang="en-GB"/>
              <a:t> line spacing</a:t>
            </a:r>
          </a:p>
        </p:txBody>
      </p:sp>
      <p:sp>
        <p:nvSpPr>
          <p:cNvPr id="3" name="Content Placeholder 2"/>
          <p:cNvSpPr>
            <a:spLocks noGrp="1"/>
          </p:cNvSpPr>
          <p:nvPr>
            <p:ph idx="1" hasCustomPrompt="1"/>
          </p:nvPr>
        </p:nvSpPr>
        <p:spPr/>
        <p:txBody>
          <a:bodyPr/>
          <a:lstStyle>
            <a:lvl1pPr>
              <a:defRPr baseline="0"/>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Tree>
    <p:extLst>
      <p:ext uri="{BB962C8B-B14F-4D97-AF65-F5344CB8AC3E}">
        <p14:creationId xmlns:p14="http://schemas.microsoft.com/office/powerpoint/2010/main" val="3063881074"/>
      </p:ext>
    </p:extLst>
  </p:cSld>
  <p:clrMapOvr>
    <a:masterClrMapping/>
  </p:clrMapOvr>
  <p:transition spd="med">
    <p:pull/>
  </p:transition>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Text slide -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8825" y="585793"/>
            <a:ext cx="3595688" cy="732238"/>
          </a:xfrm>
        </p:spPr>
        <p:txBody>
          <a:bodyPr/>
          <a:lstStyle>
            <a:lvl1pPr>
              <a:lnSpc>
                <a:spcPct val="100000"/>
              </a:lnSpc>
              <a:defRPr sz="1950" b="0" baseline="0"/>
            </a:lvl1pPr>
          </a:lstStyle>
          <a:p>
            <a:r>
              <a:rPr lang="en-GB"/>
              <a:t>This is an example of 19,5 </a:t>
            </a:r>
            <a:r>
              <a:rPr lang="en-GB" err="1"/>
              <a:t>pt</a:t>
            </a:r>
            <a:r>
              <a:rPr lang="en-GB"/>
              <a:t> text with single line spacing</a:t>
            </a:r>
          </a:p>
        </p:txBody>
      </p:sp>
      <p:sp>
        <p:nvSpPr>
          <p:cNvPr id="3" name="Content Placeholder 2"/>
          <p:cNvSpPr>
            <a:spLocks noGrp="1"/>
          </p:cNvSpPr>
          <p:nvPr>
            <p:ph sz="half" idx="1" hasCustomPrompt="1"/>
          </p:nvPr>
        </p:nvSpPr>
        <p:spPr>
          <a:xfrm>
            <a:off x="755650" y="1295401"/>
            <a:ext cx="3598863" cy="2933700"/>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4" name="Content Placeholder 3"/>
          <p:cNvSpPr>
            <a:spLocks noGrp="1"/>
          </p:cNvSpPr>
          <p:nvPr>
            <p:ph sz="half" idx="2" hasCustomPrompt="1"/>
          </p:nvPr>
        </p:nvSpPr>
        <p:spPr>
          <a:xfrm>
            <a:off x="4723606" y="1296000"/>
            <a:ext cx="3595688" cy="2933101"/>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9" name="Text Placeholder 2"/>
          <p:cNvSpPr>
            <a:spLocks noGrp="1"/>
          </p:cNvSpPr>
          <p:nvPr>
            <p:ph type="body" idx="13" hasCustomPrompt="1"/>
          </p:nvPr>
        </p:nvSpPr>
        <p:spPr>
          <a:xfrm>
            <a:off x="4714875" y="586800"/>
            <a:ext cx="3604419" cy="732238"/>
          </a:xfrm>
        </p:spPr>
        <p:txBody>
          <a:bodyPr anchor="t"/>
          <a:lstStyle>
            <a:lvl1pPr marL="0" indent="0">
              <a:buNone/>
              <a:defRPr lang="nl-NL" sz="1950" b="0" kern="1200" baseline="0" dirty="0" smtClean="0">
                <a:solidFill>
                  <a:schemeClr val="tx1"/>
                </a:solidFill>
                <a:latin typeface="+mj-lt"/>
                <a:ea typeface="+mj-ea"/>
                <a:cs typeface="+mj-cs"/>
              </a:defRPr>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en-GB"/>
              <a:t>Click to enter text</a:t>
            </a:r>
          </a:p>
        </p:txBody>
      </p:sp>
    </p:spTree>
    <p:extLst>
      <p:ext uri="{BB962C8B-B14F-4D97-AF65-F5344CB8AC3E}">
        <p14:creationId xmlns:p14="http://schemas.microsoft.com/office/powerpoint/2010/main" val="2478814272"/>
      </p:ext>
    </p:extLst>
  </p:cSld>
  <p:clrMapOvr>
    <a:masterClrMapping/>
  </p:clrMapOvr>
  <p:transition spd="med">
    <p:pull/>
  </p:transition>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1/2 text - 1/2 imag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6000" y="586800"/>
            <a:ext cx="3600000" cy="732238"/>
          </a:xfrm>
        </p:spPr>
        <p:txBody>
          <a:bodyPr/>
          <a:lstStyle>
            <a:lvl1pPr>
              <a:lnSpc>
                <a:spcPct val="100000"/>
              </a:lnSpc>
              <a:defRPr sz="1950" b="0" baseline="0"/>
            </a:lvl1pPr>
          </a:lstStyle>
          <a:p>
            <a:r>
              <a:rPr lang="en-GB"/>
              <a:t>This is an example of 19,5 </a:t>
            </a:r>
            <a:r>
              <a:rPr lang="en-GB" err="1"/>
              <a:t>pt</a:t>
            </a:r>
            <a:r>
              <a:rPr lang="en-GB"/>
              <a:t> text with single line spacing</a:t>
            </a:r>
          </a:p>
        </p:txBody>
      </p:sp>
      <p:sp>
        <p:nvSpPr>
          <p:cNvPr id="3" name="Content Placeholder 2"/>
          <p:cNvSpPr>
            <a:spLocks noGrp="1"/>
          </p:cNvSpPr>
          <p:nvPr>
            <p:ph sz="half" idx="1" hasCustomPrompt="1"/>
          </p:nvPr>
        </p:nvSpPr>
        <p:spPr>
          <a:xfrm>
            <a:off x="755650" y="1295401"/>
            <a:ext cx="3598863" cy="2933700"/>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10" name="Tijdelijke aanduiding voor afbeelding 9"/>
          <p:cNvSpPr>
            <a:spLocks noGrp="1"/>
          </p:cNvSpPr>
          <p:nvPr>
            <p:ph type="pic" sz="quarter" idx="13" hasCustomPrompt="1"/>
          </p:nvPr>
        </p:nvSpPr>
        <p:spPr>
          <a:xfrm>
            <a:off x="4714875" y="0"/>
            <a:ext cx="4429125" cy="4567238"/>
          </a:xfrm>
        </p:spPr>
        <p:txBody>
          <a:bodyPr/>
          <a:lstStyle>
            <a:lvl1pPr>
              <a:defRPr/>
            </a:lvl1pPr>
          </a:lstStyle>
          <a:p>
            <a:r>
              <a:rPr lang="en-GB"/>
              <a:t>Click to insert image</a:t>
            </a:r>
          </a:p>
        </p:txBody>
      </p:sp>
    </p:spTree>
    <p:extLst>
      <p:ext uri="{BB962C8B-B14F-4D97-AF65-F5344CB8AC3E}">
        <p14:creationId xmlns:p14="http://schemas.microsoft.com/office/powerpoint/2010/main" val="1569307329"/>
      </p:ext>
    </p:extLst>
  </p:cSld>
  <p:clrMapOvr>
    <a:masterClrMapping/>
  </p:clrMapOvr>
  <p:transition spd="med">
    <p:pull/>
  </p:transition>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2/3 text - 1/3 imag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6000" y="586800"/>
            <a:ext cx="4910138" cy="732238"/>
          </a:xfrm>
        </p:spPr>
        <p:txBody>
          <a:bodyPr/>
          <a:lstStyle>
            <a:lvl1pPr>
              <a:lnSpc>
                <a:spcPct val="100000"/>
              </a:lnSpc>
              <a:defRPr sz="1950" b="0" baseline="0"/>
            </a:lvl1pPr>
          </a:lstStyle>
          <a:p>
            <a:r>
              <a:rPr lang="en-GB"/>
              <a:t>This is an example of 19,5 </a:t>
            </a:r>
            <a:r>
              <a:rPr lang="en-GB" err="1"/>
              <a:t>pt</a:t>
            </a:r>
            <a:r>
              <a:rPr lang="en-GB"/>
              <a:t> text with single line spacing</a:t>
            </a:r>
          </a:p>
        </p:txBody>
      </p:sp>
      <p:sp>
        <p:nvSpPr>
          <p:cNvPr id="3" name="Content Placeholder 2"/>
          <p:cNvSpPr>
            <a:spLocks noGrp="1"/>
          </p:cNvSpPr>
          <p:nvPr>
            <p:ph sz="half" idx="1" hasCustomPrompt="1"/>
          </p:nvPr>
        </p:nvSpPr>
        <p:spPr>
          <a:xfrm>
            <a:off x="755650" y="1295401"/>
            <a:ext cx="4913313" cy="2933700"/>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10" name="Tijdelijke aanduiding voor afbeelding 9"/>
          <p:cNvSpPr>
            <a:spLocks noGrp="1"/>
          </p:cNvSpPr>
          <p:nvPr>
            <p:ph type="pic" sz="quarter" idx="13" hasCustomPrompt="1"/>
          </p:nvPr>
        </p:nvSpPr>
        <p:spPr>
          <a:xfrm>
            <a:off x="6046788" y="0"/>
            <a:ext cx="3097212" cy="4567238"/>
          </a:xfrm>
        </p:spPr>
        <p:txBody>
          <a:bodyPr/>
          <a:lstStyle>
            <a:lvl1pPr>
              <a:defRPr/>
            </a:lvl1pPr>
          </a:lstStyle>
          <a:p>
            <a:r>
              <a:rPr lang="en-GB"/>
              <a:t>Click to insert image</a:t>
            </a:r>
          </a:p>
        </p:txBody>
      </p:sp>
    </p:spTree>
    <p:extLst>
      <p:ext uri="{BB962C8B-B14F-4D97-AF65-F5344CB8AC3E}">
        <p14:creationId xmlns:p14="http://schemas.microsoft.com/office/powerpoint/2010/main" val="1321345910"/>
      </p:ext>
    </p:extLst>
  </p:cSld>
  <p:clrMapOvr>
    <a:masterClrMapping/>
  </p:clrMapOvr>
  <p:transition spd="med">
    <p:pull/>
  </p:transition>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Headline + image/movie 16:9">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wrap="none"/>
          <a:lstStyle/>
          <a:p>
            <a:r>
              <a:rPr lang="en-GB"/>
              <a:t>This is an example of a 27 </a:t>
            </a:r>
            <a:r>
              <a:rPr lang="en-GB" err="1"/>
              <a:t>pt</a:t>
            </a:r>
            <a:r>
              <a:rPr lang="en-GB"/>
              <a:t> headline</a:t>
            </a:r>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
        <p:nvSpPr>
          <p:cNvPr id="10" name="Tijdelijke aanduiding voor inhoud 9"/>
          <p:cNvSpPr>
            <a:spLocks noGrp="1" noChangeAspect="1"/>
          </p:cNvSpPr>
          <p:nvPr>
            <p:ph sz="quarter" idx="13" hasCustomPrompt="1"/>
          </p:nvPr>
        </p:nvSpPr>
        <p:spPr>
          <a:xfrm>
            <a:off x="1889125" y="1079501"/>
            <a:ext cx="5292725" cy="2977200"/>
          </a:xfrm>
        </p:spPr>
        <p:txBody>
          <a:bodyPr/>
          <a:lstStyle>
            <a:lvl1pPr>
              <a:defRPr baseline="0"/>
            </a:lvl1pPr>
          </a:lstStyle>
          <a:p>
            <a:pPr lvl="0"/>
            <a:r>
              <a:rPr lang="en-GB"/>
              <a:t>Click icon to insert 16x9 image or movie</a:t>
            </a:r>
          </a:p>
        </p:txBody>
      </p:sp>
      <p:sp>
        <p:nvSpPr>
          <p:cNvPr id="12" name="Tijdelijke aanduiding voor tekst 11"/>
          <p:cNvSpPr>
            <a:spLocks noGrp="1"/>
          </p:cNvSpPr>
          <p:nvPr>
            <p:ph type="body" sz="quarter" idx="14" hasCustomPrompt="1"/>
          </p:nvPr>
        </p:nvSpPr>
        <p:spPr>
          <a:xfrm>
            <a:off x="1889125" y="4106268"/>
            <a:ext cx="5292725" cy="165100"/>
          </a:xfrm>
        </p:spPr>
        <p:txBody>
          <a:bodyPr/>
          <a:lstStyle>
            <a:lvl1pPr>
              <a:defRPr sz="1100" i="1"/>
            </a:lvl1pPr>
          </a:lstStyle>
          <a:p>
            <a:pPr lvl="0"/>
            <a:r>
              <a:rPr lang="en-GB"/>
              <a:t>Click to insert Caption under image or movie</a:t>
            </a:r>
          </a:p>
        </p:txBody>
      </p:sp>
    </p:spTree>
    <p:extLst>
      <p:ext uri="{BB962C8B-B14F-4D97-AF65-F5344CB8AC3E}">
        <p14:creationId xmlns:p14="http://schemas.microsoft.com/office/powerpoint/2010/main" val="760801838"/>
      </p:ext>
    </p:extLst>
  </p:cSld>
  <p:clrMapOvr>
    <a:masterClrMapping/>
  </p:clrMapOvr>
  <p:transition spd="med">
    <p:pull/>
  </p:transition>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Text + 3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a:t>A 27pt headline on a slide with three images</a:t>
            </a:r>
            <a:endParaRPr lang="en-GB"/>
          </a:p>
        </p:txBody>
      </p:sp>
      <p:sp>
        <p:nvSpPr>
          <p:cNvPr id="3" name="Content Placeholder 2"/>
          <p:cNvSpPr>
            <a:spLocks noGrp="1"/>
          </p:cNvSpPr>
          <p:nvPr>
            <p:ph idx="1" hasCustomPrompt="1"/>
          </p:nvPr>
        </p:nvSpPr>
        <p:spPr>
          <a:xfrm>
            <a:off x="758824" y="1306642"/>
            <a:ext cx="2084389" cy="636458"/>
          </a:xfrm>
        </p:spPr>
        <p:txBody>
          <a:bodyPr/>
          <a:lstStyle>
            <a:lvl1pPr>
              <a:defRPr sz="1650"/>
            </a:lvl1pPr>
          </a:lstStyle>
          <a:p>
            <a:pPr lvl="0"/>
            <a:r>
              <a:rPr lang="en-GB"/>
              <a:t>Click to enter text</a:t>
            </a:r>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
        <p:nvSpPr>
          <p:cNvPr id="7" name="Content Placeholder 2"/>
          <p:cNvSpPr>
            <a:spLocks noGrp="1"/>
          </p:cNvSpPr>
          <p:nvPr>
            <p:ph idx="13" hasCustomPrompt="1"/>
          </p:nvPr>
        </p:nvSpPr>
        <p:spPr>
          <a:xfrm>
            <a:off x="3490913" y="1302661"/>
            <a:ext cx="2084389" cy="636458"/>
          </a:xfrm>
        </p:spPr>
        <p:txBody>
          <a:bodyPr/>
          <a:lstStyle>
            <a:lvl1pPr>
              <a:defRPr sz="1650"/>
            </a:lvl1pPr>
          </a:lstStyle>
          <a:p>
            <a:pPr lvl="0"/>
            <a:r>
              <a:rPr lang="en-GB"/>
              <a:t>Click to enter text</a:t>
            </a:r>
          </a:p>
        </p:txBody>
      </p:sp>
      <p:sp>
        <p:nvSpPr>
          <p:cNvPr id="8" name="Content Placeholder 2"/>
          <p:cNvSpPr>
            <a:spLocks noGrp="1"/>
          </p:cNvSpPr>
          <p:nvPr>
            <p:ph idx="14" hasCustomPrompt="1"/>
          </p:nvPr>
        </p:nvSpPr>
        <p:spPr>
          <a:xfrm>
            <a:off x="6235414" y="1302661"/>
            <a:ext cx="2084389" cy="636458"/>
          </a:xfrm>
        </p:spPr>
        <p:txBody>
          <a:bodyPr/>
          <a:lstStyle>
            <a:lvl1pPr>
              <a:defRPr sz="1650"/>
            </a:lvl1pPr>
          </a:lstStyle>
          <a:p>
            <a:pPr lvl="0"/>
            <a:r>
              <a:rPr lang="en-GB"/>
              <a:t>Click to enter text</a:t>
            </a:r>
          </a:p>
        </p:txBody>
      </p:sp>
      <p:sp>
        <p:nvSpPr>
          <p:cNvPr id="10" name="Tijdelijke aanduiding voor afbeelding 9"/>
          <p:cNvSpPr>
            <a:spLocks noGrp="1"/>
          </p:cNvSpPr>
          <p:nvPr>
            <p:ph type="pic" sz="quarter" idx="15" hasCustomPrompt="1"/>
          </p:nvPr>
        </p:nvSpPr>
        <p:spPr>
          <a:xfrm>
            <a:off x="755650" y="1943101"/>
            <a:ext cx="2087563" cy="2625298"/>
          </a:xfrm>
        </p:spPr>
        <p:txBody>
          <a:bodyPr/>
          <a:lstStyle>
            <a:lvl1pPr>
              <a:defRPr baseline="0"/>
            </a:lvl1pPr>
          </a:lstStyle>
          <a:p>
            <a:r>
              <a:rPr lang="en-GB"/>
              <a:t>Click to insert image</a:t>
            </a:r>
          </a:p>
        </p:txBody>
      </p:sp>
      <p:sp>
        <p:nvSpPr>
          <p:cNvPr id="11" name="Tijdelijke aanduiding voor afbeelding 9"/>
          <p:cNvSpPr>
            <a:spLocks noGrp="1"/>
          </p:cNvSpPr>
          <p:nvPr>
            <p:ph type="pic" sz="quarter" idx="16" hasCustomPrompt="1"/>
          </p:nvPr>
        </p:nvSpPr>
        <p:spPr>
          <a:xfrm>
            <a:off x="3487739" y="1943101"/>
            <a:ext cx="2087563" cy="2625298"/>
          </a:xfrm>
        </p:spPr>
        <p:txBody>
          <a:bodyPr/>
          <a:lstStyle>
            <a:lvl1pPr marL="0" marR="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lvl1pPr>
          </a:lstStyle>
          <a:p>
            <a:pPr marL="0" marR="0" lvl="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pPr>
            <a:r>
              <a:rPr lang="en-GB"/>
              <a:t>Click to insert image</a:t>
            </a:r>
          </a:p>
          <a:p>
            <a:endParaRPr lang="en-GB"/>
          </a:p>
        </p:txBody>
      </p:sp>
      <p:sp>
        <p:nvSpPr>
          <p:cNvPr id="12" name="Tijdelijke aanduiding voor afbeelding 9"/>
          <p:cNvSpPr>
            <a:spLocks noGrp="1"/>
          </p:cNvSpPr>
          <p:nvPr>
            <p:ph type="pic" sz="quarter" idx="17" hasCustomPrompt="1"/>
          </p:nvPr>
        </p:nvSpPr>
        <p:spPr>
          <a:xfrm>
            <a:off x="6235414" y="1943101"/>
            <a:ext cx="2087563" cy="2625298"/>
          </a:xfrm>
        </p:spPr>
        <p:txBody>
          <a:bodyPr/>
          <a:lstStyle>
            <a:lvl1pPr marL="0" marR="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lvl1pPr>
          </a:lstStyle>
          <a:p>
            <a:pPr marL="0" marR="0" lvl="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pPr>
            <a:r>
              <a:rPr lang="en-GB"/>
              <a:t>Click to insert image</a:t>
            </a:r>
          </a:p>
          <a:p>
            <a:endParaRPr lang="en-GB"/>
          </a:p>
        </p:txBody>
      </p:sp>
    </p:spTree>
    <p:extLst>
      <p:ext uri="{BB962C8B-B14F-4D97-AF65-F5344CB8AC3E}">
        <p14:creationId xmlns:p14="http://schemas.microsoft.com/office/powerpoint/2010/main" val="73412124"/>
      </p:ext>
    </p:extLst>
  </p:cSld>
  <p:clrMapOvr>
    <a:masterClrMapping/>
  </p:clrMapOvr>
  <p:transition spd="med">
    <p:pull/>
  </p:transition>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1/2 image - 1/2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723518" y="586800"/>
            <a:ext cx="3600000" cy="732238"/>
          </a:xfrm>
        </p:spPr>
        <p:txBody>
          <a:bodyPr/>
          <a:lstStyle>
            <a:lvl1pPr>
              <a:lnSpc>
                <a:spcPct val="100000"/>
              </a:lnSpc>
              <a:defRPr sz="1950" b="0" baseline="0"/>
            </a:lvl1pPr>
          </a:lstStyle>
          <a:p>
            <a:r>
              <a:rPr lang="en-GB"/>
              <a:t>This is an example of 19,5 </a:t>
            </a:r>
            <a:r>
              <a:rPr lang="en-GB" err="1"/>
              <a:t>pt</a:t>
            </a:r>
            <a:r>
              <a:rPr lang="en-GB"/>
              <a:t> text with single line spacing</a:t>
            </a:r>
          </a:p>
        </p:txBody>
      </p:sp>
      <p:sp>
        <p:nvSpPr>
          <p:cNvPr id="3" name="Content Placeholder 2"/>
          <p:cNvSpPr>
            <a:spLocks noGrp="1"/>
          </p:cNvSpPr>
          <p:nvPr>
            <p:ph sz="half" idx="1" hasCustomPrompt="1"/>
          </p:nvPr>
        </p:nvSpPr>
        <p:spPr>
          <a:xfrm>
            <a:off x="4720343" y="1295401"/>
            <a:ext cx="3598863" cy="2933700"/>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10" name="Tijdelijke aanduiding voor afbeelding 9"/>
          <p:cNvSpPr>
            <a:spLocks noGrp="1"/>
          </p:cNvSpPr>
          <p:nvPr>
            <p:ph type="pic" sz="quarter" idx="13" hasCustomPrompt="1"/>
          </p:nvPr>
        </p:nvSpPr>
        <p:spPr>
          <a:xfrm>
            <a:off x="0" y="0"/>
            <a:ext cx="4354513" cy="4567238"/>
          </a:xfrm>
        </p:spPr>
        <p:txBody>
          <a:bodyPr/>
          <a:lstStyle>
            <a:lvl1pPr marL="0" marR="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lvl1pPr>
          </a:lstStyle>
          <a:p>
            <a:pPr marL="0" marR="0" lvl="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pPr>
            <a:r>
              <a:rPr lang="en-GB"/>
              <a:t>Click to insert image</a:t>
            </a:r>
          </a:p>
        </p:txBody>
      </p:sp>
    </p:spTree>
    <p:extLst>
      <p:ext uri="{BB962C8B-B14F-4D97-AF65-F5344CB8AC3E}">
        <p14:creationId xmlns:p14="http://schemas.microsoft.com/office/powerpoint/2010/main" val="1890841305"/>
      </p:ext>
    </p:extLst>
  </p:cSld>
  <p:clrMapOvr>
    <a:masterClrMapping/>
  </p:clrMapOvr>
  <p:transition spd="med">
    <p:pull/>
  </p:transition>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1/3 image - 2/3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494405" y="586800"/>
            <a:ext cx="4820920" cy="732238"/>
          </a:xfrm>
        </p:spPr>
        <p:txBody>
          <a:bodyPr/>
          <a:lstStyle>
            <a:lvl1pPr>
              <a:lnSpc>
                <a:spcPct val="100000"/>
              </a:lnSpc>
              <a:defRPr sz="1950" b="0" baseline="0"/>
            </a:lvl1pPr>
          </a:lstStyle>
          <a:p>
            <a:r>
              <a:rPr lang="en-GB"/>
              <a:t>This is an example of 19,5 </a:t>
            </a:r>
            <a:r>
              <a:rPr lang="en-GB" err="1"/>
              <a:t>pt</a:t>
            </a:r>
            <a:r>
              <a:rPr lang="en-GB"/>
              <a:t> text with single line spacing</a:t>
            </a:r>
          </a:p>
        </p:txBody>
      </p:sp>
      <p:sp>
        <p:nvSpPr>
          <p:cNvPr id="3" name="Content Placeholder 2"/>
          <p:cNvSpPr>
            <a:spLocks noGrp="1"/>
          </p:cNvSpPr>
          <p:nvPr>
            <p:ph sz="half" idx="1" hasCustomPrompt="1"/>
          </p:nvPr>
        </p:nvSpPr>
        <p:spPr>
          <a:xfrm>
            <a:off x="3491230" y="1295401"/>
            <a:ext cx="4824095" cy="2933700"/>
          </a:xfrm>
        </p:spPr>
        <p:txBody>
          <a:bodyPr/>
          <a:lstStyle>
            <a:lvl1pPr>
              <a:defRPr baseline="0"/>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10" name="Tijdelijke aanduiding voor afbeelding 9"/>
          <p:cNvSpPr>
            <a:spLocks noGrp="1"/>
          </p:cNvSpPr>
          <p:nvPr>
            <p:ph type="pic" sz="quarter" idx="13" hasCustomPrompt="1"/>
          </p:nvPr>
        </p:nvSpPr>
        <p:spPr>
          <a:xfrm>
            <a:off x="0" y="0"/>
            <a:ext cx="3022600" cy="4567238"/>
          </a:xfrm>
        </p:spPr>
        <p:txBody>
          <a:bodyPr/>
          <a:lstStyle/>
          <a:p>
            <a:r>
              <a:rPr lang="en-GB"/>
              <a:t>Click to insert image</a:t>
            </a:r>
          </a:p>
        </p:txBody>
      </p:sp>
    </p:spTree>
    <p:extLst>
      <p:ext uri="{BB962C8B-B14F-4D97-AF65-F5344CB8AC3E}">
        <p14:creationId xmlns:p14="http://schemas.microsoft.com/office/powerpoint/2010/main" val="1164435877"/>
      </p:ext>
    </p:extLst>
  </p:cSld>
  <p:clrMapOvr>
    <a:masterClrMapping/>
  </p:clrMapOvr>
  <p:transition spd="med">
    <p:pull/>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Heading + full screen dark image">
    <p:bg>
      <p:bgPr>
        <a:solidFill>
          <a:schemeClr val="bg1">
            <a:lumMod val="65000"/>
          </a:schemeClr>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8825" y="518400"/>
            <a:ext cx="7556500" cy="733827"/>
          </a:xfrm>
        </p:spPr>
        <p:txBody>
          <a:bodyPr/>
          <a:lstStyle>
            <a:lvl1pPr>
              <a:defRPr baseline="0">
                <a:solidFill>
                  <a:schemeClr val="bg1"/>
                </a:solidFill>
              </a:defRPr>
            </a:lvl1pPr>
          </a:lstStyle>
          <a:p>
            <a:r>
              <a:rPr lang="en-GB"/>
              <a:t>This is an example of a white headline on a full screen, dark image</a:t>
            </a:r>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Tree>
    <p:extLst>
      <p:ext uri="{BB962C8B-B14F-4D97-AF65-F5344CB8AC3E}">
        <p14:creationId xmlns:p14="http://schemas.microsoft.com/office/powerpoint/2010/main" val="1461236846"/>
      </p:ext>
    </p:extLst>
  </p:cSld>
  <p:clrMapOvr>
    <a:masterClrMapping/>
  </p:clrMapOvr>
  <p:transition spd="med">
    <p:pull/>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Title slide - Title at the bottom">
    <p:spTree>
      <p:nvGrpSpPr>
        <p:cNvPr id="1" name=""/>
        <p:cNvGrpSpPr/>
        <p:nvPr/>
      </p:nvGrpSpPr>
      <p:grpSpPr>
        <a:xfrm>
          <a:off x="0" y="0"/>
          <a:ext cx="0" cy="0"/>
          <a:chOff x="0" y="0"/>
          <a:chExt cx="0" cy="0"/>
        </a:xfrm>
      </p:grpSpPr>
      <p:sp>
        <p:nvSpPr>
          <p:cNvPr id="8" name="Black75"/>
          <p:cNvSpPr/>
          <p:nvPr userDrawn="1"/>
        </p:nvSpPr>
        <p:spPr>
          <a:xfrm>
            <a:off x="0" y="2916000"/>
            <a:ext cx="9144000" cy="1080000"/>
          </a:xfrm>
          <a:prstGeom prst="rect">
            <a:avLst/>
          </a:prstGeom>
          <a:solidFill>
            <a:schemeClr val="tx1">
              <a:alpha val="2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 name="Title 1"/>
          <p:cNvSpPr>
            <a:spLocks noGrp="1"/>
          </p:cNvSpPr>
          <p:nvPr>
            <p:ph type="ctrTitle" hasCustomPrompt="1"/>
          </p:nvPr>
        </p:nvSpPr>
        <p:spPr>
          <a:xfrm>
            <a:off x="-1" y="2915049"/>
            <a:ext cx="9143999" cy="792000"/>
          </a:xfrm>
          <a:solidFill>
            <a:schemeClr val="tx2">
              <a:alpha val="50000"/>
            </a:schemeClr>
          </a:solidFill>
        </p:spPr>
        <p:txBody>
          <a:bodyPr lIns="756000" rIns="1962000" anchor="ctr"/>
          <a:lstStyle>
            <a:lvl1pPr algn="l">
              <a:lnSpc>
                <a:spcPts val="2300"/>
              </a:lnSpc>
              <a:defRPr sz="2200">
                <a:solidFill>
                  <a:schemeClr val="bg1"/>
                </a:solidFill>
              </a:defRPr>
            </a:lvl1pPr>
          </a:lstStyle>
          <a:p>
            <a:r>
              <a:rPr lang="en-GB"/>
              <a:t>Example of a title at the bottom</a:t>
            </a:r>
          </a:p>
        </p:txBody>
      </p:sp>
      <p:sp>
        <p:nvSpPr>
          <p:cNvPr id="3" name="Subtitle 2"/>
          <p:cNvSpPr>
            <a:spLocks noGrp="1"/>
          </p:cNvSpPr>
          <p:nvPr>
            <p:ph type="subTitle" idx="1" hasCustomPrompt="1"/>
          </p:nvPr>
        </p:nvSpPr>
        <p:spPr>
          <a:xfrm>
            <a:off x="-1" y="3708591"/>
            <a:ext cx="9143999" cy="288000"/>
          </a:xfrm>
          <a:solidFill>
            <a:schemeClr val="tx2">
              <a:alpha val="50000"/>
            </a:schemeClr>
          </a:solidFill>
          <a:ln>
            <a:noFill/>
          </a:ln>
        </p:spPr>
        <p:txBody>
          <a:bodyPr wrap="none" lIns="756000" tIns="18000" rIns="1962000"/>
          <a:lstStyle>
            <a:lvl1pPr marL="0" indent="0" algn="l">
              <a:buNone/>
              <a:defRPr sz="1000" b="1" cap="all" baseline="0">
                <a:solidFill>
                  <a:schemeClr val="bg1"/>
                </a:solidFill>
              </a:defRPr>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en-GB"/>
              <a:t>SUBTITLE OR DATE</a:t>
            </a:r>
          </a:p>
        </p:txBody>
      </p:sp>
      <p:pic>
        <p:nvPicPr>
          <p:cNvPr id="7" name="Picture 2">
            <a:extLst>
              <a:ext uri="{FF2B5EF4-FFF2-40B4-BE49-F238E27FC236}">
                <a16:creationId xmlns:a16="http://schemas.microsoft.com/office/drawing/2014/main" id="{521D38FC-6D70-0146-84E1-32B3F0A2D642}"/>
              </a:ext>
            </a:extLst>
          </p:cNvPr>
          <p:cNvPicPr>
            <a:picLocks noChangeAspect="1"/>
          </p:cNvPicPr>
          <p:nvPr userDrawn="1"/>
        </p:nvPicPr>
        <p:blipFill>
          <a:blip r:embed="rId2"/>
          <a:stretch>
            <a:fillRect/>
          </a:stretch>
        </p:blipFill>
        <p:spPr>
          <a:xfrm>
            <a:off x="7340600" y="4568825"/>
            <a:ext cx="1803400" cy="574675"/>
          </a:xfrm>
          <a:prstGeom prst="rect">
            <a:avLst/>
          </a:prstGeom>
        </p:spPr>
      </p:pic>
      <p:sp>
        <p:nvSpPr>
          <p:cNvPr id="9" name="Tijdelijke aanduiding voor tekst 8"/>
          <p:cNvSpPr>
            <a:spLocks noGrp="1"/>
          </p:cNvSpPr>
          <p:nvPr>
            <p:ph type="body" sz="quarter" idx="13" hasCustomPrompt="1"/>
          </p:nvPr>
        </p:nvSpPr>
        <p:spPr>
          <a:xfrm>
            <a:off x="0" y="3990975"/>
            <a:ext cx="9143999" cy="576263"/>
          </a:xfrm>
          <a:solidFill>
            <a:srgbClr val="000000">
              <a:alpha val="25098"/>
            </a:srgbClr>
          </a:solidFill>
          <a:ln>
            <a:noFill/>
          </a:ln>
        </p:spPr>
        <p:txBody>
          <a:bodyPr lIns="756000" anchor="ctr" anchorCtr="0"/>
          <a:lstStyle>
            <a:lvl1pPr>
              <a:defRPr sz="1100" b="1">
                <a:solidFill>
                  <a:schemeClr val="bg1"/>
                </a:solidFill>
              </a:defRPr>
            </a:lvl1pPr>
          </a:lstStyle>
          <a:p>
            <a:pPr lvl="0"/>
            <a:r>
              <a:rPr lang="en-GB"/>
              <a:t>Name, Function</a:t>
            </a:r>
          </a:p>
        </p:txBody>
      </p:sp>
      <p:sp>
        <p:nvSpPr>
          <p:cNvPr id="11" name="Tijdelijke aanduiding voor tekst 8"/>
          <p:cNvSpPr>
            <a:spLocks noGrp="1"/>
          </p:cNvSpPr>
          <p:nvPr>
            <p:ph type="body" sz="quarter" idx="14" hasCustomPrompt="1"/>
          </p:nvPr>
        </p:nvSpPr>
        <p:spPr>
          <a:xfrm>
            <a:off x="-6667" y="4567237"/>
            <a:ext cx="7347267" cy="576263"/>
          </a:xfrm>
          <a:solidFill>
            <a:srgbClr val="FFFFFF"/>
          </a:solidFill>
          <a:ln>
            <a:noFill/>
          </a:ln>
        </p:spPr>
        <p:txBody>
          <a:bodyPr lIns="756000" anchor="ctr" anchorCtr="0"/>
          <a:lstStyle>
            <a:lvl1pPr>
              <a:defRPr sz="1100" b="0" baseline="0">
                <a:solidFill>
                  <a:schemeClr val="tx1"/>
                </a:solidFill>
              </a:defRPr>
            </a:lvl1pPr>
          </a:lstStyle>
          <a:p>
            <a:pPr lvl="0"/>
            <a:r>
              <a:rPr lang="en-GB"/>
              <a:t>Department, Sub department or Capacity Group</a:t>
            </a:r>
          </a:p>
        </p:txBody>
      </p:sp>
    </p:spTree>
    <p:extLst>
      <p:ext uri="{BB962C8B-B14F-4D97-AF65-F5344CB8AC3E}">
        <p14:creationId xmlns:p14="http://schemas.microsoft.com/office/powerpoint/2010/main" val="223749774"/>
      </p:ext>
    </p:extLst>
  </p:cSld>
  <p:clrMapOvr>
    <a:masterClrMapping/>
  </p:clrMapOvr>
  <p:transition spd="med">
    <p:pull/>
  </p:transition>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Heading + full screen light image">
    <p:bg>
      <p:bgPr>
        <a:solidFill>
          <a:schemeClr val="bg1">
            <a:lumMod val="95000"/>
          </a:schemeClr>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8825" y="518400"/>
            <a:ext cx="7556500" cy="733827"/>
          </a:xfrm>
        </p:spPr>
        <p:txBody>
          <a:bodyPr/>
          <a:lstStyle>
            <a:lvl1pPr>
              <a:defRPr baseline="0">
                <a:solidFill>
                  <a:schemeClr val="tx1"/>
                </a:solidFill>
              </a:defRPr>
            </a:lvl1pPr>
          </a:lstStyle>
          <a:p>
            <a:r>
              <a:rPr lang="en-GB"/>
              <a:t>This is an example of a black headline on a full screen, light image</a:t>
            </a:r>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Tree>
    <p:extLst>
      <p:ext uri="{BB962C8B-B14F-4D97-AF65-F5344CB8AC3E}">
        <p14:creationId xmlns:p14="http://schemas.microsoft.com/office/powerpoint/2010/main" val="2601523721"/>
      </p:ext>
    </p:extLst>
  </p:cSld>
  <p:clrMapOvr>
    <a:masterClrMapping/>
  </p:clrMapOvr>
  <p:transition spd="med">
    <p:pull/>
  </p:transition>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White background">
    <p:bg>
      <p:bgPr>
        <a:solidFill>
          <a:schemeClr val="bg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8825" y="518400"/>
            <a:ext cx="7556500" cy="733827"/>
          </a:xfrm>
        </p:spPr>
        <p:txBody>
          <a:bodyPr/>
          <a:lstStyle>
            <a:lvl1pPr>
              <a:defRPr baseline="0">
                <a:solidFill>
                  <a:schemeClr val="tx1"/>
                </a:solidFill>
              </a:defRPr>
            </a:lvl1pPr>
          </a:lstStyle>
          <a:p>
            <a:r>
              <a:rPr lang="en-GB"/>
              <a:t>This is an example of a black headline on a white background</a:t>
            </a:r>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cxnSp>
        <p:nvCxnSpPr>
          <p:cNvPr id="7" name="Rechte verbindingslijn 6"/>
          <p:cNvCxnSpPr/>
          <p:nvPr userDrawn="1"/>
        </p:nvCxnSpPr>
        <p:spPr>
          <a:xfrm>
            <a:off x="0" y="4563782"/>
            <a:ext cx="9144000" cy="0"/>
          </a:xfrm>
          <a:prstGeom prst="line">
            <a:avLst/>
          </a:prstGeom>
          <a:ln w="3175">
            <a:solidFill>
              <a:schemeClr val="tx1"/>
            </a:solidFill>
          </a:ln>
        </p:spPr>
        <p:style>
          <a:lnRef idx="1">
            <a:schemeClr val="accent1"/>
          </a:lnRef>
          <a:fillRef idx="0">
            <a:schemeClr val="accent1"/>
          </a:fillRef>
          <a:effectRef idx="0">
            <a:schemeClr val="accent1"/>
          </a:effectRef>
          <a:fontRef idx="minor">
            <a:schemeClr val="tx1"/>
          </a:fontRef>
        </p:style>
      </p:cxnSp>
      <p:sp>
        <p:nvSpPr>
          <p:cNvPr id="9" name="Tijdelijke aanduiding voor afbeelding 8"/>
          <p:cNvSpPr>
            <a:spLocks noGrp="1"/>
          </p:cNvSpPr>
          <p:nvPr>
            <p:ph type="pic" sz="quarter" idx="13" hasCustomPrompt="1"/>
          </p:nvPr>
        </p:nvSpPr>
        <p:spPr>
          <a:xfrm>
            <a:off x="1890000" y="1299075"/>
            <a:ext cx="5292725" cy="2977200"/>
          </a:xfrm>
        </p:spPr>
        <p:txBody>
          <a:bodyPr/>
          <a:lstStyle>
            <a:lvl1pPr marL="0" marR="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lvl1pPr>
          </a:lstStyle>
          <a:p>
            <a:pPr marL="0" marR="0" lvl="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pPr>
            <a:r>
              <a:rPr lang="en-GB"/>
              <a:t>Click to insert image</a:t>
            </a:r>
          </a:p>
          <a:p>
            <a:endParaRPr lang="en-GB"/>
          </a:p>
        </p:txBody>
      </p:sp>
    </p:spTree>
    <p:extLst>
      <p:ext uri="{BB962C8B-B14F-4D97-AF65-F5344CB8AC3E}">
        <p14:creationId xmlns:p14="http://schemas.microsoft.com/office/powerpoint/2010/main" val="3124563009"/>
      </p:ext>
    </p:extLst>
  </p:cSld>
  <p:clrMapOvr>
    <a:masterClrMapping/>
  </p:clrMapOvr>
  <p:transition spd="med">
    <p:pull/>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type="obj" preserve="1">
  <p:cSld name="Scarlet background">
    <p:bg>
      <p:bgPr>
        <a:solidFill>
          <a:schemeClr val="tx2"/>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solidFill>
                  <a:schemeClr val="bg1"/>
                </a:solidFill>
              </a:defRPr>
            </a:lvl1pPr>
          </a:lstStyle>
          <a:p>
            <a:r>
              <a:rPr lang="en-GB"/>
              <a:t>This is an example of a 27 </a:t>
            </a:r>
            <a:r>
              <a:rPr lang="en-GB" err="1"/>
              <a:t>pt</a:t>
            </a:r>
            <a:r>
              <a:rPr lang="en-GB"/>
              <a:t> headline with 27 </a:t>
            </a:r>
            <a:r>
              <a:rPr lang="en-GB" err="1"/>
              <a:t>pt</a:t>
            </a:r>
            <a:r>
              <a:rPr lang="en-GB"/>
              <a:t> line spacing</a:t>
            </a:r>
          </a:p>
        </p:txBody>
      </p:sp>
      <p:sp>
        <p:nvSpPr>
          <p:cNvPr id="3" name="Content Placeholder 2"/>
          <p:cNvSpPr>
            <a:spLocks noGrp="1"/>
          </p:cNvSpPr>
          <p:nvPr>
            <p:ph idx="1" hasCustomPrompt="1"/>
          </p:nvPr>
        </p:nvSpPr>
        <p:spPr/>
        <p:txBody>
          <a:bodyPr/>
          <a:lstStyle>
            <a:lvl1pPr>
              <a:defRPr baseline="0">
                <a:solidFill>
                  <a:schemeClr val="bg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Tree>
    <p:extLst>
      <p:ext uri="{BB962C8B-B14F-4D97-AF65-F5344CB8AC3E}">
        <p14:creationId xmlns:p14="http://schemas.microsoft.com/office/powerpoint/2010/main" val="2917015572"/>
      </p:ext>
    </p:extLst>
  </p:cSld>
  <p:clrMapOvr>
    <a:masterClrMapping/>
  </p:clrMapOvr>
  <p:transition spd="med">
    <p:pull/>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able + tex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5650" y="586800"/>
            <a:ext cx="7563556" cy="516339"/>
          </a:xfrm>
        </p:spPr>
        <p:txBody>
          <a:bodyPr wrap="none"/>
          <a:lstStyle>
            <a:lvl1pPr>
              <a:lnSpc>
                <a:spcPct val="100000"/>
              </a:lnSpc>
              <a:defRPr sz="1950" b="0" baseline="0"/>
            </a:lvl1pPr>
          </a:lstStyle>
          <a:p>
            <a:r>
              <a:rPr lang="en-US"/>
              <a:t>Sample slide with table and text</a:t>
            </a:r>
            <a:endParaRPr lang="en-GB"/>
          </a:p>
        </p:txBody>
      </p:sp>
      <p:sp>
        <p:nvSpPr>
          <p:cNvPr id="3" name="Content Placeholder 2"/>
          <p:cNvSpPr>
            <a:spLocks noGrp="1"/>
          </p:cNvSpPr>
          <p:nvPr>
            <p:ph sz="half" idx="1" hasCustomPrompt="1"/>
          </p:nvPr>
        </p:nvSpPr>
        <p:spPr>
          <a:xfrm>
            <a:off x="755651" y="2638425"/>
            <a:ext cx="7563556" cy="1590675"/>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8" name="Tijdelijke aanduiding voor tabel 7"/>
          <p:cNvSpPr>
            <a:spLocks noGrp="1"/>
          </p:cNvSpPr>
          <p:nvPr>
            <p:ph type="tbl" sz="quarter" idx="13" hasCustomPrompt="1"/>
          </p:nvPr>
        </p:nvSpPr>
        <p:spPr>
          <a:xfrm>
            <a:off x="755650" y="1079501"/>
            <a:ext cx="7559675" cy="1152000"/>
          </a:xfrm>
        </p:spPr>
        <p:txBody>
          <a:bodyPr/>
          <a:lstStyle>
            <a:lvl1pPr>
              <a:defRPr/>
            </a:lvl1pPr>
          </a:lstStyle>
          <a:p>
            <a:r>
              <a:rPr lang="en-GB"/>
              <a:t>Click to insert table</a:t>
            </a:r>
          </a:p>
        </p:txBody>
      </p:sp>
    </p:spTree>
    <p:extLst>
      <p:ext uri="{BB962C8B-B14F-4D97-AF65-F5344CB8AC3E}">
        <p14:creationId xmlns:p14="http://schemas.microsoft.com/office/powerpoint/2010/main" val="1474212919"/>
      </p:ext>
    </p:extLst>
  </p:cSld>
  <p:clrMapOvr>
    <a:masterClrMapping/>
  </p:clrMapOvr>
  <p:transition spd="med">
    <p:pull/>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Cha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5650" y="586800"/>
            <a:ext cx="7563556" cy="516339"/>
          </a:xfrm>
        </p:spPr>
        <p:txBody>
          <a:bodyPr wrap="none"/>
          <a:lstStyle>
            <a:lvl1pPr>
              <a:lnSpc>
                <a:spcPct val="100000"/>
              </a:lnSpc>
              <a:defRPr sz="1950" b="0" baseline="0"/>
            </a:lvl1pPr>
          </a:lstStyle>
          <a:p>
            <a:r>
              <a:rPr lang="en-GB"/>
              <a:t>Example chart</a:t>
            </a:r>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9" name="Tijdelijke aanduiding voor grafiek 8"/>
          <p:cNvSpPr>
            <a:spLocks noGrp="1"/>
          </p:cNvSpPr>
          <p:nvPr>
            <p:ph type="chart" sz="quarter" idx="13" hasCustomPrompt="1"/>
          </p:nvPr>
        </p:nvSpPr>
        <p:spPr>
          <a:xfrm>
            <a:off x="755650" y="1079500"/>
            <a:ext cx="7559675" cy="3149600"/>
          </a:xfrm>
        </p:spPr>
        <p:txBody>
          <a:bodyPr/>
          <a:lstStyle>
            <a:lvl1pPr>
              <a:defRPr/>
            </a:lvl1pPr>
          </a:lstStyle>
          <a:p>
            <a:r>
              <a:rPr lang="en-GB"/>
              <a:t>Click to insert chart</a:t>
            </a:r>
          </a:p>
        </p:txBody>
      </p:sp>
    </p:spTree>
    <p:extLst>
      <p:ext uri="{BB962C8B-B14F-4D97-AF65-F5344CB8AC3E}">
        <p14:creationId xmlns:p14="http://schemas.microsoft.com/office/powerpoint/2010/main" val="1360808767"/>
      </p:ext>
    </p:extLst>
  </p:cSld>
  <p:clrMapOvr>
    <a:masterClrMapping/>
  </p:clrMapOvr>
  <p:transition spd="med">
    <p:pull/>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Text slide">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GB"/>
              <a:t>This is an example of a 27 </a:t>
            </a:r>
            <a:r>
              <a:rPr lang="en-GB" err="1"/>
              <a:t>pt</a:t>
            </a:r>
            <a:r>
              <a:rPr lang="en-GB"/>
              <a:t> headline with 27 </a:t>
            </a:r>
            <a:r>
              <a:rPr lang="en-GB" err="1"/>
              <a:t>pt</a:t>
            </a:r>
            <a:r>
              <a:rPr lang="en-GB"/>
              <a:t> line spacing</a:t>
            </a:r>
          </a:p>
        </p:txBody>
      </p:sp>
      <p:sp>
        <p:nvSpPr>
          <p:cNvPr id="3" name="Content Placeholder 2"/>
          <p:cNvSpPr>
            <a:spLocks noGrp="1"/>
          </p:cNvSpPr>
          <p:nvPr>
            <p:ph idx="1" hasCustomPrompt="1"/>
          </p:nvPr>
        </p:nvSpPr>
        <p:spPr/>
        <p:txBody>
          <a:bodyPr/>
          <a:lstStyle>
            <a:lvl1pPr>
              <a:defRPr baseline="0"/>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Tree>
    <p:extLst>
      <p:ext uri="{BB962C8B-B14F-4D97-AF65-F5344CB8AC3E}">
        <p14:creationId xmlns:p14="http://schemas.microsoft.com/office/powerpoint/2010/main" val="4194838218"/>
      </p:ext>
    </p:extLst>
  </p:cSld>
  <p:clrMapOvr>
    <a:masterClrMapping/>
  </p:clrMapOvr>
  <p:transition spd="med">
    <p:pull/>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Text slide -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8825" y="585793"/>
            <a:ext cx="3595688" cy="732238"/>
          </a:xfrm>
        </p:spPr>
        <p:txBody>
          <a:bodyPr/>
          <a:lstStyle>
            <a:lvl1pPr>
              <a:lnSpc>
                <a:spcPct val="100000"/>
              </a:lnSpc>
              <a:defRPr sz="1950" b="0" baseline="0"/>
            </a:lvl1pPr>
          </a:lstStyle>
          <a:p>
            <a:r>
              <a:rPr lang="en-GB"/>
              <a:t>This is an example of 19,5 </a:t>
            </a:r>
            <a:r>
              <a:rPr lang="en-GB" err="1"/>
              <a:t>pt</a:t>
            </a:r>
            <a:r>
              <a:rPr lang="en-GB"/>
              <a:t> text with single line spacing</a:t>
            </a:r>
          </a:p>
        </p:txBody>
      </p:sp>
      <p:sp>
        <p:nvSpPr>
          <p:cNvPr id="3" name="Content Placeholder 2"/>
          <p:cNvSpPr>
            <a:spLocks noGrp="1"/>
          </p:cNvSpPr>
          <p:nvPr>
            <p:ph sz="half" idx="1" hasCustomPrompt="1"/>
          </p:nvPr>
        </p:nvSpPr>
        <p:spPr>
          <a:xfrm>
            <a:off x="755650" y="1295401"/>
            <a:ext cx="3598863" cy="2933700"/>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4" name="Content Placeholder 3"/>
          <p:cNvSpPr>
            <a:spLocks noGrp="1"/>
          </p:cNvSpPr>
          <p:nvPr>
            <p:ph sz="half" idx="2" hasCustomPrompt="1"/>
          </p:nvPr>
        </p:nvSpPr>
        <p:spPr>
          <a:xfrm>
            <a:off x="4723606" y="1296000"/>
            <a:ext cx="3595688" cy="2933101"/>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9" name="Text Placeholder 2"/>
          <p:cNvSpPr>
            <a:spLocks noGrp="1"/>
          </p:cNvSpPr>
          <p:nvPr>
            <p:ph type="body" idx="13" hasCustomPrompt="1"/>
          </p:nvPr>
        </p:nvSpPr>
        <p:spPr>
          <a:xfrm>
            <a:off x="4714875" y="586800"/>
            <a:ext cx="3604419" cy="732238"/>
          </a:xfrm>
        </p:spPr>
        <p:txBody>
          <a:bodyPr anchor="t"/>
          <a:lstStyle>
            <a:lvl1pPr marL="0" indent="0">
              <a:buNone/>
              <a:defRPr lang="nl-NL" sz="1950" b="0" kern="1200" baseline="0" dirty="0" smtClean="0">
                <a:solidFill>
                  <a:schemeClr val="tx1"/>
                </a:solidFill>
                <a:latin typeface="+mj-lt"/>
                <a:ea typeface="+mj-ea"/>
                <a:cs typeface="+mj-cs"/>
              </a:defRPr>
            </a:lvl1pPr>
            <a:lvl2pPr marL="342900" indent="0">
              <a:buNone/>
              <a:defRPr sz="1500" b="1"/>
            </a:lvl2pPr>
            <a:lvl3pPr marL="685800" indent="0">
              <a:buNone/>
              <a:defRPr sz="1350" b="1"/>
            </a:lvl3pPr>
            <a:lvl4pPr marL="1028700" indent="0">
              <a:buNone/>
              <a:defRPr sz="1200" b="1"/>
            </a:lvl4pPr>
            <a:lvl5pPr marL="1371600" indent="0">
              <a:buNone/>
              <a:defRPr sz="1200" b="1"/>
            </a:lvl5pPr>
            <a:lvl6pPr marL="1714500" indent="0">
              <a:buNone/>
              <a:defRPr sz="1200" b="1"/>
            </a:lvl6pPr>
            <a:lvl7pPr marL="2057400" indent="0">
              <a:buNone/>
              <a:defRPr sz="1200" b="1"/>
            </a:lvl7pPr>
            <a:lvl8pPr marL="2400300" indent="0">
              <a:buNone/>
              <a:defRPr sz="1200" b="1"/>
            </a:lvl8pPr>
            <a:lvl9pPr marL="2743200" indent="0">
              <a:buNone/>
              <a:defRPr sz="1200" b="1"/>
            </a:lvl9pPr>
          </a:lstStyle>
          <a:p>
            <a:pPr lvl="0"/>
            <a:r>
              <a:rPr lang="en-GB"/>
              <a:t>Click to enter text</a:t>
            </a:r>
          </a:p>
        </p:txBody>
      </p:sp>
    </p:spTree>
    <p:extLst>
      <p:ext uri="{BB962C8B-B14F-4D97-AF65-F5344CB8AC3E}">
        <p14:creationId xmlns:p14="http://schemas.microsoft.com/office/powerpoint/2010/main" val="1682407067"/>
      </p:ext>
    </p:extLst>
  </p:cSld>
  <p:clrMapOvr>
    <a:masterClrMapping/>
  </p:clrMapOvr>
  <p:transition spd="med">
    <p:pull/>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1/2 text - 1/2 imag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6000" y="586800"/>
            <a:ext cx="3600000" cy="732238"/>
          </a:xfrm>
        </p:spPr>
        <p:txBody>
          <a:bodyPr/>
          <a:lstStyle>
            <a:lvl1pPr>
              <a:lnSpc>
                <a:spcPct val="100000"/>
              </a:lnSpc>
              <a:defRPr sz="1950" b="0" baseline="0"/>
            </a:lvl1pPr>
          </a:lstStyle>
          <a:p>
            <a:r>
              <a:rPr lang="en-GB"/>
              <a:t>This is an example of 19,5 </a:t>
            </a:r>
            <a:r>
              <a:rPr lang="en-GB" err="1"/>
              <a:t>pt</a:t>
            </a:r>
            <a:r>
              <a:rPr lang="en-GB"/>
              <a:t> text with single line spacing</a:t>
            </a:r>
          </a:p>
        </p:txBody>
      </p:sp>
      <p:sp>
        <p:nvSpPr>
          <p:cNvPr id="3" name="Content Placeholder 2"/>
          <p:cNvSpPr>
            <a:spLocks noGrp="1"/>
          </p:cNvSpPr>
          <p:nvPr>
            <p:ph sz="half" idx="1" hasCustomPrompt="1"/>
          </p:nvPr>
        </p:nvSpPr>
        <p:spPr>
          <a:xfrm>
            <a:off x="755650" y="1295401"/>
            <a:ext cx="3598863" cy="2933700"/>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10" name="Tijdelijke aanduiding voor afbeelding 9"/>
          <p:cNvSpPr>
            <a:spLocks noGrp="1"/>
          </p:cNvSpPr>
          <p:nvPr>
            <p:ph type="pic" sz="quarter" idx="13" hasCustomPrompt="1"/>
          </p:nvPr>
        </p:nvSpPr>
        <p:spPr>
          <a:xfrm>
            <a:off x="4714875" y="0"/>
            <a:ext cx="4429125" cy="4567238"/>
          </a:xfrm>
        </p:spPr>
        <p:txBody>
          <a:bodyPr/>
          <a:lstStyle>
            <a:lvl1pPr>
              <a:defRPr/>
            </a:lvl1pPr>
          </a:lstStyle>
          <a:p>
            <a:r>
              <a:rPr lang="en-GB"/>
              <a:t>Click to insert image</a:t>
            </a:r>
          </a:p>
        </p:txBody>
      </p:sp>
    </p:spTree>
    <p:extLst>
      <p:ext uri="{BB962C8B-B14F-4D97-AF65-F5344CB8AC3E}">
        <p14:creationId xmlns:p14="http://schemas.microsoft.com/office/powerpoint/2010/main" val="981543629"/>
      </p:ext>
    </p:extLst>
  </p:cSld>
  <p:clrMapOvr>
    <a:masterClrMapping/>
  </p:clrMapOvr>
  <p:transition spd="med">
    <p:pull/>
  </p:transition>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2/3 text - 1/3 imag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756000" y="586800"/>
            <a:ext cx="4910138" cy="732238"/>
          </a:xfrm>
        </p:spPr>
        <p:txBody>
          <a:bodyPr/>
          <a:lstStyle>
            <a:lvl1pPr>
              <a:lnSpc>
                <a:spcPct val="100000"/>
              </a:lnSpc>
              <a:defRPr sz="1950" b="0" baseline="0"/>
            </a:lvl1pPr>
          </a:lstStyle>
          <a:p>
            <a:r>
              <a:rPr lang="en-GB"/>
              <a:t>This is an example of 19,5 </a:t>
            </a:r>
            <a:r>
              <a:rPr lang="en-GB" err="1"/>
              <a:t>pt</a:t>
            </a:r>
            <a:r>
              <a:rPr lang="en-GB"/>
              <a:t> text with single line spacing</a:t>
            </a:r>
          </a:p>
        </p:txBody>
      </p:sp>
      <p:sp>
        <p:nvSpPr>
          <p:cNvPr id="3" name="Content Placeholder 2"/>
          <p:cNvSpPr>
            <a:spLocks noGrp="1"/>
          </p:cNvSpPr>
          <p:nvPr>
            <p:ph sz="half" idx="1" hasCustomPrompt="1"/>
          </p:nvPr>
        </p:nvSpPr>
        <p:spPr>
          <a:xfrm>
            <a:off x="755650" y="1295401"/>
            <a:ext cx="4913313" cy="2933700"/>
          </a:xfrm>
        </p:spPr>
        <p:txBody>
          <a:bodyPr/>
          <a:lstStyle>
            <a:lvl1pPr>
              <a:defRPr/>
            </a:lvl1pPr>
          </a:lstStyle>
          <a:p>
            <a:pPr lvl="0"/>
            <a:r>
              <a:rPr lang="en-GB"/>
              <a:t>Click to enter text</a:t>
            </a:r>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Date Placeholder 4"/>
          <p:cNvSpPr>
            <a:spLocks noGrp="1"/>
          </p:cNvSpPr>
          <p:nvPr>
            <p:ph type="dt" sz="half" idx="10"/>
          </p:nvPr>
        </p:nvSpPr>
        <p:spPr>
          <a:xfrm>
            <a:off x="628650" y="4767263"/>
            <a:ext cx="2057400" cy="273844"/>
          </a:xfrm>
          <a:prstGeom prst="rect">
            <a:avLst/>
          </a:prstGeom>
        </p:spPr>
        <p:txBody>
          <a:bodyPr/>
          <a:lstStyle/>
          <a:p>
            <a:endParaRPr lang="en-GB"/>
          </a:p>
        </p:txBody>
      </p:sp>
      <p:sp>
        <p:nvSpPr>
          <p:cNvPr id="6" name="Footer Placeholder 5"/>
          <p:cNvSpPr>
            <a:spLocks noGrp="1"/>
          </p:cNvSpPr>
          <p:nvPr>
            <p:ph type="ftr" sz="quarter" idx="11"/>
          </p:nvPr>
        </p:nvSpPr>
        <p:spPr/>
        <p:txBody>
          <a:bodyPr/>
          <a:lstStyle/>
          <a:p>
            <a:r>
              <a:rPr lang="en-GB"/>
              <a:t>28th International Symposium on Chemical Reaction Engineering - June 17th, 2024 - Gaetano Anello</a:t>
            </a:r>
          </a:p>
        </p:txBody>
      </p:sp>
      <p:sp>
        <p:nvSpPr>
          <p:cNvPr id="7" name="Slide Number Placeholder 6"/>
          <p:cNvSpPr>
            <a:spLocks noGrp="1"/>
          </p:cNvSpPr>
          <p:nvPr>
            <p:ph type="sldNum" sz="quarter" idx="12"/>
          </p:nvPr>
        </p:nvSpPr>
        <p:spPr/>
        <p:txBody>
          <a:bodyPr/>
          <a:lstStyle/>
          <a:p>
            <a:fld id="{C194BDB0-F4EA-4DD6-8281-CCE2440D0CE0}" type="slidenum">
              <a:rPr lang="en-GB" smtClean="0"/>
              <a:t>‹#›</a:t>
            </a:fld>
            <a:endParaRPr lang="en-GB"/>
          </a:p>
        </p:txBody>
      </p:sp>
      <p:sp>
        <p:nvSpPr>
          <p:cNvPr id="10" name="Tijdelijke aanduiding voor afbeelding 9"/>
          <p:cNvSpPr>
            <a:spLocks noGrp="1"/>
          </p:cNvSpPr>
          <p:nvPr>
            <p:ph type="pic" sz="quarter" idx="13" hasCustomPrompt="1"/>
          </p:nvPr>
        </p:nvSpPr>
        <p:spPr>
          <a:xfrm>
            <a:off x="6046788" y="0"/>
            <a:ext cx="3097212" cy="4567238"/>
          </a:xfrm>
        </p:spPr>
        <p:txBody>
          <a:bodyPr/>
          <a:lstStyle>
            <a:lvl1pPr>
              <a:defRPr/>
            </a:lvl1pPr>
          </a:lstStyle>
          <a:p>
            <a:r>
              <a:rPr lang="en-GB"/>
              <a:t>Click to insert image</a:t>
            </a:r>
          </a:p>
        </p:txBody>
      </p:sp>
    </p:spTree>
    <p:extLst>
      <p:ext uri="{BB962C8B-B14F-4D97-AF65-F5344CB8AC3E}">
        <p14:creationId xmlns:p14="http://schemas.microsoft.com/office/powerpoint/2010/main" val="3272405502"/>
      </p:ext>
    </p:extLst>
  </p:cSld>
  <p:clrMapOvr>
    <a:masterClrMapping/>
  </p:clrMapOvr>
  <p:transition spd="med">
    <p:pull/>
  </p:transition>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Headline + image/movie 16:9">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wrap="none"/>
          <a:lstStyle/>
          <a:p>
            <a:r>
              <a:rPr lang="en-GB"/>
              <a:t>This is an example of a 27 </a:t>
            </a:r>
            <a:r>
              <a:rPr lang="en-GB" err="1"/>
              <a:t>pt</a:t>
            </a:r>
            <a:r>
              <a:rPr lang="en-GB"/>
              <a:t> headline</a:t>
            </a:r>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
        <p:nvSpPr>
          <p:cNvPr id="10" name="Tijdelijke aanduiding voor inhoud 9"/>
          <p:cNvSpPr>
            <a:spLocks noGrp="1" noChangeAspect="1"/>
          </p:cNvSpPr>
          <p:nvPr>
            <p:ph sz="quarter" idx="13" hasCustomPrompt="1"/>
          </p:nvPr>
        </p:nvSpPr>
        <p:spPr>
          <a:xfrm>
            <a:off x="1889125" y="1079501"/>
            <a:ext cx="5292725" cy="2977200"/>
          </a:xfrm>
        </p:spPr>
        <p:txBody>
          <a:bodyPr/>
          <a:lstStyle>
            <a:lvl1pPr>
              <a:defRPr baseline="0"/>
            </a:lvl1pPr>
          </a:lstStyle>
          <a:p>
            <a:pPr lvl="0"/>
            <a:r>
              <a:rPr lang="en-GB"/>
              <a:t>Click icon to insert 16x9 image or movie</a:t>
            </a:r>
          </a:p>
        </p:txBody>
      </p:sp>
      <p:sp>
        <p:nvSpPr>
          <p:cNvPr id="12" name="Tijdelijke aanduiding voor tekst 11"/>
          <p:cNvSpPr>
            <a:spLocks noGrp="1"/>
          </p:cNvSpPr>
          <p:nvPr>
            <p:ph type="body" sz="quarter" idx="14" hasCustomPrompt="1"/>
          </p:nvPr>
        </p:nvSpPr>
        <p:spPr>
          <a:xfrm>
            <a:off x="1889125" y="4106268"/>
            <a:ext cx="5292725" cy="165100"/>
          </a:xfrm>
        </p:spPr>
        <p:txBody>
          <a:bodyPr/>
          <a:lstStyle>
            <a:lvl1pPr>
              <a:defRPr sz="1100" i="1"/>
            </a:lvl1pPr>
          </a:lstStyle>
          <a:p>
            <a:pPr lvl="0"/>
            <a:r>
              <a:rPr lang="en-GB"/>
              <a:t>Click to insert Caption under image or movie</a:t>
            </a:r>
          </a:p>
        </p:txBody>
      </p:sp>
    </p:spTree>
    <p:extLst>
      <p:ext uri="{BB962C8B-B14F-4D97-AF65-F5344CB8AC3E}">
        <p14:creationId xmlns:p14="http://schemas.microsoft.com/office/powerpoint/2010/main" val="1938494043"/>
      </p:ext>
    </p:extLst>
  </p:cSld>
  <p:clrMapOvr>
    <a:masterClrMapping/>
  </p:clrMapOvr>
  <p:transition spd="med">
    <p:pull/>
  </p:transition>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ext + 3 image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a:t>A 27pt headline on a slide with three images</a:t>
            </a:r>
            <a:endParaRPr lang="en-GB"/>
          </a:p>
        </p:txBody>
      </p:sp>
      <p:sp>
        <p:nvSpPr>
          <p:cNvPr id="3" name="Content Placeholder 2"/>
          <p:cNvSpPr>
            <a:spLocks noGrp="1"/>
          </p:cNvSpPr>
          <p:nvPr>
            <p:ph idx="1" hasCustomPrompt="1"/>
          </p:nvPr>
        </p:nvSpPr>
        <p:spPr>
          <a:xfrm>
            <a:off x="758824" y="1306642"/>
            <a:ext cx="2084389" cy="636458"/>
          </a:xfrm>
        </p:spPr>
        <p:txBody>
          <a:bodyPr/>
          <a:lstStyle>
            <a:lvl1pPr>
              <a:defRPr sz="1650"/>
            </a:lvl1pPr>
          </a:lstStyle>
          <a:p>
            <a:pPr lvl="0"/>
            <a:r>
              <a:rPr lang="en-GB"/>
              <a:t>Click to enter text</a:t>
            </a:r>
          </a:p>
        </p:txBody>
      </p:sp>
      <p:sp>
        <p:nvSpPr>
          <p:cNvPr id="4" name="Date Placeholder 3"/>
          <p:cNvSpPr>
            <a:spLocks noGrp="1"/>
          </p:cNvSpPr>
          <p:nvPr>
            <p:ph type="dt" sz="half" idx="10"/>
          </p:nvPr>
        </p:nvSpPr>
        <p:spPr>
          <a:xfrm>
            <a:off x="628650" y="4767263"/>
            <a:ext cx="2057400" cy="273844"/>
          </a:xfrm>
          <a:prstGeom prst="rect">
            <a:avLst/>
          </a:prstGeom>
        </p:spPr>
        <p:txBody>
          <a:bodyPr/>
          <a:lstStyle/>
          <a:p>
            <a:endParaRPr lang="en-GB"/>
          </a:p>
        </p:txBody>
      </p:sp>
      <p:sp>
        <p:nvSpPr>
          <p:cNvPr id="5" name="Footer Placeholder 4"/>
          <p:cNvSpPr>
            <a:spLocks noGrp="1"/>
          </p:cNvSpPr>
          <p:nvPr>
            <p:ph type="ftr" sz="quarter" idx="11"/>
          </p:nvPr>
        </p:nvSpPr>
        <p:spPr/>
        <p:txBody>
          <a:bodyPr/>
          <a:lstStyle/>
          <a:p>
            <a:r>
              <a:rPr lang="en-GB"/>
              <a:t>28th International Symposium on Chemical Reaction Engineering - June 17th, 2024 - Gaetano Anello</a:t>
            </a:r>
          </a:p>
        </p:txBody>
      </p:sp>
      <p:sp>
        <p:nvSpPr>
          <p:cNvPr id="6" name="Slide Number Placeholder 5"/>
          <p:cNvSpPr>
            <a:spLocks noGrp="1"/>
          </p:cNvSpPr>
          <p:nvPr>
            <p:ph type="sldNum" sz="quarter" idx="12"/>
          </p:nvPr>
        </p:nvSpPr>
        <p:spPr/>
        <p:txBody>
          <a:bodyPr/>
          <a:lstStyle/>
          <a:p>
            <a:fld id="{C194BDB0-F4EA-4DD6-8281-CCE2440D0CE0}" type="slidenum">
              <a:rPr lang="en-GB" smtClean="0"/>
              <a:t>‹#›</a:t>
            </a:fld>
            <a:endParaRPr lang="en-GB"/>
          </a:p>
        </p:txBody>
      </p:sp>
      <p:sp>
        <p:nvSpPr>
          <p:cNvPr id="7" name="Content Placeholder 2"/>
          <p:cNvSpPr>
            <a:spLocks noGrp="1"/>
          </p:cNvSpPr>
          <p:nvPr>
            <p:ph idx="13" hasCustomPrompt="1"/>
          </p:nvPr>
        </p:nvSpPr>
        <p:spPr>
          <a:xfrm>
            <a:off x="3490913" y="1302661"/>
            <a:ext cx="2084389" cy="636458"/>
          </a:xfrm>
        </p:spPr>
        <p:txBody>
          <a:bodyPr/>
          <a:lstStyle>
            <a:lvl1pPr>
              <a:defRPr sz="1650"/>
            </a:lvl1pPr>
          </a:lstStyle>
          <a:p>
            <a:pPr lvl="0"/>
            <a:r>
              <a:rPr lang="en-GB"/>
              <a:t>Click to enter text</a:t>
            </a:r>
          </a:p>
        </p:txBody>
      </p:sp>
      <p:sp>
        <p:nvSpPr>
          <p:cNvPr id="8" name="Content Placeholder 2"/>
          <p:cNvSpPr>
            <a:spLocks noGrp="1"/>
          </p:cNvSpPr>
          <p:nvPr>
            <p:ph idx="14" hasCustomPrompt="1"/>
          </p:nvPr>
        </p:nvSpPr>
        <p:spPr>
          <a:xfrm>
            <a:off x="6235414" y="1302661"/>
            <a:ext cx="2084389" cy="636458"/>
          </a:xfrm>
        </p:spPr>
        <p:txBody>
          <a:bodyPr/>
          <a:lstStyle>
            <a:lvl1pPr>
              <a:defRPr sz="1650"/>
            </a:lvl1pPr>
          </a:lstStyle>
          <a:p>
            <a:pPr lvl="0"/>
            <a:r>
              <a:rPr lang="en-GB"/>
              <a:t>Click to enter text</a:t>
            </a:r>
          </a:p>
        </p:txBody>
      </p:sp>
      <p:sp>
        <p:nvSpPr>
          <p:cNvPr id="10" name="Tijdelijke aanduiding voor afbeelding 9"/>
          <p:cNvSpPr>
            <a:spLocks noGrp="1"/>
          </p:cNvSpPr>
          <p:nvPr>
            <p:ph type="pic" sz="quarter" idx="15" hasCustomPrompt="1"/>
          </p:nvPr>
        </p:nvSpPr>
        <p:spPr>
          <a:xfrm>
            <a:off x="755650" y="1943101"/>
            <a:ext cx="2087563" cy="2625298"/>
          </a:xfrm>
        </p:spPr>
        <p:txBody>
          <a:bodyPr/>
          <a:lstStyle>
            <a:lvl1pPr>
              <a:defRPr baseline="0"/>
            </a:lvl1pPr>
          </a:lstStyle>
          <a:p>
            <a:r>
              <a:rPr lang="en-GB"/>
              <a:t>Click to insert image</a:t>
            </a:r>
          </a:p>
        </p:txBody>
      </p:sp>
      <p:sp>
        <p:nvSpPr>
          <p:cNvPr id="11" name="Tijdelijke aanduiding voor afbeelding 9"/>
          <p:cNvSpPr>
            <a:spLocks noGrp="1"/>
          </p:cNvSpPr>
          <p:nvPr>
            <p:ph type="pic" sz="quarter" idx="16" hasCustomPrompt="1"/>
          </p:nvPr>
        </p:nvSpPr>
        <p:spPr>
          <a:xfrm>
            <a:off x="3487739" y="1943101"/>
            <a:ext cx="2087563" cy="2625298"/>
          </a:xfrm>
        </p:spPr>
        <p:txBody>
          <a:bodyPr/>
          <a:lstStyle>
            <a:lvl1pPr marL="0" marR="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lvl1pPr>
          </a:lstStyle>
          <a:p>
            <a:pPr marL="0" marR="0" lvl="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pPr>
            <a:r>
              <a:rPr lang="en-GB"/>
              <a:t>Click to insert image</a:t>
            </a:r>
          </a:p>
          <a:p>
            <a:endParaRPr lang="en-GB"/>
          </a:p>
        </p:txBody>
      </p:sp>
      <p:sp>
        <p:nvSpPr>
          <p:cNvPr id="12" name="Tijdelijke aanduiding voor afbeelding 9"/>
          <p:cNvSpPr>
            <a:spLocks noGrp="1"/>
          </p:cNvSpPr>
          <p:nvPr>
            <p:ph type="pic" sz="quarter" idx="17" hasCustomPrompt="1"/>
          </p:nvPr>
        </p:nvSpPr>
        <p:spPr>
          <a:xfrm>
            <a:off x="6235414" y="1943101"/>
            <a:ext cx="2087563" cy="2625298"/>
          </a:xfrm>
        </p:spPr>
        <p:txBody>
          <a:bodyPr/>
          <a:lstStyle>
            <a:lvl1pPr marL="0" marR="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lvl1pPr>
          </a:lstStyle>
          <a:p>
            <a:pPr marL="0" marR="0" lvl="0" indent="0" algn="l" defTabSz="685800" rtl="0" eaLnBrk="1" fontAlgn="auto" latinLnBrk="0" hangingPunct="1">
              <a:lnSpc>
                <a:spcPct val="100000"/>
              </a:lnSpc>
              <a:spcBef>
                <a:spcPts val="0"/>
              </a:spcBef>
              <a:spcAft>
                <a:spcPts val="0"/>
              </a:spcAft>
              <a:buClrTx/>
              <a:buSzTx/>
              <a:buFont typeface="Arial" panose="020B0604020202020204" pitchFamily="34" charset="0"/>
              <a:buNone/>
              <a:tabLst/>
              <a:defRPr/>
            </a:pPr>
            <a:r>
              <a:rPr lang="en-GB"/>
              <a:t>Click to insert image</a:t>
            </a:r>
          </a:p>
          <a:p>
            <a:endParaRPr lang="en-GB"/>
          </a:p>
        </p:txBody>
      </p:sp>
    </p:spTree>
    <p:extLst>
      <p:ext uri="{BB962C8B-B14F-4D97-AF65-F5344CB8AC3E}">
        <p14:creationId xmlns:p14="http://schemas.microsoft.com/office/powerpoint/2010/main" val="2449201380"/>
      </p:ext>
    </p:extLst>
  </p:cSld>
  <p:clrMapOvr>
    <a:masterClrMapping/>
  </p:clrMapOvr>
  <p:transition spd="med">
    <p:pull/>
  </p:transition>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image" Target="../media/image1.pn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5.xml"/><Relationship Id="rId13" Type="http://schemas.openxmlformats.org/officeDocument/2006/relationships/slideLayout" Target="../slideLayouts/slideLayout30.xml"/><Relationship Id="rId18" Type="http://schemas.openxmlformats.org/officeDocument/2006/relationships/theme" Target="../theme/theme2.xml"/><Relationship Id="rId3" Type="http://schemas.openxmlformats.org/officeDocument/2006/relationships/slideLayout" Target="../slideLayouts/slideLayout20.xml"/><Relationship Id="rId7" Type="http://schemas.openxmlformats.org/officeDocument/2006/relationships/slideLayout" Target="../slideLayouts/slideLayout24.xml"/><Relationship Id="rId12" Type="http://schemas.openxmlformats.org/officeDocument/2006/relationships/slideLayout" Target="../slideLayouts/slideLayout29.xml"/><Relationship Id="rId17" Type="http://schemas.openxmlformats.org/officeDocument/2006/relationships/slideLayout" Target="../slideLayouts/slideLayout34.xml"/><Relationship Id="rId2" Type="http://schemas.openxmlformats.org/officeDocument/2006/relationships/slideLayout" Target="../slideLayouts/slideLayout19.xml"/><Relationship Id="rId16" Type="http://schemas.openxmlformats.org/officeDocument/2006/relationships/slideLayout" Target="../slideLayouts/slideLayout33.xml"/><Relationship Id="rId1" Type="http://schemas.openxmlformats.org/officeDocument/2006/relationships/slideLayout" Target="../slideLayouts/slideLayout18.xml"/><Relationship Id="rId6" Type="http://schemas.openxmlformats.org/officeDocument/2006/relationships/slideLayout" Target="../slideLayouts/slideLayout23.xml"/><Relationship Id="rId11" Type="http://schemas.openxmlformats.org/officeDocument/2006/relationships/slideLayout" Target="../slideLayouts/slideLayout28.xml"/><Relationship Id="rId5" Type="http://schemas.openxmlformats.org/officeDocument/2006/relationships/slideLayout" Target="../slideLayouts/slideLayout22.xml"/><Relationship Id="rId15" Type="http://schemas.openxmlformats.org/officeDocument/2006/relationships/slideLayout" Target="../slideLayouts/slideLayout32.xml"/><Relationship Id="rId10" Type="http://schemas.openxmlformats.org/officeDocument/2006/relationships/slideLayout" Target="../slideLayouts/slideLayout27.xml"/><Relationship Id="rId19" Type="http://schemas.openxmlformats.org/officeDocument/2006/relationships/image" Target="../media/image1.png"/><Relationship Id="rId4" Type="http://schemas.openxmlformats.org/officeDocument/2006/relationships/slideLayout" Target="../slideLayouts/slideLayout21.xml"/><Relationship Id="rId9" Type="http://schemas.openxmlformats.org/officeDocument/2006/relationships/slideLayout" Target="../slideLayouts/slideLayout26.xml"/><Relationship Id="rId14" Type="http://schemas.openxmlformats.org/officeDocument/2006/relationships/slideLayout" Target="../slideLayouts/slideLayout3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6" name="Slide Number Placeholder 5"/>
          <p:cNvSpPr>
            <a:spLocks noGrp="1"/>
          </p:cNvSpPr>
          <p:nvPr>
            <p:ph type="sldNum" sz="quarter" idx="4"/>
          </p:nvPr>
        </p:nvSpPr>
        <p:spPr>
          <a:xfrm>
            <a:off x="2" y="4568400"/>
            <a:ext cx="1114424" cy="572286"/>
          </a:xfrm>
          <a:prstGeom prst="rect">
            <a:avLst/>
          </a:prstGeom>
          <a:solidFill>
            <a:schemeClr val="bg1"/>
          </a:solidFill>
        </p:spPr>
        <p:txBody>
          <a:bodyPr vert="horz" lIns="756000" tIns="0" rIns="0" bIns="0" rtlCol="0" anchor="ctr"/>
          <a:lstStyle>
            <a:lvl1pPr algn="l">
              <a:defRPr sz="1100" b="0">
                <a:solidFill>
                  <a:schemeClr val="tx1"/>
                </a:solidFill>
              </a:defRPr>
            </a:lvl1pPr>
          </a:lstStyle>
          <a:p>
            <a:fld id="{C194BDB0-F4EA-4DD6-8281-CCE2440D0CE0}" type="slidenum">
              <a:rPr lang="en-GB" smtClean="0"/>
              <a:pPr/>
              <a:t>‹#›</a:t>
            </a:fld>
            <a:endParaRPr lang="en-GB"/>
          </a:p>
        </p:txBody>
      </p:sp>
      <p:sp>
        <p:nvSpPr>
          <p:cNvPr id="2" name="Title Placeholder 1"/>
          <p:cNvSpPr>
            <a:spLocks noGrp="1"/>
          </p:cNvSpPr>
          <p:nvPr>
            <p:ph type="title"/>
          </p:nvPr>
        </p:nvSpPr>
        <p:spPr>
          <a:xfrm>
            <a:off x="758825" y="518711"/>
            <a:ext cx="7556500" cy="539038"/>
          </a:xfrm>
          <a:prstGeom prst="rect">
            <a:avLst/>
          </a:prstGeom>
        </p:spPr>
        <p:txBody>
          <a:bodyPr vert="horz" lIns="0" tIns="0" rIns="0" bIns="0" rtlCol="0" anchor="t" anchorCtr="0">
            <a:noAutofit/>
          </a:bodyPr>
          <a:lstStyle/>
          <a:p>
            <a:r>
              <a:rPr lang="en-GB"/>
              <a:t>This is an example of a 27 </a:t>
            </a:r>
            <a:r>
              <a:rPr lang="en-GB" err="1"/>
              <a:t>pt</a:t>
            </a:r>
            <a:r>
              <a:rPr lang="en-GB"/>
              <a:t> headline with 27 </a:t>
            </a:r>
            <a:r>
              <a:rPr lang="en-GB" err="1"/>
              <a:t>pt</a:t>
            </a:r>
            <a:r>
              <a:rPr lang="en-GB"/>
              <a:t> line spacing</a:t>
            </a:r>
          </a:p>
        </p:txBody>
      </p:sp>
      <p:sp>
        <p:nvSpPr>
          <p:cNvPr id="3" name="Text Placeholder 2"/>
          <p:cNvSpPr>
            <a:spLocks noGrp="1"/>
          </p:cNvSpPr>
          <p:nvPr>
            <p:ph type="body" idx="1"/>
          </p:nvPr>
        </p:nvSpPr>
        <p:spPr>
          <a:xfrm>
            <a:off x="758824" y="1306642"/>
            <a:ext cx="7556501" cy="2922458"/>
          </a:xfrm>
          <a:prstGeom prst="rect">
            <a:avLst/>
          </a:prstGeom>
        </p:spPr>
        <p:txBody>
          <a:bodyPr vert="horz" lIns="0" tIns="0" rIns="0" bIns="0" rtlCol="0">
            <a:noAutofit/>
          </a:bodyPr>
          <a:lstStyle/>
          <a:p>
            <a:pPr lvl="0"/>
            <a:r>
              <a:rPr lang="en-GB" err="1"/>
              <a:t>Klik</a:t>
            </a:r>
            <a:r>
              <a:rPr lang="en-GB"/>
              <a:t> om de </a:t>
            </a:r>
            <a:r>
              <a:rPr lang="en-GB" err="1"/>
              <a:t>modelstijlen</a:t>
            </a:r>
            <a:r>
              <a:rPr lang="en-GB"/>
              <a:t> </a:t>
            </a:r>
            <a:r>
              <a:rPr lang="en-GB" err="1"/>
              <a:t>te</a:t>
            </a:r>
            <a:r>
              <a:rPr lang="en-GB"/>
              <a:t> </a:t>
            </a:r>
            <a:r>
              <a:rPr lang="en-GB" err="1"/>
              <a:t>bewerken</a:t>
            </a:r>
            <a:endParaRPr lang="en-GB"/>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Footer Placeholder 4"/>
          <p:cNvSpPr>
            <a:spLocks noGrp="1"/>
          </p:cNvSpPr>
          <p:nvPr>
            <p:ph type="ftr" sz="quarter" idx="3"/>
          </p:nvPr>
        </p:nvSpPr>
        <p:spPr>
          <a:xfrm>
            <a:off x="1114426" y="4568400"/>
            <a:ext cx="7042149" cy="576000"/>
          </a:xfrm>
          <a:prstGeom prst="rect">
            <a:avLst/>
          </a:prstGeom>
          <a:solidFill>
            <a:schemeClr val="bg1"/>
          </a:solidFill>
        </p:spPr>
        <p:txBody>
          <a:bodyPr vert="horz" lIns="0" tIns="0" rIns="0" bIns="0" rtlCol="0" anchor="ctr"/>
          <a:lstStyle>
            <a:lvl1pPr algn="l">
              <a:defRPr sz="1100" b="0">
                <a:solidFill>
                  <a:schemeClr val="tx1"/>
                </a:solidFill>
              </a:defRPr>
            </a:lvl1pPr>
          </a:lstStyle>
          <a:p>
            <a:r>
              <a:rPr lang="en-GB"/>
              <a:t>28th International Symposium on Chemical Reaction Engineering - June 17th, 2024 - Gaetano Anello</a:t>
            </a:r>
          </a:p>
        </p:txBody>
      </p:sp>
      <p:pic>
        <p:nvPicPr>
          <p:cNvPr id="66" name="Picture 4">
            <a:extLst>
              <a:ext uri="{FF2B5EF4-FFF2-40B4-BE49-F238E27FC236}">
                <a16:creationId xmlns:a16="http://schemas.microsoft.com/office/drawing/2014/main" id="{93FD69BB-9D62-3A4C-8433-C5954D52BB6F}"/>
              </a:ext>
            </a:extLst>
          </p:cNvPr>
          <p:cNvPicPr>
            <a:picLocks noChangeAspect="1"/>
          </p:cNvPicPr>
          <p:nvPr userDrawn="1"/>
        </p:nvPicPr>
        <p:blipFill>
          <a:blip r:embed="rId19"/>
          <a:stretch>
            <a:fillRect/>
          </a:stretch>
        </p:blipFill>
        <p:spPr>
          <a:xfrm>
            <a:off x="8156575" y="4568825"/>
            <a:ext cx="987425" cy="574675"/>
          </a:xfrm>
          <a:prstGeom prst="rect">
            <a:avLst/>
          </a:prstGeom>
        </p:spPr>
      </p:pic>
    </p:spTree>
    <p:extLst>
      <p:ext uri="{BB962C8B-B14F-4D97-AF65-F5344CB8AC3E}">
        <p14:creationId xmlns:p14="http://schemas.microsoft.com/office/powerpoint/2010/main" val="2422791903"/>
      </p:ext>
    </p:extLst>
  </p:cSld>
  <p:clrMap bg1="lt1" tx1="dk1" bg2="lt2" tx2="dk2" accent1="accent1" accent2="accent2" accent3="accent3" accent4="accent4" accent5="accent5" accent6="accent6" hlink="hlink" folHlink="folHlink"/>
  <p:sldLayoutIdLst>
    <p:sldLayoutId id="2147483684" r:id="rId1"/>
    <p:sldLayoutId id="2147483685" r:id="rId2"/>
    <p:sldLayoutId id="2147483661" r:id="rId3"/>
    <p:sldLayoutId id="2147483662" r:id="rId4"/>
    <p:sldLayoutId id="2147483664" r:id="rId5"/>
    <p:sldLayoutId id="2147483672" r:id="rId6"/>
    <p:sldLayoutId id="2147483673" r:id="rId7"/>
    <p:sldLayoutId id="2147483674" r:id="rId8"/>
    <p:sldLayoutId id="2147483675" r:id="rId9"/>
    <p:sldLayoutId id="2147483676" r:id="rId10"/>
    <p:sldLayoutId id="2147483677" r:id="rId11"/>
    <p:sldLayoutId id="2147483678" r:id="rId12"/>
    <p:sldLayoutId id="2147483679" r:id="rId13"/>
    <p:sldLayoutId id="2147483680" r:id="rId14"/>
    <p:sldLayoutId id="2147483681" r:id="rId15"/>
    <p:sldLayoutId id="2147483682" r:id="rId16"/>
    <p:sldLayoutId id="2147483683" r:id="rId17"/>
  </p:sldLayoutIdLst>
  <p:transition spd="med">
    <p:pull/>
  </p:transition>
  <p:hf hdr="0" dt="0"/>
  <p:txStyles>
    <p:title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p:titleStyle>
    <p:bodyStyle>
      <a:lvl1pPr marL="0" indent="0" algn="l" defTabSz="685800" rtl="0" eaLnBrk="1" latinLnBrk="0" hangingPunct="1">
        <a:lnSpc>
          <a:spcPct val="100000"/>
        </a:lnSpc>
        <a:spcBef>
          <a:spcPts val="0"/>
        </a:spcBef>
        <a:buFont typeface="Arial" panose="020B0604020202020204" pitchFamily="34" charset="0"/>
        <a:buNone/>
        <a:defRPr sz="1950" kern="120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rgbClr val="EEE8E8"/>
        </a:solidFill>
        <a:effectLst/>
      </p:bgPr>
    </p:bg>
    <p:spTree>
      <p:nvGrpSpPr>
        <p:cNvPr id="1" name=""/>
        <p:cNvGrpSpPr/>
        <p:nvPr/>
      </p:nvGrpSpPr>
      <p:grpSpPr>
        <a:xfrm>
          <a:off x="0" y="0"/>
          <a:ext cx="0" cy="0"/>
          <a:chOff x="0" y="0"/>
          <a:chExt cx="0" cy="0"/>
        </a:xfrm>
      </p:grpSpPr>
      <p:sp>
        <p:nvSpPr>
          <p:cNvPr id="6" name="Slide Number Placeholder 5"/>
          <p:cNvSpPr>
            <a:spLocks noGrp="1"/>
          </p:cNvSpPr>
          <p:nvPr>
            <p:ph type="sldNum" sz="quarter" idx="4"/>
          </p:nvPr>
        </p:nvSpPr>
        <p:spPr>
          <a:xfrm>
            <a:off x="2" y="4568400"/>
            <a:ext cx="1114424" cy="572286"/>
          </a:xfrm>
          <a:prstGeom prst="rect">
            <a:avLst/>
          </a:prstGeom>
          <a:solidFill>
            <a:schemeClr val="bg1"/>
          </a:solidFill>
        </p:spPr>
        <p:txBody>
          <a:bodyPr vert="horz" lIns="756000" tIns="0" rIns="0" bIns="0" rtlCol="0" anchor="ctr"/>
          <a:lstStyle>
            <a:lvl1pPr algn="l">
              <a:defRPr sz="1100" b="0">
                <a:solidFill>
                  <a:schemeClr val="tx1"/>
                </a:solidFill>
              </a:defRPr>
            </a:lvl1pPr>
          </a:lstStyle>
          <a:p>
            <a:fld id="{C194BDB0-F4EA-4DD6-8281-CCE2440D0CE0}" type="slidenum">
              <a:rPr lang="en-GB" smtClean="0"/>
              <a:pPr/>
              <a:t>‹#›</a:t>
            </a:fld>
            <a:endParaRPr lang="en-GB"/>
          </a:p>
        </p:txBody>
      </p:sp>
      <p:sp>
        <p:nvSpPr>
          <p:cNvPr id="2" name="Title Placeholder 1"/>
          <p:cNvSpPr>
            <a:spLocks noGrp="1"/>
          </p:cNvSpPr>
          <p:nvPr>
            <p:ph type="title"/>
          </p:nvPr>
        </p:nvSpPr>
        <p:spPr>
          <a:xfrm>
            <a:off x="758825" y="518711"/>
            <a:ext cx="7556500" cy="539038"/>
          </a:xfrm>
          <a:prstGeom prst="rect">
            <a:avLst/>
          </a:prstGeom>
        </p:spPr>
        <p:txBody>
          <a:bodyPr vert="horz" lIns="0" tIns="0" rIns="0" bIns="0" rtlCol="0" anchor="t" anchorCtr="0">
            <a:noAutofit/>
          </a:bodyPr>
          <a:lstStyle/>
          <a:p>
            <a:r>
              <a:rPr lang="en-GB"/>
              <a:t>This is an example of a 27 </a:t>
            </a:r>
            <a:r>
              <a:rPr lang="en-GB" err="1"/>
              <a:t>pt</a:t>
            </a:r>
            <a:r>
              <a:rPr lang="en-GB"/>
              <a:t> headline with 27 </a:t>
            </a:r>
            <a:r>
              <a:rPr lang="en-GB" err="1"/>
              <a:t>pt</a:t>
            </a:r>
            <a:r>
              <a:rPr lang="en-GB"/>
              <a:t> line spacing</a:t>
            </a:r>
          </a:p>
        </p:txBody>
      </p:sp>
      <p:sp>
        <p:nvSpPr>
          <p:cNvPr id="3" name="Text Placeholder 2"/>
          <p:cNvSpPr>
            <a:spLocks noGrp="1"/>
          </p:cNvSpPr>
          <p:nvPr>
            <p:ph type="body" idx="1"/>
          </p:nvPr>
        </p:nvSpPr>
        <p:spPr>
          <a:xfrm>
            <a:off x="758824" y="1306642"/>
            <a:ext cx="7556501" cy="2922458"/>
          </a:xfrm>
          <a:prstGeom prst="rect">
            <a:avLst/>
          </a:prstGeom>
        </p:spPr>
        <p:txBody>
          <a:bodyPr vert="horz" lIns="0" tIns="0" rIns="0" bIns="0" rtlCol="0">
            <a:noAutofit/>
          </a:bodyPr>
          <a:lstStyle/>
          <a:p>
            <a:pPr lvl="0"/>
            <a:r>
              <a:rPr lang="en-GB" err="1"/>
              <a:t>Klik</a:t>
            </a:r>
            <a:r>
              <a:rPr lang="en-GB"/>
              <a:t> om de </a:t>
            </a:r>
            <a:r>
              <a:rPr lang="en-GB" err="1"/>
              <a:t>modelstijlen</a:t>
            </a:r>
            <a:r>
              <a:rPr lang="en-GB"/>
              <a:t> </a:t>
            </a:r>
            <a:r>
              <a:rPr lang="en-GB" err="1"/>
              <a:t>te</a:t>
            </a:r>
            <a:r>
              <a:rPr lang="en-GB"/>
              <a:t> </a:t>
            </a:r>
            <a:r>
              <a:rPr lang="en-GB" err="1"/>
              <a:t>bewerken</a:t>
            </a:r>
            <a:endParaRPr lang="en-GB"/>
          </a:p>
          <a:p>
            <a:pPr lvl="1"/>
            <a:r>
              <a:rPr lang="en-GB" err="1"/>
              <a:t>Tweede</a:t>
            </a:r>
            <a:r>
              <a:rPr lang="en-GB"/>
              <a:t> </a:t>
            </a:r>
            <a:r>
              <a:rPr lang="en-GB" err="1"/>
              <a:t>niveau</a:t>
            </a:r>
            <a:endParaRPr lang="en-GB"/>
          </a:p>
          <a:p>
            <a:pPr lvl="2"/>
            <a:r>
              <a:rPr lang="en-GB" err="1"/>
              <a:t>Derde</a:t>
            </a:r>
            <a:r>
              <a:rPr lang="en-GB"/>
              <a:t> </a:t>
            </a:r>
            <a:r>
              <a:rPr lang="en-GB" err="1"/>
              <a:t>niveau</a:t>
            </a:r>
            <a:endParaRPr lang="en-GB"/>
          </a:p>
          <a:p>
            <a:pPr lvl="3"/>
            <a:r>
              <a:rPr lang="en-GB" err="1"/>
              <a:t>Vierde</a:t>
            </a:r>
            <a:r>
              <a:rPr lang="en-GB"/>
              <a:t> </a:t>
            </a:r>
            <a:r>
              <a:rPr lang="en-GB" err="1"/>
              <a:t>niveau</a:t>
            </a:r>
            <a:endParaRPr lang="en-GB"/>
          </a:p>
          <a:p>
            <a:pPr lvl="4"/>
            <a:r>
              <a:rPr lang="en-GB" err="1"/>
              <a:t>Vijfde</a:t>
            </a:r>
            <a:r>
              <a:rPr lang="en-GB"/>
              <a:t> </a:t>
            </a:r>
            <a:r>
              <a:rPr lang="en-GB" err="1"/>
              <a:t>niveau</a:t>
            </a:r>
            <a:endParaRPr lang="en-GB"/>
          </a:p>
        </p:txBody>
      </p:sp>
      <p:sp>
        <p:nvSpPr>
          <p:cNvPr id="5" name="Footer Placeholder 4"/>
          <p:cNvSpPr>
            <a:spLocks noGrp="1"/>
          </p:cNvSpPr>
          <p:nvPr>
            <p:ph type="ftr" sz="quarter" idx="3"/>
          </p:nvPr>
        </p:nvSpPr>
        <p:spPr>
          <a:xfrm>
            <a:off x="1114426" y="4568400"/>
            <a:ext cx="7042149" cy="576000"/>
          </a:xfrm>
          <a:prstGeom prst="rect">
            <a:avLst/>
          </a:prstGeom>
          <a:solidFill>
            <a:schemeClr val="bg1"/>
          </a:solidFill>
        </p:spPr>
        <p:txBody>
          <a:bodyPr vert="horz" lIns="0" tIns="0" rIns="0" bIns="0" rtlCol="0" anchor="ctr"/>
          <a:lstStyle>
            <a:lvl1pPr algn="l">
              <a:defRPr sz="1100" b="0">
                <a:solidFill>
                  <a:schemeClr val="tx1"/>
                </a:solidFill>
              </a:defRPr>
            </a:lvl1pPr>
          </a:lstStyle>
          <a:p>
            <a:r>
              <a:rPr lang="en-GB"/>
              <a:t>28th International Symposium on Chemical Reaction Engineering - June 17th, 2024 - Gaetano Anello</a:t>
            </a:r>
          </a:p>
        </p:txBody>
      </p:sp>
      <p:pic>
        <p:nvPicPr>
          <p:cNvPr id="66" name="Picture 4">
            <a:extLst>
              <a:ext uri="{FF2B5EF4-FFF2-40B4-BE49-F238E27FC236}">
                <a16:creationId xmlns:a16="http://schemas.microsoft.com/office/drawing/2014/main" id="{93FD69BB-9D62-3A4C-8433-C5954D52BB6F}"/>
              </a:ext>
            </a:extLst>
          </p:cNvPr>
          <p:cNvPicPr>
            <a:picLocks noChangeAspect="1"/>
          </p:cNvPicPr>
          <p:nvPr userDrawn="1"/>
        </p:nvPicPr>
        <p:blipFill>
          <a:blip r:embed="rId19"/>
          <a:stretch>
            <a:fillRect/>
          </a:stretch>
        </p:blipFill>
        <p:spPr>
          <a:xfrm>
            <a:off x="8156575" y="4568825"/>
            <a:ext cx="987425" cy="574675"/>
          </a:xfrm>
          <a:prstGeom prst="rect">
            <a:avLst/>
          </a:prstGeom>
        </p:spPr>
      </p:pic>
    </p:spTree>
    <p:extLst>
      <p:ext uri="{BB962C8B-B14F-4D97-AF65-F5344CB8AC3E}">
        <p14:creationId xmlns:p14="http://schemas.microsoft.com/office/powerpoint/2010/main" val="79527030"/>
      </p:ext>
    </p:extLst>
  </p:cSld>
  <p:clrMap bg1="lt1" tx1="dk1" bg2="lt2" tx2="dk2" accent1="accent1" accent2="accent2" accent3="accent3" accent4="accent4" accent5="accent5" accent6="accent6" hlink="hlink" folHlink="folHlink"/>
  <p:sldLayoutIdLst>
    <p:sldLayoutId id="2147483687" r:id="rId1"/>
    <p:sldLayoutId id="2147483688" r:id="rId2"/>
    <p:sldLayoutId id="2147483689" r:id="rId3"/>
    <p:sldLayoutId id="2147483690" r:id="rId4"/>
    <p:sldLayoutId id="2147483691" r:id="rId5"/>
    <p:sldLayoutId id="2147483692" r:id="rId6"/>
    <p:sldLayoutId id="2147483693" r:id="rId7"/>
    <p:sldLayoutId id="2147483694" r:id="rId8"/>
    <p:sldLayoutId id="2147483695" r:id="rId9"/>
    <p:sldLayoutId id="2147483696" r:id="rId10"/>
    <p:sldLayoutId id="2147483697" r:id="rId11"/>
    <p:sldLayoutId id="2147483698" r:id="rId12"/>
    <p:sldLayoutId id="2147483699" r:id="rId13"/>
    <p:sldLayoutId id="2147483700" r:id="rId14"/>
    <p:sldLayoutId id="2147483701" r:id="rId15"/>
    <p:sldLayoutId id="2147483702" r:id="rId16"/>
    <p:sldLayoutId id="2147483703" r:id="rId17"/>
  </p:sldLayoutIdLst>
  <p:transition spd="med">
    <p:pull/>
  </p:transition>
  <p:hf hdr="0" dt="0"/>
  <p:txStyles>
    <p:title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p:titleStyle>
    <p:bodyStyle>
      <a:lvl1pPr marL="0" indent="0" algn="l" defTabSz="685800" rtl="0" eaLnBrk="1" latinLnBrk="0" hangingPunct="1">
        <a:lnSpc>
          <a:spcPct val="100000"/>
        </a:lnSpc>
        <a:spcBef>
          <a:spcPts val="0"/>
        </a:spcBef>
        <a:buFont typeface="Arial" panose="020B0604020202020204" pitchFamily="34" charset="0"/>
        <a:buNone/>
        <a:defRPr sz="1950" kern="120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en-US"/>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extLst>
    <p:ext uri="{27BBF7A9-308A-43DC-89C8-2F10F3537804}">
      <p15:sldGuideLst xmlns:p15="http://schemas.microsoft.com/office/powerpoint/2012/main"/>
    </p:ext>
  </p:extLst>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20.xml"/><Relationship Id="rId5" Type="http://schemas.openxmlformats.org/officeDocument/2006/relationships/image" Target="../media/image5.jpeg"/><Relationship Id="rId4" Type="http://schemas.openxmlformats.org/officeDocument/2006/relationships/image" Target="../media/image4.png"/></Relationships>
</file>

<file path=ppt/slides/_rels/slide10.xml.rels><?xml version="1.0" encoding="UTF-8" standalone="yes"?>
<Relationships xmlns="http://schemas.openxmlformats.org/package/2006/relationships"><Relationship Id="rId8" Type="http://schemas.openxmlformats.org/officeDocument/2006/relationships/image" Target="../media/image32.png"/><Relationship Id="rId13" Type="http://schemas.microsoft.com/office/2017/06/relationships/model3d" Target="../media/model3d3.glb"/><Relationship Id="rId18" Type="http://schemas.openxmlformats.org/officeDocument/2006/relationships/image" Target="../media/image40.png"/><Relationship Id="rId26" Type="http://schemas.openxmlformats.org/officeDocument/2006/relationships/image" Target="../media/image46.png"/><Relationship Id="rId3" Type="http://schemas.openxmlformats.org/officeDocument/2006/relationships/image" Target="../media/image6.png"/><Relationship Id="rId21" Type="http://schemas.microsoft.com/office/2017/06/relationships/model3d" Target="../media/model3d4.glb"/><Relationship Id="rId7" Type="http://schemas.openxmlformats.org/officeDocument/2006/relationships/image" Target="../media/image31.png"/><Relationship Id="rId12" Type="http://schemas.openxmlformats.org/officeDocument/2006/relationships/image" Target="../media/image35.png"/><Relationship Id="rId17" Type="http://schemas.openxmlformats.org/officeDocument/2006/relationships/image" Target="../media/image39.png"/><Relationship Id="rId25" Type="http://schemas.openxmlformats.org/officeDocument/2006/relationships/image" Target="../media/image45.png"/><Relationship Id="rId2" Type="http://schemas.openxmlformats.org/officeDocument/2006/relationships/notesSlide" Target="../notesSlides/notesSlide10.xml"/><Relationship Id="rId16" Type="http://schemas.openxmlformats.org/officeDocument/2006/relationships/image" Target="../media/image38.png"/><Relationship Id="rId20" Type="http://schemas.openxmlformats.org/officeDocument/2006/relationships/image" Target="../media/image42.png"/><Relationship Id="rId1" Type="http://schemas.openxmlformats.org/officeDocument/2006/relationships/slideLayout" Target="../slideLayouts/slideLayout4.xml"/><Relationship Id="rId6" Type="http://schemas.openxmlformats.org/officeDocument/2006/relationships/image" Target="../media/image30.png"/><Relationship Id="rId11" Type="http://schemas.openxmlformats.org/officeDocument/2006/relationships/image" Target="../media/image34.png"/><Relationship Id="rId24" Type="http://schemas.openxmlformats.org/officeDocument/2006/relationships/image" Target="../media/image44.png"/><Relationship Id="rId5" Type="http://schemas.microsoft.com/office/2017/06/relationships/model3d" Target="../media/model3d1.glb"/><Relationship Id="rId15" Type="http://schemas.openxmlformats.org/officeDocument/2006/relationships/image" Target="../media/image37.png"/><Relationship Id="rId23" Type="http://schemas.microsoft.com/office/2017/06/relationships/model3d" Target="../media/model3d5.glb"/><Relationship Id="rId10" Type="http://schemas.microsoft.com/office/2017/06/relationships/model3d" Target="../media/model3d2.glb"/><Relationship Id="rId19" Type="http://schemas.openxmlformats.org/officeDocument/2006/relationships/image" Target="../media/image41.png"/><Relationship Id="rId4" Type="http://schemas.microsoft.com/office/2007/relationships/hdphoto" Target="../media/hdphoto1.wdp"/><Relationship Id="rId9" Type="http://schemas.openxmlformats.org/officeDocument/2006/relationships/image" Target="../media/image33.png"/><Relationship Id="rId14" Type="http://schemas.openxmlformats.org/officeDocument/2006/relationships/image" Target="../media/image36.png"/><Relationship Id="rId22" Type="http://schemas.openxmlformats.org/officeDocument/2006/relationships/image" Target="../media/image43.png"/><Relationship Id="rId27" Type="http://schemas.openxmlformats.org/officeDocument/2006/relationships/image" Target="../media/image47.png"/></Relationships>
</file>

<file path=ppt/slides/_rels/slide11.xml.rels><?xml version="1.0" encoding="UTF-8" standalone="yes"?>
<Relationships xmlns="http://schemas.openxmlformats.org/package/2006/relationships"><Relationship Id="rId3" Type="http://schemas.openxmlformats.org/officeDocument/2006/relationships/image" Target="../media/image6.png"/><Relationship Id="rId7" Type="http://schemas.openxmlformats.org/officeDocument/2006/relationships/image" Target="../media/image49.png"/><Relationship Id="rId2" Type="http://schemas.openxmlformats.org/officeDocument/2006/relationships/notesSlide" Target="../notesSlides/notesSlide11.xml"/><Relationship Id="rId1" Type="http://schemas.openxmlformats.org/officeDocument/2006/relationships/slideLayout" Target="../slideLayouts/slideLayout4.xml"/><Relationship Id="rId6" Type="http://schemas.microsoft.com/office/2007/relationships/hdphoto" Target="../media/hdphoto6.wdp"/><Relationship Id="rId5" Type="http://schemas.openxmlformats.org/officeDocument/2006/relationships/image" Target="../media/image48.png"/><Relationship Id="rId4" Type="http://schemas.microsoft.com/office/2007/relationships/hdphoto" Target="../media/hdphoto1.wdp"/></Relationships>
</file>

<file path=ppt/slides/_rels/slide1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2.xml"/><Relationship Id="rId1" Type="http://schemas.openxmlformats.org/officeDocument/2006/relationships/slideLayout" Target="../slideLayouts/slideLayout4.xml"/><Relationship Id="rId4" Type="http://schemas.microsoft.com/office/2007/relationships/hdphoto" Target="../media/hdphoto1.wdp"/></Relationships>
</file>

<file path=ppt/slides/_rels/slide13.xml.rels><?xml version="1.0" encoding="UTF-8" standalone="yes"?>
<Relationships xmlns="http://schemas.openxmlformats.org/package/2006/relationships"><Relationship Id="rId8" Type="http://schemas.openxmlformats.org/officeDocument/2006/relationships/image" Target="../media/image53.png"/><Relationship Id="rId13" Type="http://schemas.openxmlformats.org/officeDocument/2006/relationships/image" Target="../media/image57.png"/><Relationship Id="rId3" Type="http://schemas.openxmlformats.org/officeDocument/2006/relationships/image" Target="../media/image6.png"/><Relationship Id="rId7" Type="http://schemas.openxmlformats.org/officeDocument/2006/relationships/image" Target="../media/image52.svg"/><Relationship Id="rId12" Type="http://schemas.openxmlformats.org/officeDocument/2006/relationships/image" Target="../media/image56.svg"/><Relationship Id="rId2" Type="http://schemas.openxmlformats.org/officeDocument/2006/relationships/notesSlide" Target="../notesSlides/notesSlide13.xml"/><Relationship Id="rId1" Type="http://schemas.openxmlformats.org/officeDocument/2006/relationships/slideLayout" Target="../slideLayouts/slideLayout4.xml"/><Relationship Id="rId6" Type="http://schemas.openxmlformats.org/officeDocument/2006/relationships/image" Target="../media/image51.png"/><Relationship Id="rId11" Type="http://schemas.openxmlformats.org/officeDocument/2006/relationships/image" Target="../media/image55.png"/><Relationship Id="rId5" Type="http://schemas.openxmlformats.org/officeDocument/2006/relationships/image" Target="../media/image50.png"/><Relationship Id="rId10" Type="http://schemas.openxmlformats.org/officeDocument/2006/relationships/image" Target="../media/image54.png"/><Relationship Id="rId4" Type="http://schemas.microsoft.com/office/2007/relationships/hdphoto" Target="../media/hdphoto1.wdp"/><Relationship Id="rId9" Type="http://schemas.microsoft.com/office/2007/relationships/hdphoto" Target="../media/hdphoto7.wdp"/><Relationship Id="rId14" Type="http://schemas.openxmlformats.org/officeDocument/2006/relationships/image" Target="../media/image58.svg"/></Relationships>
</file>

<file path=ppt/slides/_rels/slide1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4.xml"/><Relationship Id="rId1" Type="http://schemas.openxmlformats.org/officeDocument/2006/relationships/slideLayout" Target="../slideLayouts/slideLayout4.xml"/><Relationship Id="rId4" Type="http://schemas.microsoft.com/office/2007/relationships/hdphoto" Target="../media/hdphoto1.wdp"/></Relationships>
</file>

<file path=ppt/slides/_rels/slide1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5.xml"/><Relationship Id="rId1" Type="http://schemas.openxmlformats.org/officeDocument/2006/relationships/slideLayout" Target="../slideLayouts/slideLayout4.xml"/><Relationship Id="rId5" Type="http://schemas.openxmlformats.org/officeDocument/2006/relationships/image" Target="../media/image59.emf"/><Relationship Id="rId4" Type="http://schemas.microsoft.com/office/2007/relationships/hdphoto" Target="../media/hdphoto1.wdp"/></Relationships>
</file>

<file path=ppt/slides/_rels/slide16.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6.xml"/><Relationship Id="rId1" Type="http://schemas.openxmlformats.org/officeDocument/2006/relationships/slideLayout" Target="../slideLayouts/slideLayout4.xml"/><Relationship Id="rId5" Type="http://schemas.openxmlformats.org/officeDocument/2006/relationships/chart" Target="../charts/chart6.xml"/><Relationship Id="rId4" Type="http://schemas.microsoft.com/office/2007/relationships/hdphoto" Target="../media/hdphoto1.wdp"/></Relationships>
</file>

<file path=ppt/slides/_rels/slide1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7.xml"/><Relationship Id="rId1" Type="http://schemas.openxmlformats.org/officeDocument/2006/relationships/slideLayout" Target="../slideLayouts/slideLayout4.xml"/><Relationship Id="rId5" Type="http://schemas.openxmlformats.org/officeDocument/2006/relationships/chart" Target="../charts/chart7.xml"/><Relationship Id="rId4" Type="http://schemas.microsoft.com/office/2007/relationships/hdphoto" Target="../media/hdphoto1.wdp"/></Relationships>
</file>

<file path=ppt/slides/_rels/slide1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8.xml"/><Relationship Id="rId1" Type="http://schemas.openxmlformats.org/officeDocument/2006/relationships/slideLayout" Target="../slideLayouts/slideLayout4.xml"/><Relationship Id="rId5" Type="http://schemas.openxmlformats.org/officeDocument/2006/relationships/image" Target="../media/image60.tif"/><Relationship Id="rId4" Type="http://schemas.microsoft.com/office/2007/relationships/hdphoto" Target="../media/hdphoto1.wdp"/></Relationships>
</file>

<file path=ppt/slides/_rels/slide1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9.xml"/><Relationship Id="rId1" Type="http://schemas.openxmlformats.org/officeDocument/2006/relationships/slideLayout" Target="../slideLayouts/slideLayout4.xml"/><Relationship Id="rId5" Type="http://schemas.openxmlformats.org/officeDocument/2006/relationships/chart" Target="../charts/chart8.xml"/><Relationship Id="rId4" Type="http://schemas.microsoft.com/office/2007/relationships/hdphoto" Target="../media/hdphoto1.wdp"/></Relationships>
</file>

<file path=ppt/slides/_rels/slide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xml"/><Relationship Id="rId1" Type="http://schemas.openxmlformats.org/officeDocument/2006/relationships/slideLayout" Target="../slideLayouts/slideLayout4.xml"/><Relationship Id="rId5" Type="http://schemas.openxmlformats.org/officeDocument/2006/relationships/image" Target="../media/image7.png"/><Relationship Id="rId4" Type="http://schemas.microsoft.com/office/2007/relationships/hdphoto" Target="../media/hdphoto1.wdp"/></Relationships>
</file>

<file path=ppt/slides/_rels/slide20.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0.xml"/><Relationship Id="rId1" Type="http://schemas.openxmlformats.org/officeDocument/2006/relationships/slideLayout" Target="../slideLayouts/slideLayout4.xml"/><Relationship Id="rId5" Type="http://schemas.openxmlformats.org/officeDocument/2006/relationships/chart" Target="../charts/chart9.xml"/><Relationship Id="rId4" Type="http://schemas.microsoft.com/office/2007/relationships/hdphoto" Target="../media/hdphoto1.wdp"/></Relationships>
</file>

<file path=ppt/slides/_rels/slide21.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1.xml"/><Relationship Id="rId1" Type="http://schemas.openxmlformats.org/officeDocument/2006/relationships/slideLayout" Target="../slideLayouts/slideLayout4.xml"/><Relationship Id="rId5" Type="http://schemas.openxmlformats.org/officeDocument/2006/relationships/image" Target="../media/image61.emf"/><Relationship Id="rId4" Type="http://schemas.microsoft.com/office/2007/relationships/hdphoto" Target="../media/hdphoto1.wdp"/></Relationships>
</file>

<file path=ppt/slides/_rels/slide2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2.xml"/><Relationship Id="rId1" Type="http://schemas.openxmlformats.org/officeDocument/2006/relationships/slideLayout" Target="../slideLayouts/slideLayout4.xml"/><Relationship Id="rId6" Type="http://schemas.openxmlformats.org/officeDocument/2006/relationships/image" Target="../media/image63.EMF"/><Relationship Id="rId5" Type="http://schemas.openxmlformats.org/officeDocument/2006/relationships/image" Target="../media/image62.EMF"/><Relationship Id="rId4" Type="http://schemas.microsoft.com/office/2007/relationships/hdphoto" Target="../media/hdphoto1.wdp"/></Relationships>
</file>

<file path=ppt/slides/_rels/slide2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3.xml"/><Relationship Id="rId1" Type="http://schemas.openxmlformats.org/officeDocument/2006/relationships/slideLayout" Target="../slideLayouts/slideLayout4.xml"/><Relationship Id="rId5" Type="http://schemas.openxmlformats.org/officeDocument/2006/relationships/image" Target="../media/image64.tiff"/><Relationship Id="rId4" Type="http://schemas.microsoft.com/office/2007/relationships/hdphoto" Target="../media/hdphoto1.wdp"/></Relationships>
</file>

<file path=ppt/slides/_rels/slide2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4.xml"/><Relationship Id="rId1" Type="http://schemas.openxmlformats.org/officeDocument/2006/relationships/slideLayout" Target="../slideLayouts/slideLayout4.xml"/><Relationship Id="rId5" Type="http://schemas.openxmlformats.org/officeDocument/2006/relationships/chart" Target="../charts/chart10.xml"/><Relationship Id="rId4" Type="http://schemas.microsoft.com/office/2007/relationships/hdphoto" Target="../media/hdphoto1.wdp"/></Relationships>
</file>

<file path=ppt/slides/_rels/slide25.xml.rels><?xml version="1.0" encoding="UTF-8" standalone="yes"?>
<Relationships xmlns="http://schemas.openxmlformats.org/package/2006/relationships"><Relationship Id="rId3" Type="http://schemas.openxmlformats.org/officeDocument/2006/relationships/image" Target="../media/image65.jpeg"/><Relationship Id="rId2" Type="http://schemas.openxmlformats.org/officeDocument/2006/relationships/notesSlide" Target="../notesSlides/notesSlide25.xml"/><Relationship Id="rId1" Type="http://schemas.openxmlformats.org/officeDocument/2006/relationships/slideLayout" Target="../slideLayouts/slideLayout4.xml"/><Relationship Id="rId6" Type="http://schemas.openxmlformats.org/officeDocument/2006/relationships/image" Target="../media/image4.png"/><Relationship Id="rId5" Type="http://schemas.microsoft.com/office/2007/relationships/hdphoto" Target="../media/hdphoto1.wdp"/><Relationship Id="rId4" Type="http://schemas.openxmlformats.org/officeDocument/2006/relationships/image" Target="../media/image6.png"/></Relationships>
</file>

<file path=ppt/slides/_rels/slide26.xml.rels><?xml version="1.0" encoding="UTF-8" standalone="yes"?>
<Relationships xmlns="http://schemas.openxmlformats.org/package/2006/relationships"><Relationship Id="rId3" Type="http://schemas.openxmlformats.org/officeDocument/2006/relationships/image" Target="../media/image66.jpeg"/><Relationship Id="rId2" Type="http://schemas.openxmlformats.org/officeDocument/2006/relationships/notesSlide" Target="../notesSlides/notesSlide26.xml"/><Relationship Id="rId1" Type="http://schemas.openxmlformats.org/officeDocument/2006/relationships/slideLayout" Target="../slideLayouts/slideLayout4.xml"/><Relationship Id="rId6" Type="http://schemas.microsoft.com/office/2007/relationships/hdphoto" Target="../media/hdphoto1.wdp"/><Relationship Id="rId5" Type="http://schemas.openxmlformats.org/officeDocument/2006/relationships/image" Target="../media/image6.png"/><Relationship Id="rId4" Type="http://schemas.openxmlformats.org/officeDocument/2006/relationships/image" Target="../media/image67.png"/></Relationships>
</file>

<file path=ppt/slides/_rels/slide3.xml.rels><?xml version="1.0" encoding="UTF-8" standalone="yes"?>
<Relationships xmlns="http://schemas.openxmlformats.org/package/2006/relationships"><Relationship Id="rId8" Type="http://schemas.openxmlformats.org/officeDocument/2006/relationships/image" Target="../media/image12.png"/><Relationship Id="rId13" Type="http://schemas.openxmlformats.org/officeDocument/2006/relationships/image" Target="../media/image16.png"/><Relationship Id="rId3" Type="http://schemas.openxmlformats.org/officeDocument/2006/relationships/image" Target="../media/image8.png"/><Relationship Id="rId7" Type="http://schemas.openxmlformats.org/officeDocument/2006/relationships/image" Target="../media/image11.png"/><Relationship Id="rId12" Type="http://schemas.openxmlformats.org/officeDocument/2006/relationships/image" Target="../media/image15.svg"/><Relationship Id="rId17" Type="http://schemas.microsoft.com/office/2007/relationships/hdphoto" Target="../media/hdphoto1.wdp"/><Relationship Id="rId2" Type="http://schemas.openxmlformats.org/officeDocument/2006/relationships/notesSlide" Target="../notesSlides/notesSlide3.xml"/><Relationship Id="rId16" Type="http://schemas.openxmlformats.org/officeDocument/2006/relationships/image" Target="../media/image6.png"/><Relationship Id="rId1" Type="http://schemas.openxmlformats.org/officeDocument/2006/relationships/slideLayout" Target="../slideLayouts/slideLayout4.xml"/><Relationship Id="rId6" Type="http://schemas.openxmlformats.org/officeDocument/2006/relationships/image" Target="../media/image10.png"/><Relationship Id="rId11" Type="http://schemas.openxmlformats.org/officeDocument/2006/relationships/image" Target="../media/image14.png"/><Relationship Id="rId5" Type="http://schemas.openxmlformats.org/officeDocument/2006/relationships/image" Target="../media/image9.png"/><Relationship Id="rId15" Type="http://schemas.openxmlformats.org/officeDocument/2006/relationships/chart" Target="../charts/chart2.xml"/><Relationship Id="rId10" Type="http://schemas.openxmlformats.org/officeDocument/2006/relationships/chart" Target="../charts/chart1.xml"/><Relationship Id="rId4" Type="http://schemas.microsoft.com/office/2007/relationships/hdphoto" Target="../media/hdphoto2.wdp"/><Relationship Id="rId9" Type="http://schemas.openxmlformats.org/officeDocument/2006/relationships/image" Target="../media/image13.png"/><Relationship Id="rId14" Type="http://schemas.openxmlformats.org/officeDocument/2006/relationships/image" Target="../media/image17.svg"/></Relationships>
</file>

<file path=ppt/slides/_rels/slide4.xml.rels><?xml version="1.0" encoding="UTF-8" standalone="yes"?>
<Relationships xmlns="http://schemas.openxmlformats.org/package/2006/relationships"><Relationship Id="rId8" Type="http://schemas.openxmlformats.org/officeDocument/2006/relationships/image" Target="../media/image23.png"/><Relationship Id="rId13" Type="http://schemas.microsoft.com/office/2007/relationships/hdphoto" Target="../media/hdphoto5.wdp"/><Relationship Id="rId3" Type="http://schemas.openxmlformats.org/officeDocument/2006/relationships/image" Target="../media/image18.gif"/><Relationship Id="rId7" Type="http://schemas.openxmlformats.org/officeDocument/2006/relationships/image" Target="../media/image22.gif"/><Relationship Id="rId12" Type="http://schemas.openxmlformats.org/officeDocument/2006/relationships/image" Target="../media/image25.png"/><Relationship Id="rId2" Type="http://schemas.openxmlformats.org/officeDocument/2006/relationships/notesSlide" Target="../notesSlides/notesSlide4.xml"/><Relationship Id="rId1" Type="http://schemas.openxmlformats.org/officeDocument/2006/relationships/slideLayout" Target="../slideLayouts/slideLayout4.xml"/><Relationship Id="rId6" Type="http://schemas.openxmlformats.org/officeDocument/2006/relationships/image" Target="../media/image21.gif"/><Relationship Id="rId11" Type="http://schemas.microsoft.com/office/2007/relationships/hdphoto" Target="../media/hdphoto4.wdp"/><Relationship Id="rId5" Type="http://schemas.openxmlformats.org/officeDocument/2006/relationships/image" Target="../media/image20.gif"/><Relationship Id="rId15" Type="http://schemas.microsoft.com/office/2007/relationships/hdphoto" Target="../media/hdphoto1.wdp"/><Relationship Id="rId10" Type="http://schemas.openxmlformats.org/officeDocument/2006/relationships/image" Target="../media/image24.png"/><Relationship Id="rId4" Type="http://schemas.openxmlformats.org/officeDocument/2006/relationships/image" Target="../media/image19.gif"/><Relationship Id="rId9" Type="http://schemas.microsoft.com/office/2007/relationships/hdphoto" Target="../media/hdphoto3.wdp"/><Relationship Id="rId14" Type="http://schemas.openxmlformats.org/officeDocument/2006/relationships/image" Target="../media/image6.png"/></Relationships>
</file>

<file path=ppt/slides/_rels/slide5.xml.rels><?xml version="1.0" encoding="UTF-8" standalone="yes"?>
<Relationships xmlns="http://schemas.openxmlformats.org/package/2006/relationships"><Relationship Id="rId8" Type="http://schemas.openxmlformats.org/officeDocument/2006/relationships/diagramColors" Target="../diagrams/colors1.xml"/><Relationship Id="rId13" Type="http://schemas.openxmlformats.org/officeDocument/2006/relationships/diagramQuickStyle" Target="../diagrams/quickStyle2.xml"/><Relationship Id="rId3" Type="http://schemas.openxmlformats.org/officeDocument/2006/relationships/image" Target="../media/image6.png"/><Relationship Id="rId7" Type="http://schemas.openxmlformats.org/officeDocument/2006/relationships/diagramQuickStyle" Target="../diagrams/quickStyle1.xml"/><Relationship Id="rId12" Type="http://schemas.openxmlformats.org/officeDocument/2006/relationships/diagramLayout" Target="../diagrams/layout2.xml"/><Relationship Id="rId2" Type="http://schemas.openxmlformats.org/officeDocument/2006/relationships/notesSlide" Target="../notesSlides/notesSlide5.xml"/><Relationship Id="rId1" Type="http://schemas.openxmlformats.org/officeDocument/2006/relationships/slideLayout" Target="../slideLayouts/slideLayout4.xml"/><Relationship Id="rId6" Type="http://schemas.openxmlformats.org/officeDocument/2006/relationships/diagramLayout" Target="../diagrams/layout1.xml"/><Relationship Id="rId11" Type="http://schemas.openxmlformats.org/officeDocument/2006/relationships/diagramData" Target="../diagrams/data2.xml"/><Relationship Id="rId5" Type="http://schemas.openxmlformats.org/officeDocument/2006/relationships/diagramData" Target="../diagrams/data1.xml"/><Relationship Id="rId15" Type="http://schemas.microsoft.com/office/2007/relationships/diagramDrawing" Target="../diagrams/drawing2.xml"/><Relationship Id="rId10" Type="http://schemas.openxmlformats.org/officeDocument/2006/relationships/hyperlink" Target="https://www.energy.gov/eere/fuelcells/hydrogen-storage" TargetMode="External"/><Relationship Id="rId4" Type="http://schemas.microsoft.com/office/2007/relationships/hdphoto" Target="../media/hdphoto1.wdp"/><Relationship Id="rId9" Type="http://schemas.microsoft.com/office/2007/relationships/diagramDrawing" Target="../diagrams/drawing1.xml"/><Relationship Id="rId14" Type="http://schemas.openxmlformats.org/officeDocument/2006/relationships/diagramColors" Target="../diagrams/colors2.xml"/></Relationships>
</file>

<file path=ppt/slides/_rels/slide6.xml.rels><?xml version="1.0" encoding="UTF-8" standalone="yes"?>
<Relationships xmlns="http://schemas.openxmlformats.org/package/2006/relationships"><Relationship Id="rId3" Type="http://schemas.openxmlformats.org/officeDocument/2006/relationships/image" Target="../media/image6.png"/><Relationship Id="rId7" Type="http://schemas.openxmlformats.org/officeDocument/2006/relationships/image" Target="../media/image26.jpeg"/><Relationship Id="rId2" Type="http://schemas.openxmlformats.org/officeDocument/2006/relationships/notesSlide" Target="../notesSlides/notesSlide6.xml"/><Relationship Id="rId1" Type="http://schemas.openxmlformats.org/officeDocument/2006/relationships/slideLayout" Target="../slideLayouts/slideLayout4.xml"/><Relationship Id="rId6" Type="http://schemas.openxmlformats.org/officeDocument/2006/relationships/image" Target="../media/image26.png"/><Relationship Id="rId5" Type="http://schemas.openxmlformats.org/officeDocument/2006/relationships/chart" Target="../charts/chart3.xml"/><Relationship Id="rId4" Type="http://schemas.microsoft.com/office/2007/relationships/hdphoto" Target="../media/hdphoto1.wdp"/></Relationships>
</file>

<file path=ppt/slides/_rels/slide7.xml.rels><?xml version="1.0" encoding="UTF-8" standalone="yes"?>
<Relationships xmlns="http://schemas.openxmlformats.org/package/2006/relationships"><Relationship Id="rId8" Type="http://schemas.openxmlformats.org/officeDocument/2006/relationships/image" Target="../media/image27.png"/><Relationship Id="rId3" Type="http://schemas.openxmlformats.org/officeDocument/2006/relationships/image" Target="../media/image6.png"/><Relationship Id="rId7" Type="http://schemas.openxmlformats.org/officeDocument/2006/relationships/image" Target="../media/image26.jpeg"/><Relationship Id="rId2" Type="http://schemas.openxmlformats.org/officeDocument/2006/relationships/notesSlide" Target="../notesSlides/notesSlide7.xml"/><Relationship Id="rId1" Type="http://schemas.openxmlformats.org/officeDocument/2006/relationships/slideLayout" Target="../slideLayouts/slideLayout4.xml"/><Relationship Id="rId6" Type="http://schemas.openxmlformats.org/officeDocument/2006/relationships/image" Target="../media/image28.png"/><Relationship Id="rId5" Type="http://schemas.openxmlformats.org/officeDocument/2006/relationships/chart" Target="../charts/chart4.xml"/><Relationship Id="rId4" Type="http://schemas.microsoft.com/office/2007/relationships/hdphoto" Target="../media/hdphoto1.wdp"/></Relationships>
</file>

<file path=ppt/slides/_rels/slide8.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8.xml"/><Relationship Id="rId1" Type="http://schemas.openxmlformats.org/officeDocument/2006/relationships/slideLayout" Target="../slideLayouts/slideLayout4.xml"/><Relationship Id="rId6" Type="http://schemas.openxmlformats.org/officeDocument/2006/relationships/hyperlink" Target="http://www.statista.com/statistics/1046426/ruthenium-price/" TargetMode="External"/><Relationship Id="rId5" Type="http://schemas.openxmlformats.org/officeDocument/2006/relationships/chart" Target="../charts/chart5.xml"/><Relationship Id="rId4" Type="http://schemas.microsoft.com/office/2007/relationships/hdphoto" Target="../media/hdphoto1.wdp"/></Relationships>
</file>

<file path=ppt/slides/_rels/slide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9.xml"/><Relationship Id="rId1" Type="http://schemas.openxmlformats.org/officeDocument/2006/relationships/slideLayout" Target="../slideLayouts/slideLayout4.xml"/><Relationship Id="rId5" Type="http://schemas.openxmlformats.org/officeDocument/2006/relationships/image" Target="../media/image29.png"/><Relationship Id="rId4" Type="http://schemas.microsoft.com/office/2007/relationships/hdphoto" Target="../media/hdphoto1.wdp"/></Relationships>
</file>

<file path=ppt/slides/slide1.xml><?xml version="1.0" encoding="utf-8"?>
<p:sld xmlns:a="http://schemas.openxmlformats.org/drawingml/2006/main" xmlns:r="http://schemas.openxmlformats.org/officeDocument/2006/relationships" xmlns:p="http://schemas.openxmlformats.org/presentationml/2006/main">
  <p:cSld>
    <p:bg>
      <p:bgPr>
        <a:blipFill dpi="0" rotWithShape="1">
          <a:blip r:embed="rId3">
            <a:lum/>
          </a:blip>
          <a:srcRect/>
          <a:stretch>
            <a:fillRect/>
          </a:stretch>
        </a:blipFill>
        <a:effectLst/>
      </p:bgPr>
    </p:bg>
    <p:spTree>
      <p:nvGrpSpPr>
        <p:cNvPr id="1" name=""/>
        <p:cNvGrpSpPr/>
        <p:nvPr/>
      </p:nvGrpSpPr>
      <p:grpSpPr>
        <a:xfrm>
          <a:off x="0" y="0"/>
          <a:ext cx="0" cy="0"/>
          <a:chOff x="0" y="0"/>
          <a:chExt cx="0" cy="0"/>
        </a:xfrm>
      </p:grpSpPr>
      <p:sp>
        <p:nvSpPr>
          <p:cNvPr id="10" name="Text Placeholder 9">
            <a:extLst>
              <a:ext uri="{FF2B5EF4-FFF2-40B4-BE49-F238E27FC236}">
                <a16:creationId xmlns:a16="http://schemas.microsoft.com/office/drawing/2014/main" id="{197B769C-F5DF-DCA8-2339-A24BF349211B}"/>
              </a:ext>
            </a:extLst>
          </p:cNvPr>
          <p:cNvSpPr>
            <a:spLocks noGrp="1"/>
          </p:cNvSpPr>
          <p:nvPr>
            <p:ph type="body" sz="quarter" idx="14"/>
          </p:nvPr>
        </p:nvSpPr>
        <p:spPr/>
        <p:txBody>
          <a:bodyPr/>
          <a:lstStyle/>
          <a:p>
            <a:r>
              <a:rPr lang="en-GB" dirty="0"/>
              <a:t>.</a:t>
            </a:r>
          </a:p>
          <a:p>
            <a:endParaRPr lang="en-GB" dirty="0"/>
          </a:p>
        </p:txBody>
      </p:sp>
      <p:pic>
        <p:nvPicPr>
          <p:cNvPr id="4" name="Picture 3">
            <a:extLst>
              <a:ext uri="{FF2B5EF4-FFF2-40B4-BE49-F238E27FC236}">
                <a16:creationId xmlns:a16="http://schemas.microsoft.com/office/drawing/2014/main" id="{2A16AC11-4DE3-565E-B628-2EFB57F6F7AF}"/>
              </a:ext>
            </a:extLst>
          </p:cNvPr>
          <p:cNvPicPr>
            <a:picLocks noChangeAspect="1"/>
          </p:cNvPicPr>
          <p:nvPr/>
        </p:nvPicPr>
        <p:blipFill>
          <a:blip r:embed="rId4"/>
          <a:stretch>
            <a:fillRect/>
          </a:stretch>
        </p:blipFill>
        <p:spPr>
          <a:xfrm>
            <a:off x="57149" y="4585685"/>
            <a:ext cx="1644333" cy="553881"/>
          </a:xfrm>
          <a:prstGeom prst="rect">
            <a:avLst/>
          </a:prstGeom>
        </p:spPr>
      </p:pic>
      <p:sp>
        <p:nvSpPr>
          <p:cNvPr id="6" name="Titel 5"/>
          <p:cNvSpPr>
            <a:spLocks noGrp="1"/>
          </p:cNvSpPr>
          <p:nvPr>
            <p:ph type="ctrTitle"/>
          </p:nvPr>
        </p:nvSpPr>
        <p:spPr>
          <a:xfrm>
            <a:off x="-1" y="2915049"/>
            <a:ext cx="9143999" cy="784750"/>
          </a:xfrm>
          <a:solidFill>
            <a:srgbClr val="002060">
              <a:alpha val="50000"/>
            </a:srgbClr>
          </a:solidFill>
        </p:spPr>
        <p:txBody>
          <a:bodyPr/>
          <a:lstStyle/>
          <a:p>
            <a:pPr>
              <a:lnSpc>
                <a:spcPct val="100000"/>
              </a:lnSpc>
            </a:pPr>
            <a:r>
              <a:rPr lang="en-US" sz="1800" dirty="0">
                <a:cs typeface="Dubai" panose="020B0503030403030204" pitchFamily="34" charset="-78"/>
              </a:rPr>
              <a:t>Advancements in low-temperature ammonia decomposition on   Cs-Ru/CeO</a:t>
            </a:r>
            <a:r>
              <a:rPr lang="en-US" sz="1800" baseline="-25000" dirty="0">
                <a:cs typeface="Dubai" panose="020B0503030403030204" pitchFamily="34" charset="-78"/>
              </a:rPr>
              <a:t>2</a:t>
            </a:r>
            <a:r>
              <a:rPr lang="en-US" sz="1800" dirty="0">
                <a:cs typeface="Dubai" panose="020B0503030403030204" pitchFamily="34" charset="-78"/>
              </a:rPr>
              <a:t> catalysts: a kinetic study</a:t>
            </a:r>
            <a:endParaRPr lang="en-GB" sz="1800" dirty="0">
              <a:cs typeface="Dubai" panose="020B0503030403030204" pitchFamily="34" charset="-78"/>
            </a:endParaRPr>
          </a:p>
        </p:txBody>
      </p:sp>
      <p:sp>
        <p:nvSpPr>
          <p:cNvPr id="7" name="Ondertitel 6"/>
          <p:cNvSpPr>
            <a:spLocks noGrp="1"/>
          </p:cNvSpPr>
          <p:nvPr>
            <p:ph type="subTitle" idx="1"/>
          </p:nvPr>
        </p:nvSpPr>
        <p:spPr>
          <a:xfrm>
            <a:off x="-1" y="3699810"/>
            <a:ext cx="9143999" cy="288000"/>
          </a:xfrm>
          <a:solidFill>
            <a:srgbClr val="002060">
              <a:alpha val="50000"/>
            </a:srgbClr>
          </a:solidFill>
        </p:spPr>
        <p:txBody>
          <a:bodyPr/>
          <a:lstStyle/>
          <a:p>
            <a:r>
              <a:rPr lang="en-GB" sz="1200" i="1" u="sng" cap="none" dirty="0">
                <a:latin typeface="+mj-lt"/>
                <a:cs typeface="Dubai" panose="020B0503030403030204" pitchFamily="34" charset="-78"/>
              </a:rPr>
              <a:t>Gaetano Anello</a:t>
            </a:r>
            <a:r>
              <a:rPr lang="en-GB" sz="700" i="1" cap="none" dirty="0">
                <a:latin typeface="+mj-lt"/>
                <a:cs typeface="Dubai" panose="020B0503030403030204" pitchFamily="34" charset="-78"/>
              </a:rPr>
              <a:t> </a:t>
            </a:r>
            <a:r>
              <a:rPr lang="en-GB" sz="1200" b="0" i="1" cap="none" dirty="0">
                <a:latin typeface="+mj-lt"/>
                <a:cs typeface="Dubai" panose="020B0503030403030204" pitchFamily="34" charset="-78"/>
              </a:rPr>
              <a:t>, Roberto Fiorillo, Giulia De Felice, Fausto Gallucci</a:t>
            </a:r>
          </a:p>
        </p:txBody>
      </p:sp>
      <p:sp>
        <p:nvSpPr>
          <p:cNvPr id="8" name="Tijdelijke aanduiding voor tekst 7"/>
          <p:cNvSpPr>
            <a:spLocks noGrp="1"/>
          </p:cNvSpPr>
          <p:nvPr>
            <p:ph type="body" sz="quarter" idx="13"/>
          </p:nvPr>
        </p:nvSpPr>
        <p:spPr/>
        <p:txBody>
          <a:bodyPr/>
          <a:lstStyle/>
          <a:p>
            <a:r>
              <a:rPr lang="en-GB" sz="1400" cap="none" dirty="0"/>
              <a:t>Shanghai, China - September 23 - 26</a:t>
            </a:r>
            <a:r>
              <a:rPr lang="en-GB" sz="1400" dirty="0"/>
              <a:t>, </a:t>
            </a:r>
            <a:r>
              <a:rPr lang="en-GB" sz="1400" cap="none" dirty="0"/>
              <a:t>2024</a:t>
            </a:r>
            <a:endParaRPr lang="en-GB" sz="1400" dirty="0"/>
          </a:p>
        </p:txBody>
      </p:sp>
      <p:cxnSp>
        <p:nvCxnSpPr>
          <p:cNvPr id="15" name="Straight Connector 14">
            <a:extLst>
              <a:ext uri="{FF2B5EF4-FFF2-40B4-BE49-F238E27FC236}">
                <a16:creationId xmlns:a16="http://schemas.microsoft.com/office/drawing/2014/main" id="{EE61C245-D675-5345-50EC-52899CEC70B1}"/>
              </a:ext>
            </a:extLst>
          </p:cNvPr>
          <p:cNvCxnSpPr>
            <a:cxnSpLocks/>
          </p:cNvCxnSpPr>
          <p:nvPr/>
        </p:nvCxnSpPr>
        <p:spPr>
          <a:xfrm>
            <a:off x="-6667" y="2915049"/>
            <a:ext cx="9144000"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16" name="Straight Connector 15">
            <a:extLst>
              <a:ext uri="{FF2B5EF4-FFF2-40B4-BE49-F238E27FC236}">
                <a16:creationId xmlns:a16="http://schemas.microsoft.com/office/drawing/2014/main" id="{14E3A221-04D5-D6DE-B8D7-6456A17000EA}"/>
              </a:ext>
            </a:extLst>
          </p:cNvPr>
          <p:cNvCxnSpPr>
            <a:cxnSpLocks/>
          </p:cNvCxnSpPr>
          <p:nvPr/>
        </p:nvCxnSpPr>
        <p:spPr>
          <a:xfrm>
            <a:off x="-2" y="3988971"/>
            <a:ext cx="9144000"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pic>
        <p:nvPicPr>
          <p:cNvPr id="3" name="Picture 2">
            <a:extLst>
              <a:ext uri="{FF2B5EF4-FFF2-40B4-BE49-F238E27FC236}">
                <a16:creationId xmlns:a16="http://schemas.microsoft.com/office/drawing/2014/main" id="{20514D88-64A6-44C6-33FB-58BE432F5850}"/>
              </a:ext>
            </a:extLst>
          </p:cNvPr>
          <p:cNvPicPr>
            <a:picLocks noChangeAspect="1"/>
          </p:cNvPicPr>
          <p:nvPr/>
        </p:nvPicPr>
        <p:blipFill rotWithShape="1">
          <a:blip r:embed="rId5" cstate="print">
            <a:duotone>
              <a:schemeClr val="accent5">
                <a:shade val="45000"/>
                <a:satMod val="135000"/>
              </a:schemeClr>
              <a:prstClr val="white"/>
            </a:duotone>
            <a:extLst>
              <a:ext uri="{28A0092B-C50C-407E-A947-70E740481C1C}">
                <a14:useLocalDpi xmlns:a14="http://schemas.microsoft.com/office/drawing/2010/main" val="0"/>
              </a:ext>
            </a:extLst>
          </a:blip>
          <a:srcRect t="6945" b="7441"/>
          <a:stretch/>
        </p:blipFill>
        <p:spPr bwMode="auto">
          <a:xfrm>
            <a:off x="3187065" y="4574495"/>
            <a:ext cx="2756535" cy="576263"/>
          </a:xfrm>
          <a:prstGeom prst="rect">
            <a:avLst/>
          </a:prstGeom>
          <a:noFill/>
        </p:spPr>
      </p:pic>
      <p:cxnSp>
        <p:nvCxnSpPr>
          <p:cNvPr id="2" name="Straight Connector 1">
            <a:extLst>
              <a:ext uri="{FF2B5EF4-FFF2-40B4-BE49-F238E27FC236}">
                <a16:creationId xmlns:a16="http://schemas.microsoft.com/office/drawing/2014/main" id="{6EADD1A8-8012-CDF7-C567-81ADE5F957ED}"/>
              </a:ext>
            </a:extLst>
          </p:cNvPr>
          <p:cNvCxnSpPr>
            <a:cxnSpLocks/>
          </p:cNvCxnSpPr>
          <p:nvPr/>
        </p:nvCxnSpPr>
        <p:spPr>
          <a:xfrm>
            <a:off x="0" y="4568400"/>
            <a:ext cx="9144000" cy="0"/>
          </a:xfrm>
          <a:prstGeom prst="line">
            <a:avLst/>
          </a:prstGeom>
          <a:ln w="19050">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751351331"/>
      </p:ext>
    </p:extLst>
  </p:cSld>
  <p:clrMapOvr>
    <a:masterClrMapping/>
  </p:clrMapOvr>
  <p:transition spd="med">
    <p:pull/>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10</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atalysts for ammonia decomposition </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Catalytic formulation: Ruthenium and B5-sites</a:t>
            </a:r>
          </a:p>
        </p:txBody>
      </p:sp>
      <p:grpSp>
        <p:nvGrpSpPr>
          <p:cNvPr id="96" name="Group 95">
            <a:extLst>
              <a:ext uri="{FF2B5EF4-FFF2-40B4-BE49-F238E27FC236}">
                <a16:creationId xmlns:a16="http://schemas.microsoft.com/office/drawing/2014/main" id="{CA684029-FD7A-06B4-914A-F28A575BDCD5}"/>
              </a:ext>
            </a:extLst>
          </p:cNvPr>
          <p:cNvGrpSpPr/>
          <p:nvPr/>
        </p:nvGrpSpPr>
        <p:grpSpPr>
          <a:xfrm>
            <a:off x="2021240" y="2032733"/>
            <a:ext cx="1640961" cy="1586227"/>
            <a:chOff x="2036480" y="1722853"/>
            <a:chExt cx="1640961" cy="1586227"/>
          </a:xfrm>
        </p:grpSpPr>
        <mc:AlternateContent xmlns:mc="http://schemas.openxmlformats.org/markup-compatibility/2006">
          <mc:Choice xmlns:am3d="http://schemas.microsoft.com/office/drawing/2017/model3d" Requires="am3d">
            <p:graphicFrame>
              <p:nvGraphicFramePr>
                <p:cNvPr id="4" name="3D Model 3" descr="Dark Gray Sphere">
                  <a:extLst>
                    <a:ext uri="{FF2B5EF4-FFF2-40B4-BE49-F238E27FC236}">
                      <a16:creationId xmlns:a16="http://schemas.microsoft.com/office/drawing/2014/main" id="{089807EB-E025-59F8-218F-AF4574BFAB8D}"/>
                    </a:ext>
                  </a:extLst>
                </p:cNvPr>
                <p:cNvGraphicFramePr/>
                <p:nvPr>
                  <p:extLst>
                    <p:ext uri="{D42A27DB-BD31-4B8C-83A1-F6EECF244321}">
                      <p14:modId xmlns:p14="http://schemas.microsoft.com/office/powerpoint/2010/main" val="3807330331"/>
                    </p:ext>
                  </p:extLst>
                </p:nvPr>
              </p:nvGraphicFramePr>
              <p:xfrm>
                <a:off x="2036480" y="2206978"/>
                <a:ext cx="828000" cy="828000"/>
              </p:xfrm>
              <a:graphic>
                <a:graphicData uri="http://schemas.microsoft.com/office/drawing/2017/model3d">
                  <am3d:model3d r:embed="rId5">
                    <am3d:spPr>
                      <a:xfrm>
                        <a:off x="0" y="0"/>
                        <a:ext cx="828000" cy="828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6"/>
                    </am3d:raster>
                    <am3d:objViewport viewportSz="1362194"/>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4" name="3D Model 3" descr="Dark Gray Sphere">
                  <a:extLst>
                    <a:ext uri="{FF2B5EF4-FFF2-40B4-BE49-F238E27FC236}">
                      <a16:creationId xmlns:a16="http://schemas.microsoft.com/office/drawing/2014/main" id="{089807EB-E025-59F8-218F-AF4574BFAB8D}"/>
                    </a:ext>
                  </a:extLst>
                </p:cNvPr>
                <p:cNvPicPr>
                  <a:picLocks noGrp="1" noRot="1" noChangeAspect="1" noMove="1" noResize="1" noEditPoints="1" noAdjustHandles="1" noChangeArrowheads="1" noChangeShapeType="1" noCrop="1"/>
                </p:cNvPicPr>
                <p:nvPr/>
              </p:nvPicPr>
              <p:blipFill>
                <a:blip r:embed="rId6"/>
                <a:stretch>
                  <a:fillRect/>
                </a:stretch>
              </p:blipFill>
              <p:spPr>
                <a:xfrm>
                  <a:off x="2021240" y="2516858"/>
                  <a:ext cx="828000" cy="828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21" name="3D Model 20" descr="Dark Gray Sphere">
                  <a:extLst>
                    <a:ext uri="{FF2B5EF4-FFF2-40B4-BE49-F238E27FC236}">
                      <a16:creationId xmlns:a16="http://schemas.microsoft.com/office/drawing/2014/main" id="{A3055071-5C48-11BB-D376-2B9A80254F8F}"/>
                    </a:ext>
                  </a:extLst>
                </p:cNvPr>
                <p:cNvGraphicFramePr/>
                <p:nvPr>
                  <p:extLst>
                    <p:ext uri="{D42A27DB-BD31-4B8C-83A1-F6EECF244321}">
                      <p14:modId xmlns:p14="http://schemas.microsoft.com/office/powerpoint/2010/main" val="1919743011"/>
                    </p:ext>
                  </p:extLst>
                </p:nvPr>
              </p:nvGraphicFramePr>
              <p:xfrm>
                <a:off x="2834440" y="2206978"/>
                <a:ext cx="828000" cy="828000"/>
              </p:xfrm>
              <a:graphic>
                <a:graphicData uri="http://schemas.microsoft.com/office/drawing/2017/model3d">
                  <am3d:model3d r:embed="rId5">
                    <am3d:spPr>
                      <a:xfrm>
                        <a:off x="0" y="0"/>
                        <a:ext cx="828000" cy="828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6"/>
                    </am3d:raster>
                    <am3d:objViewport viewportSz="1362194"/>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21" name="3D Model 20" descr="Dark Gray Sphere">
                  <a:extLst>
                    <a:ext uri="{FF2B5EF4-FFF2-40B4-BE49-F238E27FC236}">
                      <a16:creationId xmlns:a16="http://schemas.microsoft.com/office/drawing/2014/main" id="{A3055071-5C48-11BB-D376-2B9A80254F8F}"/>
                    </a:ext>
                  </a:extLst>
                </p:cNvPr>
                <p:cNvPicPr>
                  <a:picLocks noGrp="1" noRot="1" noChangeAspect="1" noMove="1" noResize="1" noEditPoints="1" noAdjustHandles="1" noChangeArrowheads="1" noChangeShapeType="1" noCrop="1"/>
                </p:cNvPicPr>
                <p:nvPr/>
              </p:nvPicPr>
              <p:blipFill>
                <a:blip r:embed="rId6"/>
                <a:stretch>
                  <a:fillRect/>
                </a:stretch>
              </p:blipFill>
              <p:spPr>
                <a:xfrm>
                  <a:off x="2819200" y="2516858"/>
                  <a:ext cx="828000" cy="828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29" name="3D Model 28" descr="Dark Gray Sphere">
                  <a:extLst>
                    <a:ext uri="{FF2B5EF4-FFF2-40B4-BE49-F238E27FC236}">
                      <a16:creationId xmlns:a16="http://schemas.microsoft.com/office/drawing/2014/main" id="{9CB81D0C-5FB9-C315-4F9C-FCFC5A0B5AA4}"/>
                    </a:ext>
                  </a:extLst>
                </p:cNvPr>
                <p:cNvGraphicFramePr>
                  <a:graphicFrameLocks noChangeAspect="1"/>
                </p:cNvGraphicFramePr>
                <p:nvPr>
                  <p:extLst>
                    <p:ext uri="{D42A27DB-BD31-4B8C-83A1-F6EECF244321}">
                      <p14:modId xmlns:p14="http://schemas.microsoft.com/office/powerpoint/2010/main" val="2397141083"/>
                    </p:ext>
                  </p:extLst>
                </p:nvPr>
              </p:nvGraphicFramePr>
              <p:xfrm>
                <a:off x="2056794" y="1722853"/>
                <a:ext cx="864000" cy="864000"/>
              </p:xfrm>
              <a:graphic>
                <a:graphicData uri="http://schemas.microsoft.com/office/drawing/2017/model3d">
                  <am3d:model3d r:embed="rId5">
                    <am3d:spPr>
                      <a:xfrm>
                        <a:off x="0" y="0"/>
                        <a:ext cx="864000" cy="864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7"/>
                    </am3d:raster>
                    <am3d:objViewport viewportSz="1414681"/>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29" name="3D Model 28" descr="Dark Gray Sphere">
                  <a:extLst>
                    <a:ext uri="{FF2B5EF4-FFF2-40B4-BE49-F238E27FC236}">
                      <a16:creationId xmlns:a16="http://schemas.microsoft.com/office/drawing/2014/main" id="{9CB81D0C-5FB9-C315-4F9C-FCFC5A0B5AA4}"/>
                    </a:ext>
                  </a:extLst>
                </p:cNvPr>
                <p:cNvPicPr>
                  <a:picLocks noGrp="1" noRot="1" noChangeAspect="1" noMove="1" noResize="1" noEditPoints="1" noAdjustHandles="1" noChangeArrowheads="1" noChangeShapeType="1" noCrop="1"/>
                </p:cNvPicPr>
                <p:nvPr/>
              </p:nvPicPr>
              <p:blipFill>
                <a:blip r:embed="rId7"/>
                <a:stretch>
                  <a:fillRect/>
                </a:stretch>
              </p:blipFill>
              <p:spPr>
                <a:xfrm>
                  <a:off x="2041554" y="2032733"/>
                  <a:ext cx="864000" cy="864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30" name="3D Model 29" descr="Dark Gray Sphere">
                  <a:extLst>
                    <a:ext uri="{FF2B5EF4-FFF2-40B4-BE49-F238E27FC236}">
                      <a16:creationId xmlns:a16="http://schemas.microsoft.com/office/drawing/2014/main" id="{3CA942D1-BCC8-539E-2C0B-616266F5E74E}"/>
                    </a:ext>
                  </a:extLst>
                </p:cNvPr>
                <p:cNvGraphicFramePr/>
                <p:nvPr>
                  <p:extLst>
                    <p:ext uri="{D42A27DB-BD31-4B8C-83A1-F6EECF244321}">
                      <p14:modId xmlns:p14="http://schemas.microsoft.com/office/powerpoint/2010/main" val="2516149899"/>
                    </p:ext>
                  </p:extLst>
                </p:nvPr>
              </p:nvGraphicFramePr>
              <p:xfrm>
                <a:off x="2813441" y="1722853"/>
                <a:ext cx="864000" cy="864000"/>
              </p:xfrm>
              <a:graphic>
                <a:graphicData uri="http://schemas.microsoft.com/office/drawing/2017/model3d">
                  <am3d:model3d r:embed="rId5">
                    <am3d:spPr>
                      <a:xfrm>
                        <a:off x="0" y="0"/>
                        <a:ext cx="864000" cy="864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8"/>
                    </am3d:raster>
                    <am3d:objViewport viewportSz="1433455"/>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30" name="3D Model 29" descr="Dark Gray Sphere">
                  <a:extLst>
                    <a:ext uri="{FF2B5EF4-FFF2-40B4-BE49-F238E27FC236}">
                      <a16:creationId xmlns:a16="http://schemas.microsoft.com/office/drawing/2014/main" id="{3CA942D1-BCC8-539E-2C0B-616266F5E74E}"/>
                    </a:ext>
                  </a:extLst>
                </p:cNvPr>
                <p:cNvPicPr>
                  <a:picLocks noGrp="1" noRot="1" noChangeAspect="1" noMove="1" noResize="1" noEditPoints="1" noAdjustHandles="1" noChangeArrowheads="1" noChangeShapeType="1" noCrop="1"/>
                </p:cNvPicPr>
                <p:nvPr/>
              </p:nvPicPr>
              <p:blipFill>
                <a:blip r:embed="rId8"/>
                <a:stretch>
                  <a:fillRect/>
                </a:stretch>
              </p:blipFill>
              <p:spPr>
                <a:xfrm>
                  <a:off x="2798201" y="2032733"/>
                  <a:ext cx="864000" cy="864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31" name="3D Model 30" descr="Dark Gray Sphere">
                  <a:extLst>
                    <a:ext uri="{FF2B5EF4-FFF2-40B4-BE49-F238E27FC236}">
                      <a16:creationId xmlns:a16="http://schemas.microsoft.com/office/drawing/2014/main" id="{A88C5B19-9D08-8603-5DD6-1BA9872FB23F}"/>
                    </a:ext>
                  </a:extLst>
                </p:cNvPr>
                <p:cNvGraphicFramePr/>
                <p:nvPr>
                  <p:extLst>
                    <p:ext uri="{D42A27DB-BD31-4B8C-83A1-F6EECF244321}">
                      <p14:modId xmlns:p14="http://schemas.microsoft.com/office/powerpoint/2010/main" val="3589633983"/>
                    </p:ext>
                  </p:extLst>
                </p:nvPr>
              </p:nvGraphicFramePr>
              <p:xfrm>
                <a:off x="2384506" y="2373080"/>
                <a:ext cx="936000" cy="936000"/>
              </p:xfrm>
              <a:graphic>
                <a:graphicData uri="http://schemas.microsoft.com/office/drawing/2017/model3d">
                  <am3d:model3d r:embed="rId5">
                    <am3d:spPr>
                      <a:xfrm>
                        <a:off x="0" y="0"/>
                        <a:ext cx="936000" cy="936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9"/>
                    </am3d:raster>
                    <am3d:objViewport viewportSz="1572117"/>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31" name="3D Model 30" descr="Dark Gray Sphere">
                  <a:extLst>
                    <a:ext uri="{FF2B5EF4-FFF2-40B4-BE49-F238E27FC236}">
                      <a16:creationId xmlns:a16="http://schemas.microsoft.com/office/drawing/2014/main" id="{A88C5B19-9D08-8603-5DD6-1BA9872FB23F}"/>
                    </a:ext>
                  </a:extLst>
                </p:cNvPr>
                <p:cNvPicPr>
                  <a:picLocks noGrp="1" noRot="1" noChangeAspect="1" noMove="1" noResize="1" noEditPoints="1" noAdjustHandles="1" noChangeArrowheads="1" noChangeShapeType="1" noCrop="1"/>
                </p:cNvPicPr>
                <p:nvPr/>
              </p:nvPicPr>
              <p:blipFill>
                <a:blip r:embed="rId9"/>
                <a:stretch>
                  <a:fillRect/>
                </a:stretch>
              </p:blipFill>
              <p:spPr>
                <a:xfrm>
                  <a:off x="2369266" y="2682960"/>
                  <a:ext cx="936000" cy="936000"/>
                </a:xfrm>
                <a:prstGeom prst="rect">
                  <a:avLst/>
                </a:prstGeom>
              </p:spPr>
            </p:pic>
          </mc:Fallback>
        </mc:AlternateContent>
      </p:grpSp>
      <p:grpSp>
        <p:nvGrpSpPr>
          <p:cNvPr id="97" name="Group 96">
            <a:extLst>
              <a:ext uri="{FF2B5EF4-FFF2-40B4-BE49-F238E27FC236}">
                <a16:creationId xmlns:a16="http://schemas.microsoft.com/office/drawing/2014/main" id="{3A627CF0-3C0E-E5D1-E85D-64F07439BB2E}"/>
              </a:ext>
            </a:extLst>
          </p:cNvPr>
          <p:cNvGrpSpPr/>
          <p:nvPr/>
        </p:nvGrpSpPr>
        <p:grpSpPr>
          <a:xfrm>
            <a:off x="3755630" y="2452932"/>
            <a:ext cx="1640961" cy="1586227"/>
            <a:chOff x="3770870" y="2143052"/>
            <a:chExt cx="1640961" cy="1586227"/>
          </a:xfrm>
        </p:grpSpPr>
        <mc:AlternateContent xmlns:mc="http://schemas.openxmlformats.org/markup-compatibility/2006">
          <mc:Choice xmlns:am3d="http://schemas.microsoft.com/office/drawing/2017/model3d" Requires="am3d">
            <p:graphicFrame>
              <p:nvGraphicFramePr>
                <p:cNvPr id="32" name="3D Model 31" descr="Dark Gray Sphere">
                  <a:extLst>
                    <a:ext uri="{FF2B5EF4-FFF2-40B4-BE49-F238E27FC236}">
                      <a16:creationId xmlns:a16="http://schemas.microsoft.com/office/drawing/2014/main" id="{A901F4D5-26EE-2AB7-2016-8973FD03C1FA}"/>
                    </a:ext>
                  </a:extLst>
                </p:cNvPr>
                <p:cNvGraphicFramePr/>
                <p:nvPr>
                  <p:extLst>
                    <p:ext uri="{D42A27DB-BD31-4B8C-83A1-F6EECF244321}">
                      <p14:modId xmlns:p14="http://schemas.microsoft.com/office/powerpoint/2010/main" val="510612387"/>
                    </p:ext>
                  </p:extLst>
                </p:nvPr>
              </p:nvGraphicFramePr>
              <p:xfrm>
                <a:off x="3770870" y="2627177"/>
                <a:ext cx="828000" cy="828000"/>
              </p:xfrm>
              <a:graphic>
                <a:graphicData uri="http://schemas.microsoft.com/office/drawing/2017/model3d">
                  <am3d:model3d r:embed="rId5">
                    <am3d:spPr>
                      <a:xfrm>
                        <a:off x="0" y="0"/>
                        <a:ext cx="828000" cy="828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6"/>
                    </am3d:raster>
                    <am3d:objViewport viewportSz="1362194"/>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32" name="3D Model 31" descr="Dark Gray Sphere">
                  <a:extLst>
                    <a:ext uri="{FF2B5EF4-FFF2-40B4-BE49-F238E27FC236}">
                      <a16:creationId xmlns:a16="http://schemas.microsoft.com/office/drawing/2014/main" id="{A901F4D5-26EE-2AB7-2016-8973FD03C1FA}"/>
                    </a:ext>
                  </a:extLst>
                </p:cNvPr>
                <p:cNvPicPr>
                  <a:picLocks noGrp="1" noRot="1" noChangeAspect="1" noMove="1" noResize="1" noEditPoints="1" noAdjustHandles="1" noChangeArrowheads="1" noChangeShapeType="1" noCrop="1"/>
                </p:cNvPicPr>
                <p:nvPr/>
              </p:nvPicPr>
              <p:blipFill>
                <a:blip r:embed="rId6"/>
                <a:stretch>
                  <a:fillRect/>
                </a:stretch>
              </p:blipFill>
              <p:spPr>
                <a:xfrm>
                  <a:off x="3755630" y="2937057"/>
                  <a:ext cx="828000" cy="828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33" name="3D Model 32" descr="Dark Gray Sphere">
                  <a:extLst>
                    <a:ext uri="{FF2B5EF4-FFF2-40B4-BE49-F238E27FC236}">
                      <a16:creationId xmlns:a16="http://schemas.microsoft.com/office/drawing/2014/main" id="{3BFFBEF2-EE2E-E314-6EA3-4FC5A58CDD42}"/>
                    </a:ext>
                  </a:extLst>
                </p:cNvPr>
                <p:cNvGraphicFramePr/>
                <p:nvPr>
                  <p:extLst>
                    <p:ext uri="{D42A27DB-BD31-4B8C-83A1-F6EECF244321}">
                      <p14:modId xmlns:p14="http://schemas.microsoft.com/office/powerpoint/2010/main" val="3484808482"/>
                    </p:ext>
                  </p:extLst>
                </p:nvPr>
              </p:nvGraphicFramePr>
              <p:xfrm>
                <a:off x="4568830" y="2627177"/>
                <a:ext cx="828000" cy="828000"/>
              </p:xfrm>
              <a:graphic>
                <a:graphicData uri="http://schemas.microsoft.com/office/drawing/2017/model3d">
                  <am3d:model3d r:embed="rId5">
                    <am3d:spPr>
                      <a:xfrm>
                        <a:off x="0" y="0"/>
                        <a:ext cx="828000" cy="828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6"/>
                    </am3d:raster>
                    <am3d:objViewport viewportSz="1362194"/>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33" name="3D Model 32" descr="Dark Gray Sphere">
                  <a:extLst>
                    <a:ext uri="{FF2B5EF4-FFF2-40B4-BE49-F238E27FC236}">
                      <a16:creationId xmlns:a16="http://schemas.microsoft.com/office/drawing/2014/main" id="{3BFFBEF2-EE2E-E314-6EA3-4FC5A58CDD42}"/>
                    </a:ext>
                  </a:extLst>
                </p:cNvPr>
                <p:cNvPicPr>
                  <a:picLocks noGrp="1" noRot="1" noChangeAspect="1" noMove="1" noResize="1" noEditPoints="1" noAdjustHandles="1" noChangeArrowheads="1" noChangeShapeType="1" noCrop="1"/>
                </p:cNvPicPr>
                <p:nvPr/>
              </p:nvPicPr>
              <p:blipFill>
                <a:blip r:embed="rId6"/>
                <a:stretch>
                  <a:fillRect/>
                </a:stretch>
              </p:blipFill>
              <p:spPr>
                <a:xfrm>
                  <a:off x="4553590" y="2937057"/>
                  <a:ext cx="828000" cy="828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34" name="3D Model 33" descr="Dark Gray Sphere">
                  <a:extLst>
                    <a:ext uri="{FF2B5EF4-FFF2-40B4-BE49-F238E27FC236}">
                      <a16:creationId xmlns:a16="http://schemas.microsoft.com/office/drawing/2014/main" id="{063C28F3-D292-4B95-FF0D-6594A74F34FC}"/>
                    </a:ext>
                  </a:extLst>
                </p:cNvPr>
                <p:cNvGraphicFramePr>
                  <a:graphicFrameLocks noChangeAspect="1"/>
                </p:cNvGraphicFramePr>
                <p:nvPr>
                  <p:extLst>
                    <p:ext uri="{D42A27DB-BD31-4B8C-83A1-F6EECF244321}">
                      <p14:modId xmlns:p14="http://schemas.microsoft.com/office/powerpoint/2010/main" val="1655483734"/>
                    </p:ext>
                  </p:extLst>
                </p:nvPr>
              </p:nvGraphicFramePr>
              <p:xfrm>
                <a:off x="3791184" y="2143052"/>
                <a:ext cx="864000" cy="864000"/>
              </p:xfrm>
              <a:graphic>
                <a:graphicData uri="http://schemas.microsoft.com/office/drawing/2017/model3d">
                  <am3d:model3d r:embed="rId5">
                    <am3d:spPr>
                      <a:xfrm>
                        <a:off x="0" y="0"/>
                        <a:ext cx="864000" cy="864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7"/>
                    </am3d:raster>
                    <am3d:objViewport viewportSz="1414681"/>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34" name="3D Model 33" descr="Dark Gray Sphere">
                  <a:extLst>
                    <a:ext uri="{FF2B5EF4-FFF2-40B4-BE49-F238E27FC236}">
                      <a16:creationId xmlns:a16="http://schemas.microsoft.com/office/drawing/2014/main" id="{063C28F3-D292-4B95-FF0D-6594A74F34FC}"/>
                    </a:ext>
                  </a:extLst>
                </p:cNvPr>
                <p:cNvPicPr>
                  <a:picLocks noGrp="1" noRot="1" noChangeAspect="1" noMove="1" noResize="1" noEditPoints="1" noAdjustHandles="1" noChangeArrowheads="1" noChangeShapeType="1" noCrop="1"/>
                </p:cNvPicPr>
                <p:nvPr/>
              </p:nvPicPr>
              <p:blipFill>
                <a:blip r:embed="rId7"/>
                <a:stretch>
                  <a:fillRect/>
                </a:stretch>
              </p:blipFill>
              <p:spPr>
                <a:xfrm>
                  <a:off x="3775944" y="2452932"/>
                  <a:ext cx="864000" cy="864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35" name="3D Model 34" descr="Dark Gray Sphere">
                  <a:extLst>
                    <a:ext uri="{FF2B5EF4-FFF2-40B4-BE49-F238E27FC236}">
                      <a16:creationId xmlns:a16="http://schemas.microsoft.com/office/drawing/2014/main" id="{807BF479-0B88-3E4B-223A-BBFA293F7542}"/>
                    </a:ext>
                  </a:extLst>
                </p:cNvPr>
                <p:cNvGraphicFramePr/>
                <p:nvPr>
                  <p:extLst>
                    <p:ext uri="{D42A27DB-BD31-4B8C-83A1-F6EECF244321}">
                      <p14:modId xmlns:p14="http://schemas.microsoft.com/office/powerpoint/2010/main" val="1542045364"/>
                    </p:ext>
                  </p:extLst>
                </p:nvPr>
              </p:nvGraphicFramePr>
              <p:xfrm>
                <a:off x="4547831" y="2143052"/>
                <a:ext cx="864000" cy="864000"/>
              </p:xfrm>
              <a:graphic>
                <a:graphicData uri="http://schemas.microsoft.com/office/drawing/2017/model3d">
                  <am3d:model3d r:embed="rId5">
                    <am3d:spPr>
                      <a:xfrm>
                        <a:off x="0" y="0"/>
                        <a:ext cx="864000" cy="864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8"/>
                    </am3d:raster>
                    <am3d:objViewport viewportSz="1433455"/>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35" name="3D Model 34" descr="Dark Gray Sphere">
                  <a:extLst>
                    <a:ext uri="{FF2B5EF4-FFF2-40B4-BE49-F238E27FC236}">
                      <a16:creationId xmlns:a16="http://schemas.microsoft.com/office/drawing/2014/main" id="{807BF479-0B88-3E4B-223A-BBFA293F7542}"/>
                    </a:ext>
                  </a:extLst>
                </p:cNvPr>
                <p:cNvPicPr>
                  <a:picLocks noGrp="1" noRot="1" noChangeAspect="1" noMove="1" noResize="1" noEditPoints="1" noAdjustHandles="1" noChangeArrowheads="1" noChangeShapeType="1" noCrop="1"/>
                </p:cNvPicPr>
                <p:nvPr/>
              </p:nvPicPr>
              <p:blipFill>
                <a:blip r:embed="rId8"/>
                <a:stretch>
                  <a:fillRect/>
                </a:stretch>
              </p:blipFill>
              <p:spPr>
                <a:xfrm>
                  <a:off x="4532591" y="2452932"/>
                  <a:ext cx="864000" cy="864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36" name="3D Model 35" descr="Dark Gray Sphere">
                  <a:extLst>
                    <a:ext uri="{FF2B5EF4-FFF2-40B4-BE49-F238E27FC236}">
                      <a16:creationId xmlns:a16="http://schemas.microsoft.com/office/drawing/2014/main" id="{816F4072-48EF-FBDA-2C91-583FDE592098}"/>
                    </a:ext>
                  </a:extLst>
                </p:cNvPr>
                <p:cNvGraphicFramePr/>
                <p:nvPr>
                  <p:extLst>
                    <p:ext uri="{D42A27DB-BD31-4B8C-83A1-F6EECF244321}">
                      <p14:modId xmlns:p14="http://schemas.microsoft.com/office/powerpoint/2010/main" val="3359070601"/>
                    </p:ext>
                  </p:extLst>
                </p:nvPr>
              </p:nvGraphicFramePr>
              <p:xfrm>
                <a:off x="4118896" y="2793279"/>
                <a:ext cx="936000" cy="936000"/>
              </p:xfrm>
              <a:graphic>
                <a:graphicData uri="http://schemas.microsoft.com/office/drawing/2017/model3d">
                  <am3d:model3d r:embed="rId5">
                    <am3d:spPr>
                      <a:xfrm>
                        <a:off x="0" y="0"/>
                        <a:ext cx="936000" cy="936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9"/>
                    </am3d:raster>
                    <am3d:objViewport viewportSz="1572117"/>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36" name="3D Model 35" descr="Dark Gray Sphere">
                  <a:extLst>
                    <a:ext uri="{FF2B5EF4-FFF2-40B4-BE49-F238E27FC236}">
                      <a16:creationId xmlns:a16="http://schemas.microsoft.com/office/drawing/2014/main" id="{816F4072-48EF-FBDA-2C91-583FDE592098}"/>
                    </a:ext>
                  </a:extLst>
                </p:cNvPr>
                <p:cNvPicPr>
                  <a:picLocks noGrp="1" noRot="1" noChangeAspect="1" noMove="1" noResize="1" noEditPoints="1" noAdjustHandles="1" noChangeArrowheads="1" noChangeShapeType="1" noCrop="1"/>
                </p:cNvPicPr>
                <p:nvPr/>
              </p:nvPicPr>
              <p:blipFill>
                <a:blip r:embed="rId9"/>
                <a:stretch>
                  <a:fillRect/>
                </a:stretch>
              </p:blipFill>
              <p:spPr>
                <a:xfrm>
                  <a:off x="4103656" y="3103159"/>
                  <a:ext cx="936000" cy="936000"/>
                </a:xfrm>
                <a:prstGeom prst="rect">
                  <a:avLst/>
                </a:prstGeom>
              </p:spPr>
            </p:pic>
          </mc:Fallback>
        </mc:AlternateContent>
      </p:grpSp>
      <mc:AlternateContent xmlns:mc="http://schemas.openxmlformats.org/markup-compatibility/2006">
        <mc:Choice xmlns:am3d="http://schemas.microsoft.com/office/drawing/2017/model3d" Requires="am3d">
          <p:graphicFrame>
            <p:nvGraphicFramePr>
              <p:cNvPr id="37" name="3D Model 36" descr="Sphere">
                <a:extLst>
                  <a:ext uri="{FF2B5EF4-FFF2-40B4-BE49-F238E27FC236}">
                    <a16:creationId xmlns:a16="http://schemas.microsoft.com/office/drawing/2014/main" id="{B9913862-F21B-1031-F6CA-6D683035A196}"/>
                  </a:ext>
                </a:extLst>
              </p:cNvPr>
              <p:cNvGraphicFramePr>
                <a:graphicFrameLocks noChangeAspect="1"/>
              </p:cNvGraphicFramePr>
              <p:nvPr>
                <p:extLst>
                  <p:ext uri="{D42A27DB-BD31-4B8C-83A1-F6EECF244321}">
                    <p14:modId xmlns:p14="http://schemas.microsoft.com/office/powerpoint/2010/main" val="829658643"/>
                  </p:ext>
                </p:extLst>
              </p:nvPr>
            </p:nvGraphicFramePr>
            <p:xfrm>
              <a:off x="4405076" y="2594698"/>
              <a:ext cx="337905" cy="337907"/>
            </p:xfrm>
            <a:graphic>
              <a:graphicData uri="http://schemas.microsoft.com/office/drawing/2017/model3d">
                <am3d:model3d r:embed="rId10">
                  <am3d:spPr>
                    <a:xfrm>
                      <a:off x="0" y="0"/>
                      <a:ext cx="337905" cy="337907"/>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1"/>
                  </am3d:raster>
                  <am3d:objViewport viewportSz="493526"/>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37" name="3D Model 36" descr="Sphere">
                <a:extLst>
                  <a:ext uri="{FF2B5EF4-FFF2-40B4-BE49-F238E27FC236}">
                    <a16:creationId xmlns:a16="http://schemas.microsoft.com/office/drawing/2014/main" id="{B9913862-F21B-1031-F6CA-6D683035A196}"/>
                  </a:ext>
                </a:extLst>
              </p:cNvPr>
              <p:cNvPicPr>
                <a:picLocks noGrp="1" noRot="1" noChangeAspect="1" noMove="1" noResize="1" noEditPoints="1" noAdjustHandles="1" noChangeArrowheads="1" noChangeShapeType="1" noCrop="1"/>
              </p:cNvPicPr>
              <p:nvPr/>
            </p:nvPicPr>
            <p:blipFill>
              <a:blip r:embed="rId11"/>
              <a:stretch>
                <a:fillRect/>
              </a:stretch>
            </p:blipFill>
            <p:spPr>
              <a:xfrm>
                <a:off x="4405076" y="2594698"/>
                <a:ext cx="337905" cy="337907"/>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38" name="3D Model 37" descr="Sphere">
                <a:extLst>
                  <a:ext uri="{FF2B5EF4-FFF2-40B4-BE49-F238E27FC236}">
                    <a16:creationId xmlns:a16="http://schemas.microsoft.com/office/drawing/2014/main" id="{93B94579-AF64-D7E7-8E32-327837B4AE2D}"/>
                  </a:ext>
                </a:extLst>
              </p:cNvPr>
              <p:cNvGraphicFramePr>
                <a:graphicFrameLocks noChangeAspect="1"/>
              </p:cNvGraphicFramePr>
              <p:nvPr>
                <p:extLst>
                  <p:ext uri="{D42A27DB-BD31-4B8C-83A1-F6EECF244321}">
                    <p14:modId xmlns:p14="http://schemas.microsoft.com/office/powerpoint/2010/main" val="829967814"/>
                  </p:ext>
                </p:extLst>
              </p:nvPr>
            </p:nvGraphicFramePr>
            <p:xfrm>
              <a:off x="4405076" y="3238965"/>
              <a:ext cx="337905" cy="337907"/>
            </p:xfrm>
            <a:graphic>
              <a:graphicData uri="http://schemas.microsoft.com/office/drawing/2017/model3d">
                <am3d:model3d r:embed="rId10">
                  <am3d:spPr>
                    <a:xfrm>
                      <a:off x="0" y="0"/>
                      <a:ext cx="337905" cy="337907"/>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1"/>
                  </am3d:raster>
                  <am3d:objViewport viewportSz="493526"/>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38" name="3D Model 37" descr="Sphere">
                <a:extLst>
                  <a:ext uri="{FF2B5EF4-FFF2-40B4-BE49-F238E27FC236}">
                    <a16:creationId xmlns:a16="http://schemas.microsoft.com/office/drawing/2014/main" id="{93B94579-AF64-D7E7-8E32-327837B4AE2D}"/>
                  </a:ext>
                </a:extLst>
              </p:cNvPr>
              <p:cNvPicPr>
                <a:picLocks noGrp="1" noRot="1" noChangeAspect="1" noMove="1" noResize="1" noEditPoints="1" noAdjustHandles="1" noChangeArrowheads="1" noChangeShapeType="1" noCrop="1"/>
              </p:cNvPicPr>
              <p:nvPr/>
            </p:nvPicPr>
            <p:blipFill>
              <a:blip r:embed="rId11"/>
              <a:stretch>
                <a:fillRect/>
              </a:stretch>
            </p:blipFill>
            <p:spPr>
              <a:xfrm>
                <a:off x="4405076" y="3238965"/>
                <a:ext cx="337905" cy="337907"/>
              </a:xfrm>
              <a:prstGeom prst="rect">
                <a:avLst/>
              </a:prstGeom>
            </p:spPr>
          </p:pic>
        </mc:Fallback>
      </mc:AlternateContent>
      <p:grpSp>
        <p:nvGrpSpPr>
          <p:cNvPr id="98" name="Group 97">
            <a:extLst>
              <a:ext uri="{FF2B5EF4-FFF2-40B4-BE49-F238E27FC236}">
                <a16:creationId xmlns:a16="http://schemas.microsoft.com/office/drawing/2014/main" id="{2632E76E-D5BD-B7CA-FD84-C42602DCAFF3}"/>
              </a:ext>
            </a:extLst>
          </p:cNvPr>
          <p:cNvGrpSpPr/>
          <p:nvPr/>
        </p:nvGrpSpPr>
        <p:grpSpPr>
          <a:xfrm>
            <a:off x="5484465" y="2032733"/>
            <a:ext cx="1640961" cy="1586227"/>
            <a:chOff x="5499705" y="1722853"/>
            <a:chExt cx="1640961" cy="1586227"/>
          </a:xfrm>
        </p:grpSpPr>
        <mc:AlternateContent xmlns:mc="http://schemas.openxmlformats.org/markup-compatibility/2006">
          <mc:Choice xmlns:am3d="http://schemas.microsoft.com/office/drawing/2017/model3d" Requires="am3d">
            <p:graphicFrame>
              <p:nvGraphicFramePr>
                <p:cNvPr id="42" name="3D Model 41" descr="Dark Gray Sphere">
                  <a:extLst>
                    <a:ext uri="{FF2B5EF4-FFF2-40B4-BE49-F238E27FC236}">
                      <a16:creationId xmlns:a16="http://schemas.microsoft.com/office/drawing/2014/main" id="{FEA0CEAF-0734-4425-A2D8-0AB06647C4FB}"/>
                    </a:ext>
                  </a:extLst>
                </p:cNvPr>
                <p:cNvGraphicFramePr/>
                <p:nvPr>
                  <p:extLst>
                    <p:ext uri="{D42A27DB-BD31-4B8C-83A1-F6EECF244321}">
                      <p14:modId xmlns:p14="http://schemas.microsoft.com/office/powerpoint/2010/main" val="2406485337"/>
                    </p:ext>
                  </p:extLst>
                </p:nvPr>
              </p:nvGraphicFramePr>
              <p:xfrm>
                <a:off x="5499705" y="2206978"/>
                <a:ext cx="828000" cy="828000"/>
              </p:xfrm>
              <a:graphic>
                <a:graphicData uri="http://schemas.microsoft.com/office/drawing/2017/model3d">
                  <am3d:model3d r:embed="rId5">
                    <am3d:spPr>
                      <a:xfrm>
                        <a:off x="0" y="0"/>
                        <a:ext cx="828000" cy="828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6"/>
                    </am3d:raster>
                    <am3d:objViewport viewportSz="1362194"/>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42" name="3D Model 41" descr="Dark Gray Sphere">
                  <a:extLst>
                    <a:ext uri="{FF2B5EF4-FFF2-40B4-BE49-F238E27FC236}">
                      <a16:creationId xmlns:a16="http://schemas.microsoft.com/office/drawing/2014/main" id="{FEA0CEAF-0734-4425-A2D8-0AB06647C4FB}"/>
                    </a:ext>
                  </a:extLst>
                </p:cNvPr>
                <p:cNvPicPr>
                  <a:picLocks noGrp="1" noRot="1" noChangeAspect="1" noMove="1" noResize="1" noEditPoints="1" noAdjustHandles="1" noChangeArrowheads="1" noChangeShapeType="1" noCrop="1"/>
                </p:cNvPicPr>
                <p:nvPr/>
              </p:nvPicPr>
              <p:blipFill>
                <a:blip r:embed="rId6"/>
                <a:stretch>
                  <a:fillRect/>
                </a:stretch>
              </p:blipFill>
              <p:spPr>
                <a:xfrm>
                  <a:off x="5484465" y="2516858"/>
                  <a:ext cx="828000" cy="828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43" name="3D Model 42" descr="Dark Gray Sphere">
                  <a:extLst>
                    <a:ext uri="{FF2B5EF4-FFF2-40B4-BE49-F238E27FC236}">
                      <a16:creationId xmlns:a16="http://schemas.microsoft.com/office/drawing/2014/main" id="{985090EC-9ABA-2863-9096-72B69ACF074B}"/>
                    </a:ext>
                  </a:extLst>
                </p:cNvPr>
                <p:cNvGraphicFramePr/>
                <p:nvPr>
                  <p:extLst>
                    <p:ext uri="{D42A27DB-BD31-4B8C-83A1-F6EECF244321}">
                      <p14:modId xmlns:p14="http://schemas.microsoft.com/office/powerpoint/2010/main" val="3253033981"/>
                    </p:ext>
                  </p:extLst>
                </p:nvPr>
              </p:nvGraphicFramePr>
              <p:xfrm>
                <a:off x="6297665" y="2206978"/>
                <a:ext cx="828000" cy="828000"/>
              </p:xfrm>
              <a:graphic>
                <a:graphicData uri="http://schemas.microsoft.com/office/drawing/2017/model3d">
                  <am3d:model3d r:embed="rId5">
                    <am3d:spPr>
                      <a:xfrm>
                        <a:off x="0" y="0"/>
                        <a:ext cx="828000" cy="828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6"/>
                    </am3d:raster>
                    <am3d:objViewport viewportSz="1362194"/>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43" name="3D Model 42" descr="Dark Gray Sphere">
                  <a:extLst>
                    <a:ext uri="{FF2B5EF4-FFF2-40B4-BE49-F238E27FC236}">
                      <a16:creationId xmlns:a16="http://schemas.microsoft.com/office/drawing/2014/main" id="{985090EC-9ABA-2863-9096-72B69ACF074B}"/>
                    </a:ext>
                  </a:extLst>
                </p:cNvPr>
                <p:cNvPicPr>
                  <a:picLocks noGrp="1" noRot="1" noChangeAspect="1" noMove="1" noResize="1" noEditPoints="1" noAdjustHandles="1" noChangeArrowheads="1" noChangeShapeType="1" noCrop="1"/>
                </p:cNvPicPr>
                <p:nvPr/>
              </p:nvPicPr>
              <p:blipFill>
                <a:blip r:embed="rId6"/>
                <a:stretch>
                  <a:fillRect/>
                </a:stretch>
              </p:blipFill>
              <p:spPr>
                <a:xfrm>
                  <a:off x="6282425" y="2516858"/>
                  <a:ext cx="828000" cy="828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44" name="3D Model 43" descr="Dark Gray Sphere">
                  <a:extLst>
                    <a:ext uri="{FF2B5EF4-FFF2-40B4-BE49-F238E27FC236}">
                      <a16:creationId xmlns:a16="http://schemas.microsoft.com/office/drawing/2014/main" id="{DE7FADF2-8059-08B4-C1B8-B9CE3290396D}"/>
                    </a:ext>
                  </a:extLst>
                </p:cNvPr>
                <p:cNvGraphicFramePr>
                  <a:graphicFrameLocks noChangeAspect="1"/>
                </p:cNvGraphicFramePr>
                <p:nvPr>
                  <p:extLst>
                    <p:ext uri="{D42A27DB-BD31-4B8C-83A1-F6EECF244321}">
                      <p14:modId xmlns:p14="http://schemas.microsoft.com/office/powerpoint/2010/main" val="743081720"/>
                    </p:ext>
                  </p:extLst>
                </p:nvPr>
              </p:nvGraphicFramePr>
              <p:xfrm>
                <a:off x="5520019" y="1722853"/>
                <a:ext cx="864000" cy="864000"/>
              </p:xfrm>
              <a:graphic>
                <a:graphicData uri="http://schemas.microsoft.com/office/drawing/2017/model3d">
                  <am3d:model3d r:embed="rId5">
                    <am3d:spPr>
                      <a:xfrm>
                        <a:off x="0" y="0"/>
                        <a:ext cx="864000" cy="864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7"/>
                    </am3d:raster>
                    <am3d:objViewport viewportSz="1414681"/>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44" name="3D Model 43" descr="Dark Gray Sphere">
                  <a:extLst>
                    <a:ext uri="{FF2B5EF4-FFF2-40B4-BE49-F238E27FC236}">
                      <a16:creationId xmlns:a16="http://schemas.microsoft.com/office/drawing/2014/main" id="{DE7FADF2-8059-08B4-C1B8-B9CE3290396D}"/>
                    </a:ext>
                  </a:extLst>
                </p:cNvPr>
                <p:cNvPicPr>
                  <a:picLocks noGrp="1" noRot="1" noChangeAspect="1" noMove="1" noResize="1" noEditPoints="1" noAdjustHandles="1" noChangeArrowheads="1" noChangeShapeType="1" noCrop="1"/>
                </p:cNvPicPr>
                <p:nvPr/>
              </p:nvPicPr>
              <p:blipFill>
                <a:blip r:embed="rId7"/>
                <a:stretch>
                  <a:fillRect/>
                </a:stretch>
              </p:blipFill>
              <p:spPr>
                <a:xfrm>
                  <a:off x="5504779" y="2032733"/>
                  <a:ext cx="864000" cy="864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45" name="3D Model 44" descr="Dark Gray Sphere">
                  <a:extLst>
                    <a:ext uri="{FF2B5EF4-FFF2-40B4-BE49-F238E27FC236}">
                      <a16:creationId xmlns:a16="http://schemas.microsoft.com/office/drawing/2014/main" id="{381FD276-685C-81D2-9875-54CC34E733A0}"/>
                    </a:ext>
                  </a:extLst>
                </p:cNvPr>
                <p:cNvGraphicFramePr/>
                <p:nvPr>
                  <p:extLst>
                    <p:ext uri="{D42A27DB-BD31-4B8C-83A1-F6EECF244321}">
                      <p14:modId xmlns:p14="http://schemas.microsoft.com/office/powerpoint/2010/main" val="610364991"/>
                    </p:ext>
                  </p:extLst>
                </p:nvPr>
              </p:nvGraphicFramePr>
              <p:xfrm>
                <a:off x="6276666" y="1722853"/>
                <a:ext cx="864000" cy="864000"/>
              </p:xfrm>
              <a:graphic>
                <a:graphicData uri="http://schemas.microsoft.com/office/drawing/2017/model3d">
                  <am3d:model3d r:embed="rId5">
                    <am3d:spPr>
                      <a:xfrm>
                        <a:off x="0" y="0"/>
                        <a:ext cx="864000" cy="864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8"/>
                    </am3d:raster>
                    <am3d:objViewport viewportSz="1433455"/>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45" name="3D Model 44" descr="Dark Gray Sphere">
                  <a:extLst>
                    <a:ext uri="{FF2B5EF4-FFF2-40B4-BE49-F238E27FC236}">
                      <a16:creationId xmlns:a16="http://schemas.microsoft.com/office/drawing/2014/main" id="{381FD276-685C-81D2-9875-54CC34E733A0}"/>
                    </a:ext>
                  </a:extLst>
                </p:cNvPr>
                <p:cNvPicPr>
                  <a:picLocks noGrp="1" noRot="1" noChangeAspect="1" noMove="1" noResize="1" noEditPoints="1" noAdjustHandles="1" noChangeArrowheads="1" noChangeShapeType="1" noCrop="1"/>
                </p:cNvPicPr>
                <p:nvPr/>
              </p:nvPicPr>
              <p:blipFill>
                <a:blip r:embed="rId8"/>
                <a:stretch>
                  <a:fillRect/>
                </a:stretch>
              </p:blipFill>
              <p:spPr>
                <a:xfrm>
                  <a:off x="6261426" y="2032733"/>
                  <a:ext cx="864000" cy="864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7" name="3D Model 6" descr="Dark Gray Sphere">
                  <a:extLst>
                    <a:ext uri="{FF2B5EF4-FFF2-40B4-BE49-F238E27FC236}">
                      <a16:creationId xmlns:a16="http://schemas.microsoft.com/office/drawing/2014/main" id="{132A373F-E87B-4F10-5C42-43C570A84DA2}"/>
                    </a:ext>
                  </a:extLst>
                </p:cNvPr>
                <p:cNvGraphicFramePr/>
                <p:nvPr>
                  <p:extLst>
                    <p:ext uri="{D42A27DB-BD31-4B8C-83A1-F6EECF244321}">
                      <p14:modId xmlns:p14="http://schemas.microsoft.com/office/powerpoint/2010/main" val="2808455179"/>
                    </p:ext>
                  </p:extLst>
                </p:nvPr>
              </p:nvGraphicFramePr>
              <p:xfrm>
                <a:off x="5847731" y="2373080"/>
                <a:ext cx="936000" cy="936000"/>
              </p:xfrm>
              <a:graphic>
                <a:graphicData uri="http://schemas.microsoft.com/office/drawing/2017/model3d">
                  <am3d:model3d r:embed="rId5">
                    <am3d:spPr>
                      <a:xfrm>
                        <a:off x="0" y="0"/>
                        <a:ext cx="936000" cy="936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9"/>
                    </am3d:raster>
                    <am3d:objViewport viewportSz="1572117"/>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7" name="3D Model 6" descr="Dark Gray Sphere">
                  <a:extLst>
                    <a:ext uri="{FF2B5EF4-FFF2-40B4-BE49-F238E27FC236}">
                      <a16:creationId xmlns:a16="http://schemas.microsoft.com/office/drawing/2014/main" id="{132A373F-E87B-4F10-5C42-43C570A84DA2}"/>
                    </a:ext>
                  </a:extLst>
                </p:cNvPr>
                <p:cNvPicPr>
                  <a:picLocks noGrp="1" noRot="1" noChangeAspect="1" noMove="1" noResize="1" noEditPoints="1" noAdjustHandles="1" noChangeArrowheads="1" noChangeShapeType="1" noCrop="1"/>
                </p:cNvPicPr>
                <p:nvPr/>
              </p:nvPicPr>
              <p:blipFill>
                <a:blip r:embed="rId9"/>
                <a:stretch>
                  <a:fillRect/>
                </a:stretch>
              </p:blipFill>
              <p:spPr>
                <a:xfrm>
                  <a:off x="5832491" y="2682960"/>
                  <a:ext cx="936000" cy="936000"/>
                </a:xfrm>
                <a:prstGeom prst="rect">
                  <a:avLst/>
                </a:prstGeom>
              </p:spPr>
            </p:pic>
          </mc:Fallback>
        </mc:AlternateContent>
      </p:grpSp>
      <p:grpSp>
        <p:nvGrpSpPr>
          <p:cNvPr id="11" name="Group 10">
            <a:extLst>
              <a:ext uri="{FF2B5EF4-FFF2-40B4-BE49-F238E27FC236}">
                <a16:creationId xmlns:a16="http://schemas.microsoft.com/office/drawing/2014/main" id="{A4924513-BB34-5993-BFE7-55C4545AF9F5}"/>
              </a:ext>
            </a:extLst>
          </p:cNvPr>
          <p:cNvGrpSpPr/>
          <p:nvPr/>
        </p:nvGrpSpPr>
        <p:grpSpPr>
          <a:xfrm>
            <a:off x="2551354" y="2131635"/>
            <a:ext cx="580817" cy="1095004"/>
            <a:chOff x="6040082" y="2781678"/>
            <a:chExt cx="580817" cy="1095004"/>
          </a:xfrm>
        </p:grpSpPr>
        <mc:AlternateContent xmlns:mc="http://schemas.openxmlformats.org/markup-compatibility/2006">
          <mc:Choice xmlns:am3d="http://schemas.microsoft.com/office/drawing/2017/model3d" Requires="am3d">
            <p:graphicFrame>
              <p:nvGraphicFramePr>
                <p:cNvPr id="48" name="3D Model 47" descr="Sphere">
                  <a:extLst>
                    <a:ext uri="{FF2B5EF4-FFF2-40B4-BE49-F238E27FC236}">
                      <a16:creationId xmlns:a16="http://schemas.microsoft.com/office/drawing/2014/main" id="{A1997CBB-6A84-CA3C-FC85-731D31D28D15}"/>
                    </a:ext>
                  </a:extLst>
                </p:cNvPr>
                <p:cNvGraphicFramePr/>
                <p:nvPr>
                  <p:extLst>
                    <p:ext uri="{D42A27DB-BD31-4B8C-83A1-F6EECF244321}">
                      <p14:modId xmlns:p14="http://schemas.microsoft.com/office/powerpoint/2010/main" val="1458548487"/>
                    </p:ext>
                  </p:extLst>
                </p:nvPr>
              </p:nvGraphicFramePr>
              <p:xfrm>
                <a:off x="6183985" y="2853096"/>
                <a:ext cx="280800" cy="280800"/>
              </p:xfrm>
              <a:graphic>
                <a:graphicData uri="http://schemas.microsoft.com/office/drawing/2017/model3d">
                  <am3d:model3d r:embed="rId10">
                    <am3d:spPr>
                      <a:xfrm>
                        <a:off x="0" y="0"/>
                        <a:ext cx="280800" cy="2808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2"/>
                    </am3d:raster>
                    <am3d:objViewport viewportSz="410121"/>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48" name="3D Model 47" descr="Sphere">
                  <a:extLst>
                    <a:ext uri="{FF2B5EF4-FFF2-40B4-BE49-F238E27FC236}">
                      <a16:creationId xmlns:a16="http://schemas.microsoft.com/office/drawing/2014/main" id="{A1997CBB-6A84-CA3C-FC85-731D31D28D15}"/>
                    </a:ext>
                  </a:extLst>
                </p:cNvPr>
                <p:cNvPicPr>
                  <a:picLocks noGrp="1" noRot="1" noChangeAspect="1" noMove="1" noResize="1" noEditPoints="1" noAdjustHandles="1" noChangeArrowheads="1" noChangeShapeType="1" noCrop="1"/>
                </p:cNvPicPr>
                <p:nvPr/>
              </p:nvPicPr>
              <p:blipFill>
                <a:blip r:embed="rId12"/>
                <a:stretch>
                  <a:fillRect/>
                </a:stretch>
              </p:blipFill>
              <p:spPr>
                <a:xfrm>
                  <a:off x="2695257" y="2203053"/>
                  <a:ext cx="280800" cy="2808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49" name="3D Model 48" descr="Sphere">
                  <a:extLst>
                    <a:ext uri="{FF2B5EF4-FFF2-40B4-BE49-F238E27FC236}">
                      <a16:creationId xmlns:a16="http://schemas.microsoft.com/office/drawing/2014/main" id="{4C4D4DE6-3E6B-AC60-0D80-DB93A158A9CD}"/>
                    </a:ext>
                  </a:extLst>
                </p:cNvPr>
                <p:cNvGraphicFramePr/>
                <p:nvPr>
                  <p:extLst>
                    <p:ext uri="{D42A27DB-BD31-4B8C-83A1-F6EECF244321}">
                      <p14:modId xmlns:p14="http://schemas.microsoft.com/office/powerpoint/2010/main" val="1694259937"/>
                    </p:ext>
                  </p:extLst>
                </p:nvPr>
              </p:nvGraphicFramePr>
              <p:xfrm>
                <a:off x="6183985" y="3497363"/>
                <a:ext cx="280800" cy="280800"/>
              </p:xfrm>
              <a:graphic>
                <a:graphicData uri="http://schemas.microsoft.com/office/drawing/2017/model3d">
                  <am3d:model3d r:embed="rId10">
                    <am3d:spPr>
                      <a:xfrm>
                        <a:off x="0" y="0"/>
                        <a:ext cx="280800" cy="2808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2"/>
                    </am3d:raster>
                    <am3d:objViewport viewportSz="410121"/>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49" name="3D Model 48" descr="Sphere">
                  <a:extLst>
                    <a:ext uri="{FF2B5EF4-FFF2-40B4-BE49-F238E27FC236}">
                      <a16:creationId xmlns:a16="http://schemas.microsoft.com/office/drawing/2014/main" id="{4C4D4DE6-3E6B-AC60-0D80-DB93A158A9CD}"/>
                    </a:ext>
                  </a:extLst>
                </p:cNvPr>
                <p:cNvPicPr>
                  <a:picLocks noGrp="1" noRot="1" noChangeAspect="1" noMove="1" noResize="1" noEditPoints="1" noAdjustHandles="1" noChangeArrowheads="1" noChangeShapeType="1" noCrop="1"/>
                </p:cNvPicPr>
                <p:nvPr/>
              </p:nvPicPr>
              <p:blipFill>
                <a:blip r:embed="rId12"/>
                <a:stretch>
                  <a:fillRect/>
                </a:stretch>
              </p:blipFill>
              <p:spPr>
                <a:xfrm>
                  <a:off x="2695257" y="2847320"/>
                  <a:ext cx="280800" cy="2808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50" name="3D Model 49" descr="Light Gray Sphere">
                  <a:extLst>
                    <a:ext uri="{FF2B5EF4-FFF2-40B4-BE49-F238E27FC236}">
                      <a16:creationId xmlns:a16="http://schemas.microsoft.com/office/drawing/2014/main" id="{39078FCC-DB63-778F-D292-6CDFDF2065F0}"/>
                    </a:ext>
                  </a:extLst>
                </p:cNvPr>
                <p:cNvGraphicFramePr/>
                <p:nvPr>
                  <p:extLst>
                    <p:ext uri="{D42A27DB-BD31-4B8C-83A1-F6EECF244321}">
                      <p14:modId xmlns:p14="http://schemas.microsoft.com/office/powerpoint/2010/main" val="502910412"/>
                    </p:ext>
                  </p:extLst>
                </p:nvPr>
              </p:nvGraphicFramePr>
              <p:xfrm>
                <a:off x="6040082" y="3610282"/>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50" name="3D Model 49" descr="Light Gray Sphere">
                  <a:extLst>
                    <a:ext uri="{FF2B5EF4-FFF2-40B4-BE49-F238E27FC236}">
                      <a16:creationId xmlns:a16="http://schemas.microsoft.com/office/drawing/2014/main" id="{39078FCC-DB63-778F-D292-6CDFDF2065F0}"/>
                    </a:ext>
                  </a:extLst>
                </p:cNvPr>
                <p:cNvPicPr>
                  <a:picLocks noGrp="1" noRot="1" noChangeAspect="1" noMove="1" noResize="1" noEditPoints="1" noAdjustHandles="1" noChangeArrowheads="1" noChangeShapeType="1" noCrop="1"/>
                </p:cNvPicPr>
                <p:nvPr/>
              </p:nvPicPr>
              <p:blipFill>
                <a:blip r:embed="rId14"/>
                <a:stretch>
                  <a:fillRect/>
                </a:stretch>
              </p:blipFill>
              <p:spPr>
                <a:xfrm>
                  <a:off x="2551354" y="2960239"/>
                  <a:ext cx="266400" cy="2664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51" name="3D Model 50" descr="Light Gray Sphere">
                  <a:extLst>
                    <a:ext uri="{FF2B5EF4-FFF2-40B4-BE49-F238E27FC236}">
                      <a16:creationId xmlns:a16="http://schemas.microsoft.com/office/drawing/2014/main" id="{EBAC3FAC-DA24-47E8-3622-9B7F56DE281D}"/>
                    </a:ext>
                  </a:extLst>
                </p:cNvPr>
                <p:cNvGraphicFramePr/>
                <p:nvPr>
                  <p:extLst>
                    <p:ext uri="{D42A27DB-BD31-4B8C-83A1-F6EECF244321}">
                      <p14:modId xmlns:p14="http://schemas.microsoft.com/office/powerpoint/2010/main" val="2610481921"/>
                    </p:ext>
                  </p:extLst>
                </p:nvPr>
              </p:nvGraphicFramePr>
              <p:xfrm>
                <a:off x="6354499" y="3610282"/>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51" name="3D Model 50" descr="Light Gray Sphere">
                  <a:extLst>
                    <a:ext uri="{FF2B5EF4-FFF2-40B4-BE49-F238E27FC236}">
                      <a16:creationId xmlns:a16="http://schemas.microsoft.com/office/drawing/2014/main" id="{EBAC3FAC-DA24-47E8-3622-9B7F56DE281D}"/>
                    </a:ext>
                  </a:extLst>
                </p:cNvPr>
                <p:cNvPicPr>
                  <a:picLocks noGrp="1" noRot="1" noChangeAspect="1" noMove="1" noResize="1" noEditPoints="1" noAdjustHandles="1" noChangeArrowheads="1" noChangeShapeType="1" noCrop="1"/>
                </p:cNvPicPr>
                <p:nvPr/>
              </p:nvPicPr>
              <p:blipFill>
                <a:blip r:embed="rId14"/>
                <a:stretch>
                  <a:fillRect/>
                </a:stretch>
              </p:blipFill>
              <p:spPr>
                <a:xfrm>
                  <a:off x="2865771" y="2960239"/>
                  <a:ext cx="266400" cy="2664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52" name="3D Model 51" descr="Light Gray Sphere">
                  <a:extLst>
                    <a:ext uri="{FF2B5EF4-FFF2-40B4-BE49-F238E27FC236}">
                      <a16:creationId xmlns:a16="http://schemas.microsoft.com/office/drawing/2014/main" id="{6EDC25CA-B927-8E33-9220-8E4C1B158774}"/>
                    </a:ext>
                  </a:extLst>
                </p:cNvPr>
                <p:cNvGraphicFramePr/>
                <p:nvPr>
                  <p:extLst>
                    <p:ext uri="{D42A27DB-BD31-4B8C-83A1-F6EECF244321}">
                      <p14:modId xmlns:p14="http://schemas.microsoft.com/office/powerpoint/2010/main" val="3207769800"/>
                    </p:ext>
                  </p:extLst>
                </p:nvPr>
              </p:nvGraphicFramePr>
              <p:xfrm>
                <a:off x="6191185" y="3343355"/>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52" name="3D Model 51" descr="Light Gray Sphere">
                  <a:extLst>
                    <a:ext uri="{FF2B5EF4-FFF2-40B4-BE49-F238E27FC236}">
                      <a16:creationId xmlns:a16="http://schemas.microsoft.com/office/drawing/2014/main" id="{6EDC25CA-B927-8E33-9220-8E4C1B158774}"/>
                    </a:ext>
                  </a:extLst>
                </p:cNvPr>
                <p:cNvPicPr>
                  <a:picLocks noGrp="1" noRot="1" noChangeAspect="1" noMove="1" noResize="1" noEditPoints="1" noAdjustHandles="1" noChangeArrowheads="1" noChangeShapeType="1" noCrop="1"/>
                </p:cNvPicPr>
                <p:nvPr/>
              </p:nvPicPr>
              <p:blipFill>
                <a:blip r:embed="rId14"/>
                <a:stretch>
                  <a:fillRect/>
                </a:stretch>
              </p:blipFill>
              <p:spPr>
                <a:xfrm>
                  <a:off x="2702457" y="2693312"/>
                  <a:ext cx="266400" cy="2664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53" name="3D Model 52" descr="Light Gray Sphere">
                  <a:extLst>
                    <a:ext uri="{FF2B5EF4-FFF2-40B4-BE49-F238E27FC236}">
                      <a16:creationId xmlns:a16="http://schemas.microsoft.com/office/drawing/2014/main" id="{0E51548B-F892-56ED-1DC8-A975B1820E9A}"/>
                    </a:ext>
                  </a:extLst>
                </p:cNvPr>
                <p:cNvGraphicFramePr/>
                <p:nvPr>
                  <p:extLst>
                    <p:ext uri="{D42A27DB-BD31-4B8C-83A1-F6EECF244321}">
                      <p14:modId xmlns:p14="http://schemas.microsoft.com/office/powerpoint/2010/main" val="2132666915"/>
                    </p:ext>
                  </p:extLst>
                </p:nvPr>
              </p:nvGraphicFramePr>
              <p:xfrm>
                <a:off x="6040082" y="2781678"/>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53" name="3D Model 52" descr="Light Gray Sphere">
                  <a:extLst>
                    <a:ext uri="{FF2B5EF4-FFF2-40B4-BE49-F238E27FC236}">
                      <a16:creationId xmlns:a16="http://schemas.microsoft.com/office/drawing/2014/main" id="{0E51548B-F892-56ED-1DC8-A975B1820E9A}"/>
                    </a:ext>
                  </a:extLst>
                </p:cNvPr>
                <p:cNvPicPr>
                  <a:picLocks noGrp="1" noRot="1" noChangeAspect="1" noMove="1" noResize="1" noEditPoints="1" noAdjustHandles="1" noChangeArrowheads="1" noChangeShapeType="1" noCrop="1"/>
                </p:cNvPicPr>
                <p:nvPr/>
              </p:nvPicPr>
              <p:blipFill>
                <a:blip r:embed="rId14"/>
                <a:stretch>
                  <a:fillRect/>
                </a:stretch>
              </p:blipFill>
              <p:spPr>
                <a:xfrm>
                  <a:off x="2551354" y="2131635"/>
                  <a:ext cx="266400" cy="2664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54" name="3D Model 53" descr="Light Gray Sphere">
                  <a:extLst>
                    <a:ext uri="{FF2B5EF4-FFF2-40B4-BE49-F238E27FC236}">
                      <a16:creationId xmlns:a16="http://schemas.microsoft.com/office/drawing/2014/main" id="{73730B30-C854-3F68-8475-9603BF067D21}"/>
                    </a:ext>
                  </a:extLst>
                </p:cNvPr>
                <p:cNvGraphicFramePr/>
                <p:nvPr>
                  <p:extLst>
                    <p:ext uri="{D42A27DB-BD31-4B8C-83A1-F6EECF244321}">
                      <p14:modId xmlns:p14="http://schemas.microsoft.com/office/powerpoint/2010/main" val="1524418160"/>
                    </p:ext>
                  </p:extLst>
                </p:nvPr>
              </p:nvGraphicFramePr>
              <p:xfrm>
                <a:off x="6354499" y="2781678"/>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54" name="3D Model 53" descr="Light Gray Sphere">
                  <a:extLst>
                    <a:ext uri="{FF2B5EF4-FFF2-40B4-BE49-F238E27FC236}">
                      <a16:creationId xmlns:a16="http://schemas.microsoft.com/office/drawing/2014/main" id="{73730B30-C854-3F68-8475-9603BF067D21}"/>
                    </a:ext>
                  </a:extLst>
                </p:cNvPr>
                <p:cNvPicPr>
                  <a:picLocks noGrp="1" noRot="1" noChangeAspect="1" noMove="1" noResize="1" noEditPoints="1" noAdjustHandles="1" noChangeArrowheads="1" noChangeShapeType="1" noCrop="1"/>
                </p:cNvPicPr>
                <p:nvPr/>
              </p:nvPicPr>
              <p:blipFill>
                <a:blip r:embed="rId14"/>
                <a:stretch>
                  <a:fillRect/>
                </a:stretch>
              </p:blipFill>
              <p:spPr>
                <a:xfrm>
                  <a:off x="2865771" y="2131635"/>
                  <a:ext cx="266400" cy="2664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55" name="3D Model 54" descr="Light Gray Sphere">
                  <a:extLst>
                    <a:ext uri="{FF2B5EF4-FFF2-40B4-BE49-F238E27FC236}">
                      <a16:creationId xmlns:a16="http://schemas.microsoft.com/office/drawing/2014/main" id="{8AEA2458-81F0-13B6-52A5-F864BDA89570}"/>
                    </a:ext>
                  </a:extLst>
                </p:cNvPr>
                <p:cNvGraphicFramePr/>
                <p:nvPr>
                  <p:extLst>
                    <p:ext uri="{D42A27DB-BD31-4B8C-83A1-F6EECF244321}">
                      <p14:modId xmlns:p14="http://schemas.microsoft.com/office/powerpoint/2010/main" val="1066859607"/>
                    </p:ext>
                  </p:extLst>
                </p:nvPr>
              </p:nvGraphicFramePr>
              <p:xfrm>
                <a:off x="6191185" y="3024895"/>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55" name="3D Model 54" descr="Light Gray Sphere">
                  <a:extLst>
                    <a:ext uri="{FF2B5EF4-FFF2-40B4-BE49-F238E27FC236}">
                      <a16:creationId xmlns:a16="http://schemas.microsoft.com/office/drawing/2014/main" id="{8AEA2458-81F0-13B6-52A5-F864BDA89570}"/>
                    </a:ext>
                  </a:extLst>
                </p:cNvPr>
                <p:cNvPicPr>
                  <a:picLocks noGrp="1" noRot="1" noChangeAspect="1" noMove="1" noResize="1" noEditPoints="1" noAdjustHandles="1" noChangeArrowheads="1" noChangeShapeType="1" noCrop="1"/>
                </p:cNvPicPr>
                <p:nvPr/>
              </p:nvPicPr>
              <p:blipFill>
                <a:blip r:embed="rId14"/>
                <a:stretch>
                  <a:fillRect/>
                </a:stretch>
              </p:blipFill>
              <p:spPr>
                <a:xfrm>
                  <a:off x="2702457" y="2374852"/>
                  <a:ext cx="266400" cy="266400"/>
                </a:xfrm>
                <a:prstGeom prst="rect">
                  <a:avLst/>
                </a:prstGeom>
              </p:spPr>
            </p:pic>
          </mc:Fallback>
        </mc:AlternateContent>
      </p:grpSp>
      <p:grpSp>
        <p:nvGrpSpPr>
          <p:cNvPr id="100" name="Group 99">
            <a:extLst>
              <a:ext uri="{FF2B5EF4-FFF2-40B4-BE49-F238E27FC236}">
                <a16:creationId xmlns:a16="http://schemas.microsoft.com/office/drawing/2014/main" id="{D01816F8-0CAC-DBFA-45D7-123F2FE0768B}"/>
              </a:ext>
            </a:extLst>
          </p:cNvPr>
          <p:cNvGrpSpPr/>
          <p:nvPr/>
        </p:nvGrpSpPr>
        <p:grpSpPr>
          <a:xfrm>
            <a:off x="7171454" y="1557943"/>
            <a:ext cx="1640961" cy="1586227"/>
            <a:chOff x="7186694" y="1248063"/>
            <a:chExt cx="1640961" cy="1586227"/>
          </a:xfrm>
        </p:grpSpPr>
        <mc:AlternateContent xmlns:mc="http://schemas.openxmlformats.org/markup-compatibility/2006">
          <mc:Choice xmlns:am3d="http://schemas.microsoft.com/office/drawing/2017/model3d" Requires="am3d">
            <p:graphicFrame>
              <p:nvGraphicFramePr>
                <p:cNvPr id="56" name="3D Model 55" descr="Dark Gray Sphere">
                  <a:extLst>
                    <a:ext uri="{FF2B5EF4-FFF2-40B4-BE49-F238E27FC236}">
                      <a16:creationId xmlns:a16="http://schemas.microsoft.com/office/drawing/2014/main" id="{2E860D38-78A6-E0BF-2A3D-557F7AED64D8}"/>
                    </a:ext>
                  </a:extLst>
                </p:cNvPr>
                <p:cNvGraphicFramePr/>
                <p:nvPr>
                  <p:extLst>
                    <p:ext uri="{D42A27DB-BD31-4B8C-83A1-F6EECF244321}">
                      <p14:modId xmlns:p14="http://schemas.microsoft.com/office/powerpoint/2010/main" val="1607727310"/>
                    </p:ext>
                  </p:extLst>
                </p:nvPr>
              </p:nvGraphicFramePr>
              <p:xfrm>
                <a:off x="7186694" y="1732188"/>
                <a:ext cx="828000" cy="828000"/>
              </p:xfrm>
              <a:graphic>
                <a:graphicData uri="http://schemas.microsoft.com/office/drawing/2017/model3d">
                  <am3d:model3d r:embed="rId5">
                    <am3d:spPr>
                      <a:xfrm>
                        <a:off x="0" y="0"/>
                        <a:ext cx="828000" cy="828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6"/>
                    </am3d:raster>
                    <am3d:objViewport viewportSz="1362194"/>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56" name="3D Model 55" descr="Dark Gray Sphere">
                  <a:extLst>
                    <a:ext uri="{FF2B5EF4-FFF2-40B4-BE49-F238E27FC236}">
                      <a16:creationId xmlns:a16="http://schemas.microsoft.com/office/drawing/2014/main" id="{2E860D38-78A6-E0BF-2A3D-557F7AED64D8}"/>
                    </a:ext>
                  </a:extLst>
                </p:cNvPr>
                <p:cNvPicPr>
                  <a:picLocks noGrp="1" noRot="1" noChangeAspect="1" noMove="1" noResize="1" noEditPoints="1" noAdjustHandles="1" noChangeArrowheads="1" noChangeShapeType="1" noCrop="1"/>
                </p:cNvPicPr>
                <p:nvPr/>
              </p:nvPicPr>
              <p:blipFill>
                <a:blip r:embed="rId6"/>
                <a:stretch>
                  <a:fillRect/>
                </a:stretch>
              </p:blipFill>
              <p:spPr>
                <a:xfrm>
                  <a:off x="7171454" y="2042068"/>
                  <a:ext cx="828000" cy="828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57" name="3D Model 56" descr="Dark Gray Sphere">
                  <a:extLst>
                    <a:ext uri="{FF2B5EF4-FFF2-40B4-BE49-F238E27FC236}">
                      <a16:creationId xmlns:a16="http://schemas.microsoft.com/office/drawing/2014/main" id="{8707D7A3-DC10-BE96-B971-55A747794718}"/>
                    </a:ext>
                  </a:extLst>
                </p:cNvPr>
                <p:cNvGraphicFramePr/>
                <p:nvPr>
                  <p:extLst>
                    <p:ext uri="{D42A27DB-BD31-4B8C-83A1-F6EECF244321}">
                      <p14:modId xmlns:p14="http://schemas.microsoft.com/office/powerpoint/2010/main" val="2567209064"/>
                    </p:ext>
                  </p:extLst>
                </p:nvPr>
              </p:nvGraphicFramePr>
              <p:xfrm>
                <a:off x="7984654" y="1732188"/>
                <a:ext cx="828000" cy="828000"/>
              </p:xfrm>
              <a:graphic>
                <a:graphicData uri="http://schemas.microsoft.com/office/drawing/2017/model3d">
                  <am3d:model3d r:embed="rId5">
                    <am3d:spPr>
                      <a:xfrm>
                        <a:off x="0" y="0"/>
                        <a:ext cx="828000" cy="828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6"/>
                    </am3d:raster>
                    <am3d:objViewport viewportSz="1362194"/>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57" name="3D Model 56" descr="Dark Gray Sphere">
                  <a:extLst>
                    <a:ext uri="{FF2B5EF4-FFF2-40B4-BE49-F238E27FC236}">
                      <a16:creationId xmlns:a16="http://schemas.microsoft.com/office/drawing/2014/main" id="{8707D7A3-DC10-BE96-B971-55A747794718}"/>
                    </a:ext>
                  </a:extLst>
                </p:cNvPr>
                <p:cNvPicPr>
                  <a:picLocks noGrp="1" noRot="1" noChangeAspect="1" noMove="1" noResize="1" noEditPoints="1" noAdjustHandles="1" noChangeArrowheads="1" noChangeShapeType="1" noCrop="1"/>
                </p:cNvPicPr>
                <p:nvPr/>
              </p:nvPicPr>
              <p:blipFill>
                <a:blip r:embed="rId6"/>
                <a:stretch>
                  <a:fillRect/>
                </a:stretch>
              </p:blipFill>
              <p:spPr>
                <a:xfrm>
                  <a:off x="7969414" y="2042068"/>
                  <a:ext cx="828000" cy="828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58" name="3D Model 57" descr="Dark Gray Sphere">
                  <a:extLst>
                    <a:ext uri="{FF2B5EF4-FFF2-40B4-BE49-F238E27FC236}">
                      <a16:creationId xmlns:a16="http://schemas.microsoft.com/office/drawing/2014/main" id="{54093161-D0A2-3799-8662-6AB69037F253}"/>
                    </a:ext>
                  </a:extLst>
                </p:cNvPr>
                <p:cNvGraphicFramePr>
                  <a:graphicFrameLocks noChangeAspect="1"/>
                </p:cNvGraphicFramePr>
                <p:nvPr>
                  <p:extLst>
                    <p:ext uri="{D42A27DB-BD31-4B8C-83A1-F6EECF244321}">
                      <p14:modId xmlns:p14="http://schemas.microsoft.com/office/powerpoint/2010/main" val="3861216681"/>
                    </p:ext>
                  </p:extLst>
                </p:nvPr>
              </p:nvGraphicFramePr>
              <p:xfrm>
                <a:off x="7207008" y="1248063"/>
                <a:ext cx="864000" cy="864000"/>
              </p:xfrm>
              <a:graphic>
                <a:graphicData uri="http://schemas.microsoft.com/office/drawing/2017/model3d">
                  <am3d:model3d r:embed="rId5">
                    <am3d:spPr>
                      <a:xfrm>
                        <a:off x="0" y="0"/>
                        <a:ext cx="864000" cy="864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7"/>
                    </am3d:raster>
                    <am3d:objViewport viewportSz="1414681"/>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58" name="3D Model 57" descr="Dark Gray Sphere">
                  <a:extLst>
                    <a:ext uri="{FF2B5EF4-FFF2-40B4-BE49-F238E27FC236}">
                      <a16:creationId xmlns:a16="http://schemas.microsoft.com/office/drawing/2014/main" id="{54093161-D0A2-3799-8662-6AB69037F253}"/>
                    </a:ext>
                  </a:extLst>
                </p:cNvPr>
                <p:cNvPicPr>
                  <a:picLocks noGrp="1" noRot="1" noChangeAspect="1" noMove="1" noResize="1" noEditPoints="1" noAdjustHandles="1" noChangeArrowheads="1" noChangeShapeType="1" noCrop="1"/>
                </p:cNvPicPr>
                <p:nvPr/>
              </p:nvPicPr>
              <p:blipFill>
                <a:blip r:embed="rId7"/>
                <a:stretch>
                  <a:fillRect/>
                </a:stretch>
              </p:blipFill>
              <p:spPr>
                <a:xfrm>
                  <a:off x="7191768" y="1557943"/>
                  <a:ext cx="864000" cy="864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59" name="3D Model 58" descr="Dark Gray Sphere">
                  <a:extLst>
                    <a:ext uri="{FF2B5EF4-FFF2-40B4-BE49-F238E27FC236}">
                      <a16:creationId xmlns:a16="http://schemas.microsoft.com/office/drawing/2014/main" id="{3262F54B-EFC4-A512-E93F-CD351D1D5217}"/>
                    </a:ext>
                  </a:extLst>
                </p:cNvPr>
                <p:cNvGraphicFramePr/>
                <p:nvPr>
                  <p:extLst>
                    <p:ext uri="{D42A27DB-BD31-4B8C-83A1-F6EECF244321}">
                      <p14:modId xmlns:p14="http://schemas.microsoft.com/office/powerpoint/2010/main" val="243515277"/>
                    </p:ext>
                  </p:extLst>
                </p:nvPr>
              </p:nvGraphicFramePr>
              <p:xfrm>
                <a:off x="7963655" y="1248063"/>
                <a:ext cx="864000" cy="864000"/>
              </p:xfrm>
              <a:graphic>
                <a:graphicData uri="http://schemas.microsoft.com/office/drawing/2017/model3d">
                  <am3d:model3d r:embed="rId5">
                    <am3d:spPr>
                      <a:xfrm>
                        <a:off x="0" y="0"/>
                        <a:ext cx="864000" cy="864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8"/>
                    </am3d:raster>
                    <am3d:objViewport viewportSz="1433455"/>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59" name="3D Model 58" descr="Dark Gray Sphere">
                  <a:extLst>
                    <a:ext uri="{FF2B5EF4-FFF2-40B4-BE49-F238E27FC236}">
                      <a16:creationId xmlns:a16="http://schemas.microsoft.com/office/drawing/2014/main" id="{3262F54B-EFC4-A512-E93F-CD351D1D5217}"/>
                    </a:ext>
                  </a:extLst>
                </p:cNvPr>
                <p:cNvPicPr>
                  <a:picLocks noGrp="1" noRot="1" noChangeAspect="1" noMove="1" noResize="1" noEditPoints="1" noAdjustHandles="1" noChangeArrowheads="1" noChangeShapeType="1" noCrop="1"/>
                </p:cNvPicPr>
                <p:nvPr/>
              </p:nvPicPr>
              <p:blipFill>
                <a:blip r:embed="rId8"/>
                <a:stretch>
                  <a:fillRect/>
                </a:stretch>
              </p:blipFill>
              <p:spPr>
                <a:xfrm>
                  <a:off x="7948415" y="1557943"/>
                  <a:ext cx="864000" cy="864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60" name="3D Model 59" descr="Dark Gray Sphere">
                  <a:extLst>
                    <a:ext uri="{FF2B5EF4-FFF2-40B4-BE49-F238E27FC236}">
                      <a16:creationId xmlns:a16="http://schemas.microsoft.com/office/drawing/2014/main" id="{6DFE2582-1B59-8449-BB9A-10066380B32C}"/>
                    </a:ext>
                  </a:extLst>
                </p:cNvPr>
                <p:cNvGraphicFramePr/>
                <p:nvPr>
                  <p:extLst>
                    <p:ext uri="{D42A27DB-BD31-4B8C-83A1-F6EECF244321}">
                      <p14:modId xmlns:p14="http://schemas.microsoft.com/office/powerpoint/2010/main" val="1912050785"/>
                    </p:ext>
                  </p:extLst>
                </p:nvPr>
              </p:nvGraphicFramePr>
              <p:xfrm>
                <a:off x="7534720" y="1898290"/>
                <a:ext cx="936000" cy="936000"/>
              </p:xfrm>
              <a:graphic>
                <a:graphicData uri="http://schemas.microsoft.com/office/drawing/2017/model3d">
                  <am3d:model3d r:embed="rId5">
                    <am3d:spPr>
                      <a:xfrm>
                        <a:off x="0" y="0"/>
                        <a:ext cx="936000" cy="936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9"/>
                    </am3d:raster>
                    <am3d:objViewport viewportSz="1572117"/>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60" name="3D Model 59" descr="Dark Gray Sphere">
                  <a:extLst>
                    <a:ext uri="{FF2B5EF4-FFF2-40B4-BE49-F238E27FC236}">
                      <a16:creationId xmlns:a16="http://schemas.microsoft.com/office/drawing/2014/main" id="{6DFE2582-1B59-8449-BB9A-10066380B32C}"/>
                    </a:ext>
                  </a:extLst>
                </p:cNvPr>
                <p:cNvPicPr>
                  <a:picLocks noGrp="1" noRot="1" noChangeAspect="1" noMove="1" noResize="1" noEditPoints="1" noAdjustHandles="1" noChangeArrowheads="1" noChangeShapeType="1" noCrop="1"/>
                </p:cNvPicPr>
                <p:nvPr/>
              </p:nvPicPr>
              <p:blipFill>
                <a:blip r:embed="rId9"/>
                <a:stretch>
                  <a:fillRect/>
                </a:stretch>
              </p:blipFill>
              <p:spPr>
                <a:xfrm>
                  <a:off x="7519480" y="2208170"/>
                  <a:ext cx="936000" cy="936000"/>
                </a:xfrm>
                <a:prstGeom prst="rect">
                  <a:avLst/>
                </a:prstGeom>
              </p:spPr>
            </p:pic>
          </mc:Fallback>
        </mc:AlternateContent>
      </p:grpSp>
      <p:grpSp>
        <p:nvGrpSpPr>
          <p:cNvPr id="61" name="Group 60">
            <a:extLst>
              <a:ext uri="{FF2B5EF4-FFF2-40B4-BE49-F238E27FC236}">
                <a16:creationId xmlns:a16="http://schemas.microsoft.com/office/drawing/2014/main" id="{D172582E-A566-835D-D1C8-BE79AF4E028E}"/>
              </a:ext>
            </a:extLst>
          </p:cNvPr>
          <p:cNvGrpSpPr/>
          <p:nvPr/>
        </p:nvGrpSpPr>
        <p:grpSpPr>
          <a:xfrm>
            <a:off x="134109" y="2991844"/>
            <a:ext cx="595217" cy="561669"/>
            <a:chOff x="8290549" y="4055795"/>
            <a:chExt cx="595217" cy="561669"/>
          </a:xfrm>
        </p:grpSpPr>
        <mc:AlternateContent xmlns:mc="http://schemas.openxmlformats.org/markup-compatibility/2006">
          <mc:Choice xmlns:am3d="http://schemas.microsoft.com/office/drawing/2017/model3d" Requires="am3d">
            <p:graphicFrame>
              <p:nvGraphicFramePr>
                <p:cNvPr id="62" name="3D Model 61" descr="Light Gray Sphere">
                  <a:extLst>
                    <a:ext uri="{FF2B5EF4-FFF2-40B4-BE49-F238E27FC236}">
                      <a16:creationId xmlns:a16="http://schemas.microsoft.com/office/drawing/2014/main" id="{96FFB80D-1266-E738-3C78-FBFC28DDBA3A}"/>
                    </a:ext>
                  </a:extLst>
                </p:cNvPr>
                <p:cNvGraphicFramePr/>
                <p:nvPr>
                  <p:extLst>
                    <p:ext uri="{D42A27DB-BD31-4B8C-83A1-F6EECF244321}">
                      <p14:modId xmlns:p14="http://schemas.microsoft.com/office/powerpoint/2010/main" val="4281979694"/>
                    </p:ext>
                  </p:extLst>
                </p:nvPr>
              </p:nvGraphicFramePr>
              <p:xfrm>
                <a:off x="8290549" y="4153374"/>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62" name="3D Model 61" descr="Light Gray Sphere">
                  <a:extLst>
                    <a:ext uri="{FF2B5EF4-FFF2-40B4-BE49-F238E27FC236}">
                      <a16:creationId xmlns:a16="http://schemas.microsoft.com/office/drawing/2014/main" id="{96FFB80D-1266-E738-3C78-FBFC28DDBA3A}"/>
                    </a:ext>
                  </a:extLst>
                </p:cNvPr>
                <p:cNvPicPr>
                  <a:picLocks noGrp="1" noRot="1" noChangeAspect="1" noMove="1" noResize="1" noEditPoints="1" noAdjustHandles="1" noChangeArrowheads="1" noChangeShapeType="1" noCrop="1"/>
                </p:cNvPicPr>
                <p:nvPr/>
              </p:nvPicPr>
              <p:blipFill>
                <a:blip r:embed="rId14"/>
                <a:stretch>
                  <a:fillRect/>
                </a:stretch>
              </p:blipFill>
              <p:spPr>
                <a:xfrm>
                  <a:off x="134109" y="3089423"/>
                  <a:ext cx="266400" cy="2664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63" name="3D Model 62" descr="Light Gray Sphere">
                  <a:extLst>
                    <a:ext uri="{FF2B5EF4-FFF2-40B4-BE49-F238E27FC236}">
                      <a16:creationId xmlns:a16="http://schemas.microsoft.com/office/drawing/2014/main" id="{09AA974C-8CCB-2E8E-C891-DA315D5F9DFD}"/>
                    </a:ext>
                  </a:extLst>
                </p:cNvPr>
                <p:cNvGraphicFramePr/>
                <p:nvPr>
                  <p:extLst>
                    <p:ext uri="{D42A27DB-BD31-4B8C-83A1-F6EECF244321}">
                      <p14:modId xmlns:p14="http://schemas.microsoft.com/office/powerpoint/2010/main" val="3757611073"/>
                    </p:ext>
                  </p:extLst>
                </p:nvPr>
              </p:nvGraphicFramePr>
              <p:xfrm>
                <a:off x="8604966" y="4168851"/>
                <a:ext cx="280800" cy="280800"/>
              </p:xfrm>
              <a:graphic>
                <a:graphicData uri="http://schemas.microsoft.com/office/drawing/2017/model3d">
                  <am3d:model3d r:embed="rId13">
                    <am3d:spPr>
                      <a:xfrm>
                        <a:off x="0" y="0"/>
                        <a:ext cx="280800" cy="2808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5"/>
                    </am3d:raster>
                    <am3d:objViewport viewportSz="410121"/>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63" name="3D Model 62" descr="Light Gray Sphere">
                  <a:extLst>
                    <a:ext uri="{FF2B5EF4-FFF2-40B4-BE49-F238E27FC236}">
                      <a16:creationId xmlns:a16="http://schemas.microsoft.com/office/drawing/2014/main" id="{09AA974C-8CCB-2E8E-C891-DA315D5F9DFD}"/>
                    </a:ext>
                  </a:extLst>
                </p:cNvPr>
                <p:cNvPicPr>
                  <a:picLocks noGrp="1" noRot="1" noChangeAspect="1" noMove="1" noResize="1" noEditPoints="1" noAdjustHandles="1" noChangeArrowheads="1" noChangeShapeType="1" noCrop="1"/>
                </p:cNvPicPr>
                <p:nvPr/>
              </p:nvPicPr>
              <p:blipFill>
                <a:blip r:embed="rId15"/>
                <a:stretch>
                  <a:fillRect/>
                </a:stretch>
              </p:blipFill>
              <p:spPr>
                <a:xfrm>
                  <a:off x="448526" y="3104900"/>
                  <a:ext cx="280800" cy="2808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64" name="3D Model 63" descr="Sphere">
                  <a:extLst>
                    <a:ext uri="{FF2B5EF4-FFF2-40B4-BE49-F238E27FC236}">
                      <a16:creationId xmlns:a16="http://schemas.microsoft.com/office/drawing/2014/main" id="{47C9FC09-1E96-6A82-A4EC-FF9A9C385663}"/>
                    </a:ext>
                  </a:extLst>
                </p:cNvPr>
                <p:cNvGraphicFramePr>
                  <a:graphicFrameLocks noChangeAspect="1"/>
                </p:cNvGraphicFramePr>
                <p:nvPr>
                  <p:extLst>
                    <p:ext uri="{D42A27DB-BD31-4B8C-83A1-F6EECF244321}">
                      <p14:modId xmlns:p14="http://schemas.microsoft.com/office/powerpoint/2010/main" val="1057069332"/>
                    </p:ext>
                  </p:extLst>
                </p:nvPr>
              </p:nvGraphicFramePr>
              <p:xfrm>
                <a:off x="8427265" y="4055795"/>
                <a:ext cx="360000" cy="360000"/>
              </p:xfrm>
              <a:graphic>
                <a:graphicData uri="http://schemas.microsoft.com/office/drawing/2017/model3d">
                  <am3d:model3d r:embed="rId10">
                    <am3d:spPr>
                      <a:xfrm>
                        <a:off x="0" y="0"/>
                        <a:ext cx="360000" cy="360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6"/>
                    </am3d:raster>
                    <am3d:objViewport viewportSz="525796"/>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64" name="3D Model 63" descr="Sphere">
                  <a:extLst>
                    <a:ext uri="{FF2B5EF4-FFF2-40B4-BE49-F238E27FC236}">
                      <a16:creationId xmlns:a16="http://schemas.microsoft.com/office/drawing/2014/main" id="{47C9FC09-1E96-6A82-A4EC-FF9A9C385663}"/>
                    </a:ext>
                  </a:extLst>
                </p:cNvPr>
                <p:cNvPicPr>
                  <a:picLocks noGrp="1" noRot="1" noChangeAspect="1" noMove="1" noResize="1" noEditPoints="1" noAdjustHandles="1" noChangeArrowheads="1" noChangeShapeType="1" noCrop="1"/>
                </p:cNvPicPr>
                <p:nvPr/>
              </p:nvPicPr>
              <p:blipFill>
                <a:blip r:embed="rId16"/>
                <a:stretch>
                  <a:fillRect/>
                </a:stretch>
              </p:blipFill>
              <p:spPr>
                <a:xfrm>
                  <a:off x="270825" y="2991844"/>
                  <a:ext cx="360000" cy="360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65" name="3D Model 64" descr="Light Gray Sphere">
                  <a:extLst>
                    <a:ext uri="{FF2B5EF4-FFF2-40B4-BE49-F238E27FC236}">
                      <a16:creationId xmlns:a16="http://schemas.microsoft.com/office/drawing/2014/main" id="{A0C8A3E5-4F1B-46FF-C6F5-4380910C791C}"/>
                    </a:ext>
                  </a:extLst>
                </p:cNvPr>
                <p:cNvGraphicFramePr/>
                <p:nvPr>
                  <p:extLst>
                    <p:ext uri="{D42A27DB-BD31-4B8C-83A1-F6EECF244321}">
                      <p14:modId xmlns:p14="http://schemas.microsoft.com/office/powerpoint/2010/main" val="3608092538"/>
                    </p:ext>
                  </p:extLst>
                </p:nvPr>
              </p:nvGraphicFramePr>
              <p:xfrm>
                <a:off x="8406966" y="4221464"/>
                <a:ext cx="396000" cy="396000"/>
              </p:xfrm>
              <a:graphic>
                <a:graphicData uri="http://schemas.microsoft.com/office/drawing/2017/model3d">
                  <am3d:model3d r:embed="rId13">
                    <am3d:spPr>
                      <a:xfrm>
                        <a:off x="0" y="0"/>
                        <a:ext cx="396000" cy="396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7"/>
                    </am3d:raster>
                    <am3d:objViewport viewportSz="578376"/>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65" name="3D Model 64" descr="Light Gray Sphere">
                  <a:extLst>
                    <a:ext uri="{FF2B5EF4-FFF2-40B4-BE49-F238E27FC236}">
                      <a16:creationId xmlns:a16="http://schemas.microsoft.com/office/drawing/2014/main" id="{A0C8A3E5-4F1B-46FF-C6F5-4380910C791C}"/>
                    </a:ext>
                  </a:extLst>
                </p:cNvPr>
                <p:cNvPicPr>
                  <a:picLocks noGrp="1" noRot="1" noChangeAspect="1" noMove="1" noResize="1" noEditPoints="1" noAdjustHandles="1" noChangeArrowheads="1" noChangeShapeType="1" noCrop="1"/>
                </p:cNvPicPr>
                <p:nvPr/>
              </p:nvPicPr>
              <p:blipFill>
                <a:blip r:embed="rId17"/>
                <a:stretch>
                  <a:fillRect/>
                </a:stretch>
              </p:blipFill>
              <p:spPr>
                <a:xfrm>
                  <a:off x="250526" y="3157513"/>
                  <a:ext cx="396000" cy="396000"/>
                </a:xfrm>
                <a:prstGeom prst="rect">
                  <a:avLst/>
                </a:prstGeom>
              </p:spPr>
            </p:pic>
          </mc:Fallback>
        </mc:AlternateContent>
      </p:grpSp>
      <p:grpSp>
        <p:nvGrpSpPr>
          <p:cNvPr id="66" name="Group 65">
            <a:extLst>
              <a:ext uri="{FF2B5EF4-FFF2-40B4-BE49-F238E27FC236}">
                <a16:creationId xmlns:a16="http://schemas.microsoft.com/office/drawing/2014/main" id="{233A4513-8AC5-01B4-57D3-9BA2C6DA8E49}"/>
              </a:ext>
            </a:extLst>
          </p:cNvPr>
          <p:cNvGrpSpPr/>
          <p:nvPr/>
        </p:nvGrpSpPr>
        <p:grpSpPr>
          <a:xfrm>
            <a:off x="134109" y="1109292"/>
            <a:ext cx="595217" cy="561669"/>
            <a:chOff x="8247344" y="2144228"/>
            <a:chExt cx="595217" cy="561669"/>
          </a:xfrm>
        </p:grpSpPr>
        <mc:AlternateContent xmlns:mc="http://schemas.openxmlformats.org/markup-compatibility/2006">
          <mc:Choice xmlns:am3d="http://schemas.microsoft.com/office/drawing/2017/model3d" Requires="am3d">
            <p:graphicFrame>
              <p:nvGraphicFramePr>
                <p:cNvPr id="67" name="3D Model 66" descr="Light Gray Sphere">
                  <a:extLst>
                    <a:ext uri="{FF2B5EF4-FFF2-40B4-BE49-F238E27FC236}">
                      <a16:creationId xmlns:a16="http://schemas.microsoft.com/office/drawing/2014/main" id="{FEE1D0D6-F277-A4D6-82EA-9025496ECAF2}"/>
                    </a:ext>
                  </a:extLst>
                </p:cNvPr>
                <p:cNvGraphicFramePr/>
                <p:nvPr>
                  <p:extLst>
                    <p:ext uri="{D42A27DB-BD31-4B8C-83A1-F6EECF244321}">
                      <p14:modId xmlns:p14="http://schemas.microsoft.com/office/powerpoint/2010/main" val="2475674695"/>
                    </p:ext>
                  </p:extLst>
                </p:nvPr>
              </p:nvGraphicFramePr>
              <p:xfrm>
                <a:off x="8247344" y="2241807"/>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67" name="3D Model 66" descr="Light Gray Sphere">
                  <a:extLst>
                    <a:ext uri="{FF2B5EF4-FFF2-40B4-BE49-F238E27FC236}">
                      <a16:creationId xmlns:a16="http://schemas.microsoft.com/office/drawing/2014/main" id="{FEE1D0D6-F277-A4D6-82EA-9025496ECAF2}"/>
                    </a:ext>
                  </a:extLst>
                </p:cNvPr>
                <p:cNvPicPr>
                  <a:picLocks noGrp="1" noRot="1" noChangeAspect="1" noMove="1" noResize="1" noEditPoints="1" noAdjustHandles="1" noChangeArrowheads="1" noChangeShapeType="1" noCrop="1"/>
                </p:cNvPicPr>
                <p:nvPr/>
              </p:nvPicPr>
              <p:blipFill>
                <a:blip r:embed="rId14"/>
                <a:stretch>
                  <a:fillRect/>
                </a:stretch>
              </p:blipFill>
              <p:spPr>
                <a:xfrm>
                  <a:off x="134109" y="1206871"/>
                  <a:ext cx="266400" cy="2664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68" name="3D Model 67" descr="Light Gray Sphere">
                  <a:extLst>
                    <a:ext uri="{FF2B5EF4-FFF2-40B4-BE49-F238E27FC236}">
                      <a16:creationId xmlns:a16="http://schemas.microsoft.com/office/drawing/2014/main" id="{629AB5E9-BF6E-C399-6695-F0A12AD33E3F}"/>
                    </a:ext>
                  </a:extLst>
                </p:cNvPr>
                <p:cNvGraphicFramePr/>
                <p:nvPr>
                  <p:extLst>
                    <p:ext uri="{D42A27DB-BD31-4B8C-83A1-F6EECF244321}">
                      <p14:modId xmlns:p14="http://schemas.microsoft.com/office/powerpoint/2010/main" val="3846286914"/>
                    </p:ext>
                  </p:extLst>
                </p:nvPr>
              </p:nvGraphicFramePr>
              <p:xfrm>
                <a:off x="8561761" y="2257284"/>
                <a:ext cx="280800" cy="280800"/>
              </p:xfrm>
              <a:graphic>
                <a:graphicData uri="http://schemas.microsoft.com/office/drawing/2017/model3d">
                  <am3d:model3d r:embed="rId13">
                    <am3d:spPr>
                      <a:xfrm>
                        <a:off x="0" y="0"/>
                        <a:ext cx="280800" cy="2808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5"/>
                    </am3d:raster>
                    <am3d:objViewport viewportSz="410121"/>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68" name="3D Model 67" descr="Light Gray Sphere">
                  <a:extLst>
                    <a:ext uri="{FF2B5EF4-FFF2-40B4-BE49-F238E27FC236}">
                      <a16:creationId xmlns:a16="http://schemas.microsoft.com/office/drawing/2014/main" id="{629AB5E9-BF6E-C399-6695-F0A12AD33E3F}"/>
                    </a:ext>
                  </a:extLst>
                </p:cNvPr>
                <p:cNvPicPr>
                  <a:picLocks noGrp="1" noRot="1" noChangeAspect="1" noMove="1" noResize="1" noEditPoints="1" noAdjustHandles="1" noChangeArrowheads="1" noChangeShapeType="1" noCrop="1"/>
                </p:cNvPicPr>
                <p:nvPr/>
              </p:nvPicPr>
              <p:blipFill>
                <a:blip r:embed="rId15"/>
                <a:stretch>
                  <a:fillRect/>
                </a:stretch>
              </p:blipFill>
              <p:spPr>
                <a:xfrm>
                  <a:off x="448526" y="1222348"/>
                  <a:ext cx="280800" cy="2808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69" name="3D Model 68" descr="Sphere">
                  <a:extLst>
                    <a:ext uri="{FF2B5EF4-FFF2-40B4-BE49-F238E27FC236}">
                      <a16:creationId xmlns:a16="http://schemas.microsoft.com/office/drawing/2014/main" id="{470C8162-A26C-B9F5-0E06-D6FAFAC051F5}"/>
                    </a:ext>
                  </a:extLst>
                </p:cNvPr>
                <p:cNvGraphicFramePr>
                  <a:graphicFrameLocks noChangeAspect="1"/>
                </p:cNvGraphicFramePr>
                <p:nvPr>
                  <p:extLst>
                    <p:ext uri="{D42A27DB-BD31-4B8C-83A1-F6EECF244321}">
                      <p14:modId xmlns:p14="http://schemas.microsoft.com/office/powerpoint/2010/main" val="2763434391"/>
                    </p:ext>
                  </p:extLst>
                </p:nvPr>
              </p:nvGraphicFramePr>
              <p:xfrm>
                <a:off x="8384060" y="2144228"/>
                <a:ext cx="360000" cy="360000"/>
              </p:xfrm>
              <a:graphic>
                <a:graphicData uri="http://schemas.microsoft.com/office/drawing/2017/model3d">
                  <am3d:model3d r:embed="rId10">
                    <am3d:spPr>
                      <a:xfrm>
                        <a:off x="0" y="0"/>
                        <a:ext cx="360000" cy="360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6"/>
                    </am3d:raster>
                    <am3d:objViewport viewportSz="525796"/>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69" name="3D Model 68" descr="Sphere">
                  <a:extLst>
                    <a:ext uri="{FF2B5EF4-FFF2-40B4-BE49-F238E27FC236}">
                      <a16:creationId xmlns:a16="http://schemas.microsoft.com/office/drawing/2014/main" id="{470C8162-A26C-B9F5-0E06-D6FAFAC051F5}"/>
                    </a:ext>
                  </a:extLst>
                </p:cNvPr>
                <p:cNvPicPr>
                  <a:picLocks noGrp="1" noRot="1" noChangeAspect="1" noMove="1" noResize="1" noEditPoints="1" noAdjustHandles="1" noChangeArrowheads="1" noChangeShapeType="1" noCrop="1"/>
                </p:cNvPicPr>
                <p:nvPr/>
              </p:nvPicPr>
              <p:blipFill>
                <a:blip r:embed="rId16"/>
                <a:stretch>
                  <a:fillRect/>
                </a:stretch>
              </p:blipFill>
              <p:spPr>
                <a:xfrm>
                  <a:off x="270825" y="1109292"/>
                  <a:ext cx="360000" cy="360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70" name="3D Model 69" descr="Light Gray Sphere">
                  <a:extLst>
                    <a:ext uri="{FF2B5EF4-FFF2-40B4-BE49-F238E27FC236}">
                      <a16:creationId xmlns:a16="http://schemas.microsoft.com/office/drawing/2014/main" id="{4980A734-CCD0-F772-CD23-0C8932A10309}"/>
                    </a:ext>
                  </a:extLst>
                </p:cNvPr>
                <p:cNvGraphicFramePr/>
                <p:nvPr>
                  <p:extLst>
                    <p:ext uri="{D42A27DB-BD31-4B8C-83A1-F6EECF244321}">
                      <p14:modId xmlns:p14="http://schemas.microsoft.com/office/powerpoint/2010/main" val="2509186996"/>
                    </p:ext>
                  </p:extLst>
                </p:nvPr>
              </p:nvGraphicFramePr>
              <p:xfrm>
                <a:off x="8363761" y="2309897"/>
                <a:ext cx="396000" cy="396000"/>
              </p:xfrm>
              <a:graphic>
                <a:graphicData uri="http://schemas.microsoft.com/office/drawing/2017/model3d">
                  <am3d:model3d r:embed="rId13">
                    <am3d:spPr>
                      <a:xfrm>
                        <a:off x="0" y="0"/>
                        <a:ext cx="396000" cy="396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7"/>
                    </am3d:raster>
                    <am3d:objViewport viewportSz="578376"/>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70" name="3D Model 69" descr="Light Gray Sphere">
                  <a:extLst>
                    <a:ext uri="{FF2B5EF4-FFF2-40B4-BE49-F238E27FC236}">
                      <a16:creationId xmlns:a16="http://schemas.microsoft.com/office/drawing/2014/main" id="{4980A734-CCD0-F772-CD23-0C8932A10309}"/>
                    </a:ext>
                  </a:extLst>
                </p:cNvPr>
                <p:cNvPicPr>
                  <a:picLocks noGrp="1" noRot="1" noChangeAspect="1" noMove="1" noResize="1" noEditPoints="1" noAdjustHandles="1" noChangeArrowheads="1" noChangeShapeType="1" noCrop="1"/>
                </p:cNvPicPr>
                <p:nvPr/>
              </p:nvPicPr>
              <p:blipFill>
                <a:blip r:embed="rId17"/>
                <a:stretch>
                  <a:fillRect/>
                </a:stretch>
              </p:blipFill>
              <p:spPr>
                <a:xfrm>
                  <a:off x="250526" y="1274961"/>
                  <a:ext cx="396000" cy="396000"/>
                </a:xfrm>
                <a:prstGeom prst="rect">
                  <a:avLst/>
                </a:prstGeom>
              </p:spPr>
            </p:pic>
          </mc:Fallback>
        </mc:AlternateContent>
      </p:grpSp>
      <p:grpSp>
        <p:nvGrpSpPr>
          <p:cNvPr id="95" name="Group 94">
            <a:extLst>
              <a:ext uri="{FF2B5EF4-FFF2-40B4-BE49-F238E27FC236}">
                <a16:creationId xmlns:a16="http://schemas.microsoft.com/office/drawing/2014/main" id="{EB100F5D-5F4E-7947-D29E-789464615F02}"/>
              </a:ext>
            </a:extLst>
          </p:cNvPr>
          <p:cNvGrpSpPr/>
          <p:nvPr/>
        </p:nvGrpSpPr>
        <p:grpSpPr>
          <a:xfrm>
            <a:off x="313431" y="1569227"/>
            <a:ext cx="1640961" cy="1586227"/>
            <a:chOff x="328671" y="1259347"/>
            <a:chExt cx="1640961" cy="1586227"/>
          </a:xfrm>
        </p:grpSpPr>
        <mc:AlternateContent xmlns:mc="http://schemas.openxmlformats.org/markup-compatibility/2006">
          <mc:Choice xmlns:am3d="http://schemas.microsoft.com/office/drawing/2017/model3d" Requires="am3d">
            <p:graphicFrame>
              <p:nvGraphicFramePr>
                <p:cNvPr id="71" name="3D Model 70" descr="Dark Gray Sphere">
                  <a:extLst>
                    <a:ext uri="{FF2B5EF4-FFF2-40B4-BE49-F238E27FC236}">
                      <a16:creationId xmlns:a16="http://schemas.microsoft.com/office/drawing/2014/main" id="{7B5DCAA3-A585-70BD-B517-263D93BBCA52}"/>
                    </a:ext>
                  </a:extLst>
                </p:cNvPr>
                <p:cNvGraphicFramePr/>
                <p:nvPr>
                  <p:extLst>
                    <p:ext uri="{D42A27DB-BD31-4B8C-83A1-F6EECF244321}">
                      <p14:modId xmlns:p14="http://schemas.microsoft.com/office/powerpoint/2010/main" val="1305870725"/>
                    </p:ext>
                  </p:extLst>
                </p:nvPr>
              </p:nvGraphicFramePr>
              <p:xfrm>
                <a:off x="328671" y="1743472"/>
                <a:ext cx="828000" cy="828000"/>
              </p:xfrm>
              <a:graphic>
                <a:graphicData uri="http://schemas.microsoft.com/office/drawing/2017/model3d">
                  <am3d:model3d r:embed="rId5">
                    <am3d:spPr>
                      <a:xfrm>
                        <a:off x="0" y="0"/>
                        <a:ext cx="828000" cy="828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6"/>
                    </am3d:raster>
                    <am3d:objViewport viewportSz="1362194"/>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71" name="3D Model 70" descr="Dark Gray Sphere">
                  <a:extLst>
                    <a:ext uri="{FF2B5EF4-FFF2-40B4-BE49-F238E27FC236}">
                      <a16:creationId xmlns:a16="http://schemas.microsoft.com/office/drawing/2014/main" id="{7B5DCAA3-A585-70BD-B517-263D93BBCA52}"/>
                    </a:ext>
                  </a:extLst>
                </p:cNvPr>
                <p:cNvPicPr>
                  <a:picLocks noGrp="1" noRot="1" noChangeAspect="1" noMove="1" noResize="1" noEditPoints="1" noAdjustHandles="1" noChangeArrowheads="1" noChangeShapeType="1" noCrop="1"/>
                </p:cNvPicPr>
                <p:nvPr/>
              </p:nvPicPr>
              <p:blipFill>
                <a:blip r:embed="rId6"/>
                <a:stretch>
                  <a:fillRect/>
                </a:stretch>
              </p:blipFill>
              <p:spPr>
                <a:xfrm>
                  <a:off x="313431" y="2053352"/>
                  <a:ext cx="828000" cy="828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72" name="3D Model 71" descr="Dark Gray Sphere">
                  <a:extLst>
                    <a:ext uri="{FF2B5EF4-FFF2-40B4-BE49-F238E27FC236}">
                      <a16:creationId xmlns:a16="http://schemas.microsoft.com/office/drawing/2014/main" id="{30D15B9B-4750-57C9-45B7-4BE171AE33AE}"/>
                    </a:ext>
                  </a:extLst>
                </p:cNvPr>
                <p:cNvGraphicFramePr/>
                <p:nvPr>
                  <p:extLst>
                    <p:ext uri="{D42A27DB-BD31-4B8C-83A1-F6EECF244321}">
                      <p14:modId xmlns:p14="http://schemas.microsoft.com/office/powerpoint/2010/main" val="2635501211"/>
                    </p:ext>
                  </p:extLst>
                </p:nvPr>
              </p:nvGraphicFramePr>
              <p:xfrm>
                <a:off x="1126631" y="1743472"/>
                <a:ext cx="828000" cy="828000"/>
              </p:xfrm>
              <a:graphic>
                <a:graphicData uri="http://schemas.microsoft.com/office/drawing/2017/model3d">
                  <am3d:model3d r:embed="rId5">
                    <am3d:spPr>
                      <a:xfrm>
                        <a:off x="0" y="0"/>
                        <a:ext cx="828000" cy="828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6"/>
                    </am3d:raster>
                    <am3d:objViewport viewportSz="1362194"/>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72" name="3D Model 71" descr="Dark Gray Sphere">
                  <a:extLst>
                    <a:ext uri="{FF2B5EF4-FFF2-40B4-BE49-F238E27FC236}">
                      <a16:creationId xmlns:a16="http://schemas.microsoft.com/office/drawing/2014/main" id="{30D15B9B-4750-57C9-45B7-4BE171AE33AE}"/>
                    </a:ext>
                  </a:extLst>
                </p:cNvPr>
                <p:cNvPicPr>
                  <a:picLocks noGrp="1" noRot="1" noChangeAspect="1" noMove="1" noResize="1" noEditPoints="1" noAdjustHandles="1" noChangeArrowheads="1" noChangeShapeType="1" noCrop="1"/>
                </p:cNvPicPr>
                <p:nvPr/>
              </p:nvPicPr>
              <p:blipFill>
                <a:blip r:embed="rId6"/>
                <a:stretch>
                  <a:fillRect/>
                </a:stretch>
              </p:blipFill>
              <p:spPr>
                <a:xfrm>
                  <a:off x="1111391" y="2053352"/>
                  <a:ext cx="828000" cy="828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73" name="3D Model 72" descr="Dark Gray Sphere">
                  <a:extLst>
                    <a:ext uri="{FF2B5EF4-FFF2-40B4-BE49-F238E27FC236}">
                      <a16:creationId xmlns:a16="http://schemas.microsoft.com/office/drawing/2014/main" id="{C65A8D38-7C05-48FC-F716-5D8AD6097960}"/>
                    </a:ext>
                  </a:extLst>
                </p:cNvPr>
                <p:cNvGraphicFramePr>
                  <a:graphicFrameLocks noChangeAspect="1"/>
                </p:cNvGraphicFramePr>
                <p:nvPr>
                  <p:extLst>
                    <p:ext uri="{D42A27DB-BD31-4B8C-83A1-F6EECF244321}">
                      <p14:modId xmlns:p14="http://schemas.microsoft.com/office/powerpoint/2010/main" val="832841679"/>
                    </p:ext>
                  </p:extLst>
                </p:nvPr>
              </p:nvGraphicFramePr>
              <p:xfrm>
                <a:off x="348985" y="1259347"/>
                <a:ext cx="864000" cy="864000"/>
              </p:xfrm>
              <a:graphic>
                <a:graphicData uri="http://schemas.microsoft.com/office/drawing/2017/model3d">
                  <am3d:model3d r:embed="rId5">
                    <am3d:spPr>
                      <a:xfrm>
                        <a:off x="0" y="0"/>
                        <a:ext cx="864000" cy="864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7"/>
                    </am3d:raster>
                    <am3d:objViewport viewportSz="1414681"/>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73" name="3D Model 72" descr="Dark Gray Sphere">
                  <a:extLst>
                    <a:ext uri="{FF2B5EF4-FFF2-40B4-BE49-F238E27FC236}">
                      <a16:creationId xmlns:a16="http://schemas.microsoft.com/office/drawing/2014/main" id="{C65A8D38-7C05-48FC-F716-5D8AD6097960}"/>
                    </a:ext>
                  </a:extLst>
                </p:cNvPr>
                <p:cNvPicPr>
                  <a:picLocks noGrp="1" noRot="1" noChangeAspect="1" noMove="1" noResize="1" noEditPoints="1" noAdjustHandles="1" noChangeArrowheads="1" noChangeShapeType="1" noCrop="1"/>
                </p:cNvPicPr>
                <p:nvPr/>
              </p:nvPicPr>
              <p:blipFill>
                <a:blip r:embed="rId7"/>
                <a:stretch>
                  <a:fillRect/>
                </a:stretch>
              </p:blipFill>
              <p:spPr>
                <a:xfrm>
                  <a:off x="333745" y="1569227"/>
                  <a:ext cx="864000" cy="864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74" name="3D Model 73" descr="Dark Gray Sphere">
                  <a:extLst>
                    <a:ext uri="{FF2B5EF4-FFF2-40B4-BE49-F238E27FC236}">
                      <a16:creationId xmlns:a16="http://schemas.microsoft.com/office/drawing/2014/main" id="{87F5ECA2-5032-8C28-D74E-459B8DBD9D6D}"/>
                    </a:ext>
                  </a:extLst>
                </p:cNvPr>
                <p:cNvGraphicFramePr/>
                <p:nvPr>
                  <p:extLst>
                    <p:ext uri="{D42A27DB-BD31-4B8C-83A1-F6EECF244321}">
                      <p14:modId xmlns:p14="http://schemas.microsoft.com/office/powerpoint/2010/main" val="2195633515"/>
                    </p:ext>
                  </p:extLst>
                </p:nvPr>
              </p:nvGraphicFramePr>
              <p:xfrm>
                <a:off x="1105632" y="1259347"/>
                <a:ext cx="864000" cy="864000"/>
              </p:xfrm>
              <a:graphic>
                <a:graphicData uri="http://schemas.microsoft.com/office/drawing/2017/model3d">
                  <am3d:model3d r:embed="rId5">
                    <am3d:spPr>
                      <a:xfrm>
                        <a:off x="0" y="0"/>
                        <a:ext cx="864000" cy="864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8"/>
                    </am3d:raster>
                    <am3d:objViewport viewportSz="1433455"/>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74" name="3D Model 73" descr="Dark Gray Sphere">
                  <a:extLst>
                    <a:ext uri="{FF2B5EF4-FFF2-40B4-BE49-F238E27FC236}">
                      <a16:creationId xmlns:a16="http://schemas.microsoft.com/office/drawing/2014/main" id="{87F5ECA2-5032-8C28-D74E-459B8DBD9D6D}"/>
                    </a:ext>
                  </a:extLst>
                </p:cNvPr>
                <p:cNvPicPr>
                  <a:picLocks noGrp="1" noRot="1" noChangeAspect="1" noMove="1" noResize="1" noEditPoints="1" noAdjustHandles="1" noChangeArrowheads="1" noChangeShapeType="1" noCrop="1"/>
                </p:cNvPicPr>
                <p:nvPr/>
              </p:nvPicPr>
              <p:blipFill>
                <a:blip r:embed="rId8"/>
                <a:stretch>
                  <a:fillRect/>
                </a:stretch>
              </p:blipFill>
              <p:spPr>
                <a:xfrm>
                  <a:off x="1090392" y="1569227"/>
                  <a:ext cx="864000" cy="8640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75" name="3D Model 74" descr="Dark Gray Sphere">
                  <a:extLst>
                    <a:ext uri="{FF2B5EF4-FFF2-40B4-BE49-F238E27FC236}">
                      <a16:creationId xmlns:a16="http://schemas.microsoft.com/office/drawing/2014/main" id="{39A87364-EC4F-9F9B-BFC5-2A9A032FD30A}"/>
                    </a:ext>
                  </a:extLst>
                </p:cNvPr>
                <p:cNvGraphicFramePr/>
                <p:nvPr>
                  <p:extLst>
                    <p:ext uri="{D42A27DB-BD31-4B8C-83A1-F6EECF244321}">
                      <p14:modId xmlns:p14="http://schemas.microsoft.com/office/powerpoint/2010/main" val="162115534"/>
                    </p:ext>
                  </p:extLst>
                </p:nvPr>
              </p:nvGraphicFramePr>
              <p:xfrm>
                <a:off x="676697" y="1909574"/>
                <a:ext cx="936000" cy="936000"/>
              </p:xfrm>
              <a:graphic>
                <a:graphicData uri="http://schemas.microsoft.com/office/drawing/2017/model3d">
                  <am3d:model3d r:embed="rId5">
                    <am3d:spPr>
                      <a:xfrm>
                        <a:off x="0" y="0"/>
                        <a:ext cx="936000" cy="9360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9"/>
                    </am3d:raster>
                    <am3d:objViewport viewportSz="1572117"/>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75" name="3D Model 74" descr="Dark Gray Sphere">
                  <a:extLst>
                    <a:ext uri="{FF2B5EF4-FFF2-40B4-BE49-F238E27FC236}">
                      <a16:creationId xmlns:a16="http://schemas.microsoft.com/office/drawing/2014/main" id="{39A87364-EC4F-9F9B-BFC5-2A9A032FD30A}"/>
                    </a:ext>
                  </a:extLst>
                </p:cNvPr>
                <p:cNvPicPr>
                  <a:picLocks noGrp="1" noRot="1" noChangeAspect="1" noMove="1" noResize="1" noEditPoints="1" noAdjustHandles="1" noChangeArrowheads="1" noChangeShapeType="1" noCrop="1"/>
                </p:cNvPicPr>
                <p:nvPr/>
              </p:nvPicPr>
              <p:blipFill>
                <a:blip r:embed="rId9"/>
                <a:stretch>
                  <a:fillRect/>
                </a:stretch>
              </p:blipFill>
              <p:spPr>
                <a:xfrm>
                  <a:off x="661457" y="2219454"/>
                  <a:ext cx="936000" cy="936000"/>
                </a:xfrm>
                <a:prstGeom prst="rect">
                  <a:avLst/>
                </a:prstGeom>
              </p:spPr>
            </p:pic>
          </mc:Fallback>
        </mc:AlternateContent>
      </p:grpSp>
      <p:grpSp>
        <p:nvGrpSpPr>
          <p:cNvPr id="76" name="Group 75">
            <a:extLst>
              <a:ext uri="{FF2B5EF4-FFF2-40B4-BE49-F238E27FC236}">
                <a16:creationId xmlns:a16="http://schemas.microsoft.com/office/drawing/2014/main" id="{B96EAF07-E80F-48D6-C427-36E7BC201B2B}"/>
              </a:ext>
            </a:extLst>
          </p:cNvPr>
          <p:cNvGrpSpPr/>
          <p:nvPr/>
        </p:nvGrpSpPr>
        <p:grpSpPr>
          <a:xfrm>
            <a:off x="6160198" y="2380855"/>
            <a:ext cx="337905" cy="574009"/>
            <a:chOff x="2685926" y="3030898"/>
            <a:chExt cx="337905" cy="574009"/>
          </a:xfrm>
        </p:grpSpPr>
        <mc:AlternateContent xmlns:mc="http://schemas.openxmlformats.org/markup-compatibility/2006">
          <mc:Choice xmlns:am3d="http://schemas.microsoft.com/office/drawing/2017/model3d" Requires="am3d">
            <p:graphicFrame>
              <p:nvGraphicFramePr>
                <p:cNvPr id="77" name="3D Model 76" descr="Sphere">
                  <a:extLst>
                    <a:ext uri="{FF2B5EF4-FFF2-40B4-BE49-F238E27FC236}">
                      <a16:creationId xmlns:a16="http://schemas.microsoft.com/office/drawing/2014/main" id="{B6C5617A-6768-A27E-3D0E-61D11628503B}"/>
                    </a:ext>
                  </a:extLst>
                </p:cNvPr>
                <p:cNvGraphicFramePr/>
                <p:nvPr>
                  <p:extLst>
                    <p:ext uri="{D42A27DB-BD31-4B8C-83A1-F6EECF244321}">
                      <p14:modId xmlns:p14="http://schemas.microsoft.com/office/powerpoint/2010/main" val="1872233725"/>
                    </p:ext>
                  </p:extLst>
                </p:nvPr>
              </p:nvGraphicFramePr>
              <p:xfrm>
                <a:off x="2714485" y="3030898"/>
                <a:ext cx="280801" cy="345600"/>
              </p:xfrm>
              <a:graphic>
                <a:graphicData uri="http://schemas.microsoft.com/office/drawing/2017/model3d">
                  <am3d:model3d r:embed="rId10">
                    <am3d:spPr>
                      <a:xfrm>
                        <a:off x="0" y="0"/>
                        <a:ext cx="280801" cy="3456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8"/>
                    </am3d:raster>
                    <am3d:objViewport viewportSz="410123"/>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77" name="3D Model 76" descr="Sphere">
                  <a:extLst>
                    <a:ext uri="{FF2B5EF4-FFF2-40B4-BE49-F238E27FC236}">
                      <a16:creationId xmlns:a16="http://schemas.microsoft.com/office/drawing/2014/main" id="{B6C5617A-6768-A27E-3D0E-61D11628503B}"/>
                    </a:ext>
                  </a:extLst>
                </p:cNvPr>
                <p:cNvPicPr>
                  <a:picLocks noGrp="1" noRot="1" noChangeAspect="1" noMove="1" noResize="1" noEditPoints="1" noAdjustHandles="1" noChangeArrowheads="1" noChangeShapeType="1" noCrop="1"/>
                </p:cNvPicPr>
                <p:nvPr/>
              </p:nvPicPr>
              <p:blipFill>
                <a:blip r:embed="rId18"/>
                <a:stretch>
                  <a:fillRect/>
                </a:stretch>
              </p:blipFill>
              <p:spPr>
                <a:xfrm>
                  <a:off x="6188757" y="2380855"/>
                  <a:ext cx="280801" cy="3456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78" name="3D Model 77" descr="Sphere">
                  <a:extLst>
                    <a:ext uri="{FF2B5EF4-FFF2-40B4-BE49-F238E27FC236}">
                      <a16:creationId xmlns:a16="http://schemas.microsoft.com/office/drawing/2014/main" id="{8B8BE542-91D3-B47C-1079-7CDD01BABA2F}"/>
                    </a:ext>
                  </a:extLst>
                </p:cNvPr>
                <p:cNvGraphicFramePr>
                  <a:graphicFrameLocks noChangeAspect="1"/>
                </p:cNvGraphicFramePr>
                <p:nvPr>
                  <p:extLst>
                    <p:ext uri="{D42A27DB-BD31-4B8C-83A1-F6EECF244321}">
                      <p14:modId xmlns:p14="http://schemas.microsoft.com/office/powerpoint/2010/main" val="1700945380"/>
                    </p:ext>
                  </p:extLst>
                </p:nvPr>
              </p:nvGraphicFramePr>
              <p:xfrm>
                <a:off x="2685926" y="3267000"/>
                <a:ext cx="337905" cy="337907"/>
              </p:xfrm>
              <a:graphic>
                <a:graphicData uri="http://schemas.microsoft.com/office/drawing/2017/model3d">
                  <am3d:model3d r:embed="rId10">
                    <am3d:spPr>
                      <a:xfrm>
                        <a:off x="0" y="0"/>
                        <a:ext cx="337905" cy="337907"/>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1"/>
                    </am3d:raster>
                    <am3d:objViewport viewportSz="493526"/>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78" name="3D Model 77" descr="Sphere">
                  <a:extLst>
                    <a:ext uri="{FF2B5EF4-FFF2-40B4-BE49-F238E27FC236}">
                      <a16:creationId xmlns:a16="http://schemas.microsoft.com/office/drawing/2014/main" id="{8B8BE542-91D3-B47C-1079-7CDD01BABA2F}"/>
                    </a:ext>
                  </a:extLst>
                </p:cNvPr>
                <p:cNvPicPr>
                  <a:picLocks noGrp="1" noRot="1" noChangeAspect="1" noMove="1" noResize="1" noEditPoints="1" noAdjustHandles="1" noChangeArrowheads="1" noChangeShapeType="1" noCrop="1"/>
                </p:cNvPicPr>
                <p:nvPr/>
              </p:nvPicPr>
              <p:blipFill>
                <a:blip r:embed="rId11"/>
                <a:stretch>
                  <a:fillRect/>
                </a:stretch>
              </p:blipFill>
              <p:spPr>
                <a:xfrm>
                  <a:off x="6160198" y="2616957"/>
                  <a:ext cx="337905" cy="337907"/>
                </a:xfrm>
                <a:prstGeom prst="rect">
                  <a:avLst/>
                </a:prstGeom>
              </p:spPr>
            </p:pic>
          </mc:Fallback>
        </mc:AlternateContent>
      </p:grpSp>
      <p:grpSp>
        <p:nvGrpSpPr>
          <p:cNvPr id="79" name="Group 78">
            <a:extLst>
              <a:ext uri="{FF2B5EF4-FFF2-40B4-BE49-F238E27FC236}">
                <a16:creationId xmlns:a16="http://schemas.microsoft.com/office/drawing/2014/main" id="{0789981F-DAED-0B69-AA43-1331110E03E6}"/>
              </a:ext>
            </a:extLst>
          </p:cNvPr>
          <p:cNvGrpSpPr/>
          <p:nvPr/>
        </p:nvGrpSpPr>
        <p:grpSpPr>
          <a:xfrm rot="16200000">
            <a:off x="8628461" y="1067069"/>
            <a:ext cx="337905" cy="574010"/>
            <a:chOff x="2704033" y="3030896"/>
            <a:chExt cx="301690" cy="574011"/>
          </a:xfrm>
        </p:grpSpPr>
        <mc:AlternateContent xmlns:mc="http://schemas.openxmlformats.org/markup-compatibility/2006">
          <mc:Choice xmlns:am3d="http://schemas.microsoft.com/office/drawing/2017/model3d" Requires="am3d">
            <p:graphicFrame>
              <p:nvGraphicFramePr>
                <p:cNvPr id="80" name="3D Model 79" descr="Sphere">
                  <a:extLst>
                    <a:ext uri="{FF2B5EF4-FFF2-40B4-BE49-F238E27FC236}">
                      <a16:creationId xmlns:a16="http://schemas.microsoft.com/office/drawing/2014/main" id="{068EA926-05CA-0FD2-D59D-3A04C86F5DAD}"/>
                    </a:ext>
                  </a:extLst>
                </p:cNvPr>
                <p:cNvGraphicFramePr/>
                <p:nvPr>
                  <p:extLst>
                    <p:ext uri="{D42A27DB-BD31-4B8C-83A1-F6EECF244321}">
                      <p14:modId xmlns:p14="http://schemas.microsoft.com/office/powerpoint/2010/main" val="1342719882"/>
                    </p:ext>
                  </p:extLst>
                </p:nvPr>
              </p:nvGraphicFramePr>
              <p:xfrm>
                <a:off x="2714479" y="3030896"/>
                <a:ext cx="280800" cy="345601"/>
              </p:xfrm>
              <a:graphic>
                <a:graphicData uri="http://schemas.microsoft.com/office/drawing/2017/model3d">
                  <am3d:model3d r:embed="rId10">
                    <am3d:spPr>
                      <a:xfrm rot="16200000">
                        <a:off x="0" y="0"/>
                        <a:ext cx="280800" cy="345601"/>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9"/>
                    </am3d:raster>
                    <am3d:objViewport viewportSz="459352"/>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80" name="3D Model 79" descr="Sphere">
                  <a:extLst>
                    <a:ext uri="{FF2B5EF4-FFF2-40B4-BE49-F238E27FC236}">
                      <a16:creationId xmlns:a16="http://schemas.microsoft.com/office/drawing/2014/main" id="{068EA926-05CA-0FD2-D59D-3A04C86F5DAD}"/>
                    </a:ext>
                  </a:extLst>
                </p:cNvPr>
                <p:cNvPicPr>
                  <a:picLocks noGrp="1" noRot="1" noChangeAspect="1" noMove="1" noResize="1" noEditPoints="1" noAdjustHandles="1" noChangeArrowheads="1" noChangeShapeType="1" noCrop="1"/>
                </p:cNvPicPr>
                <p:nvPr/>
              </p:nvPicPr>
              <p:blipFill>
                <a:blip r:embed="rId19"/>
                <a:stretch>
                  <a:fillRect/>
                </a:stretch>
              </p:blipFill>
              <p:spPr>
                <a:xfrm rot="16200000">
                  <a:off x="8525955" y="1181273"/>
                  <a:ext cx="314507" cy="3456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81" name="3D Model 80" descr="Sphere">
                  <a:extLst>
                    <a:ext uri="{FF2B5EF4-FFF2-40B4-BE49-F238E27FC236}">
                      <a16:creationId xmlns:a16="http://schemas.microsoft.com/office/drawing/2014/main" id="{2C44B317-AFE7-8AC1-9C83-EDD3260E9CD2}"/>
                    </a:ext>
                  </a:extLst>
                </p:cNvPr>
                <p:cNvGraphicFramePr>
                  <a:graphicFrameLocks noChangeAspect="1"/>
                </p:cNvGraphicFramePr>
                <p:nvPr>
                  <p:extLst>
                    <p:ext uri="{D42A27DB-BD31-4B8C-83A1-F6EECF244321}">
                      <p14:modId xmlns:p14="http://schemas.microsoft.com/office/powerpoint/2010/main" val="3257703869"/>
                    </p:ext>
                  </p:extLst>
                </p:nvPr>
              </p:nvGraphicFramePr>
              <p:xfrm>
                <a:off x="2704033" y="3267001"/>
                <a:ext cx="301690" cy="337906"/>
              </p:xfrm>
              <a:graphic>
                <a:graphicData uri="http://schemas.microsoft.com/office/drawing/2017/model3d">
                  <am3d:model3d r:embed="rId10">
                    <am3d:spPr>
                      <a:xfrm rot="16200000">
                        <a:off x="0" y="0"/>
                        <a:ext cx="301690" cy="337906"/>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20"/>
                    </am3d:raster>
                    <am3d:objViewport viewportSz="493525"/>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81" name="3D Model 80" descr="Sphere">
                  <a:extLst>
                    <a:ext uri="{FF2B5EF4-FFF2-40B4-BE49-F238E27FC236}">
                      <a16:creationId xmlns:a16="http://schemas.microsoft.com/office/drawing/2014/main" id="{2C44B317-AFE7-8AC1-9C83-EDD3260E9CD2}"/>
                    </a:ext>
                  </a:extLst>
                </p:cNvPr>
                <p:cNvPicPr>
                  <a:picLocks noGrp="1" noRot="1" noChangeAspect="1" noMove="1" noResize="1" noEditPoints="1" noAdjustHandles="1" noChangeArrowheads="1" noChangeShapeType="1" noCrop="1"/>
                </p:cNvPicPr>
                <p:nvPr/>
              </p:nvPicPr>
              <p:blipFill>
                <a:blip r:embed="rId20"/>
                <a:stretch>
                  <a:fillRect/>
                </a:stretch>
              </p:blipFill>
              <p:spPr>
                <a:xfrm rot="16200000">
                  <a:off x="8746513" y="1185121"/>
                  <a:ext cx="337905" cy="337905"/>
                </a:xfrm>
                <a:prstGeom prst="rect">
                  <a:avLst/>
                </a:prstGeom>
              </p:spPr>
            </p:pic>
          </mc:Fallback>
        </mc:AlternateContent>
      </p:grpSp>
      <mc:AlternateContent xmlns:mc="http://schemas.openxmlformats.org/markup-compatibility/2006">
        <mc:Choice xmlns:am3d="http://schemas.microsoft.com/office/drawing/2017/model3d" Requires="am3d">
          <p:graphicFrame>
            <p:nvGraphicFramePr>
              <p:cNvPr id="82" name="3D Model 81" descr="Red Straight arrow">
                <a:extLst>
                  <a:ext uri="{FF2B5EF4-FFF2-40B4-BE49-F238E27FC236}">
                    <a16:creationId xmlns:a16="http://schemas.microsoft.com/office/drawing/2014/main" id="{F9A1C56E-9194-AD03-5B44-11F558BDD0B5}"/>
                  </a:ext>
                </a:extLst>
              </p:cNvPr>
              <p:cNvGraphicFramePr>
                <a:graphicFrameLocks noChangeAspect="1"/>
              </p:cNvGraphicFramePr>
              <p:nvPr>
                <p:extLst>
                  <p:ext uri="{D42A27DB-BD31-4B8C-83A1-F6EECF244321}">
                    <p14:modId xmlns:p14="http://schemas.microsoft.com/office/powerpoint/2010/main" val="3369414922"/>
                  </p:ext>
                </p:extLst>
              </p:nvPr>
            </p:nvGraphicFramePr>
            <p:xfrm rot="16200000">
              <a:off x="2615030" y="1704985"/>
              <a:ext cx="463637" cy="142815"/>
            </p:xfrm>
            <a:graphic>
              <a:graphicData uri="http://schemas.microsoft.com/office/drawing/2017/model3d">
                <am3d:model3d r:embed="rId21">
                  <am3d:spPr>
                    <a:xfrm rot="16200000">
                      <a:off x="0" y="0"/>
                      <a:ext cx="463637" cy="142815"/>
                    </a:xfrm>
                    <a:prstGeom prst="rect">
                      <a:avLst/>
                    </a:prstGeom>
                  </am3d:spPr>
                  <am3d:camera>
                    <am3d:pos x="0" y="0" z="49265132"/>
                    <am3d:up dx="0" dy="36000000" dz="0"/>
                    <am3d:lookAt x="0" y="0" z="0"/>
                    <am3d:perspective fov="2700000"/>
                  </am3d:camera>
                  <am3d:trans>
                    <am3d:meterPerModelUnit n="2106943" d="1000000"/>
                    <am3d:preTrans dx="0" dy="-9860495" dz="-1482"/>
                    <am3d:scale>
                      <am3d:sx n="1000000" d="1000000"/>
                      <am3d:sy n="1000000" d="1000000"/>
                      <am3d:sz n="1000000" d="1000000"/>
                    </am3d:scale>
                    <am3d:rot/>
                    <am3d:postTrans dx="0" dy="0" dz="0"/>
                  </am3d:trans>
                  <am3d:raster rName="Office3DRenderer" rVer="16.0.8326">
                    <am3d:blip r:embed="rId22"/>
                  </am3d:raster>
                  <am3d:objViewport viewportSz="516745"/>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82" name="3D Model 81" descr="Red Straight arrow">
                <a:extLst>
                  <a:ext uri="{FF2B5EF4-FFF2-40B4-BE49-F238E27FC236}">
                    <a16:creationId xmlns:a16="http://schemas.microsoft.com/office/drawing/2014/main" id="{F9A1C56E-9194-AD03-5B44-11F558BDD0B5}"/>
                  </a:ext>
                </a:extLst>
              </p:cNvPr>
              <p:cNvPicPr>
                <a:picLocks noGrp="1" noRot="1" noChangeAspect="1" noMove="1" noResize="1" noEditPoints="1" noAdjustHandles="1" noChangeArrowheads="1" noChangeShapeType="1" noCrop="1"/>
              </p:cNvPicPr>
              <p:nvPr/>
            </p:nvPicPr>
            <p:blipFill>
              <a:blip r:embed="rId22"/>
              <a:stretch>
                <a:fillRect/>
              </a:stretch>
            </p:blipFill>
            <p:spPr>
              <a:xfrm rot="16200000">
                <a:off x="2615030" y="1704985"/>
                <a:ext cx="463637" cy="142815"/>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83" name="3D Model 82" descr="Red Curved arrow">
                <a:extLst>
                  <a:ext uri="{FF2B5EF4-FFF2-40B4-BE49-F238E27FC236}">
                    <a16:creationId xmlns:a16="http://schemas.microsoft.com/office/drawing/2014/main" id="{B9E0B5F5-C495-ABE2-3A89-0C4076D43215}"/>
                  </a:ext>
                </a:extLst>
              </p:cNvPr>
              <p:cNvGraphicFramePr>
                <a:graphicFrameLocks noChangeAspect="1"/>
              </p:cNvGraphicFramePr>
              <p:nvPr>
                <p:extLst>
                  <p:ext uri="{D42A27DB-BD31-4B8C-83A1-F6EECF244321}">
                    <p14:modId xmlns:p14="http://schemas.microsoft.com/office/powerpoint/2010/main" val="1664826208"/>
                  </p:ext>
                </p:extLst>
              </p:nvPr>
            </p:nvGraphicFramePr>
            <p:xfrm rot="17593673">
              <a:off x="7817182" y="1458919"/>
              <a:ext cx="664451" cy="442899"/>
            </p:xfrm>
            <a:graphic>
              <a:graphicData uri="http://schemas.microsoft.com/office/drawing/2017/model3d">
                <am3d:model3d r:embed="rId23">
                  <am3d:spPr>
                    <a:xfrm rot="17593673">
                      <a:off x="0" y="0"/>
                      <a:ext cx="664451" cy="442899"/>
                    </a:xfrm>
                    <a:prstGeom prst="rect">
                      <a:avLst/>
                    </a:prstGeom>
                  </am3d:spPr>
                  <am3d:camera>
                    <am3d:pos x="0" y="0" z="63210469"/>
                    <am3d:up dx="0" dy="36000000" dz="0"/>
                    <am3d:lookAt x="0" y="0" z="0"/>
                    <am3d:perspective fov="2700000"/>
                  </am3d:camera>
                  <am3d:trans>
                    <am3d:meterPerModelUnit n="2483504" d="1000000"/>
                    <am3d:preTrans dx="-899407" dy="-11281883" dz="-5598506"/>
                    <am3d:scale>
                      <am3d:sx n="1000000" d="1000000"/>
                      <am3d:sy n="1000000" d="1000000"/>
                      <am3d:sz n="1000000" d="1000000"/>
                    </am3d:scale>
                    <am3d:rot ax="112242" ay="37391" az="1220"/>
                    <am3d:postTrans dx="0" dy="0" dz="0"/>
                  </am3d:trans>
                  <am3d:raster rName="Office3DRenderer" rVer="16.0.8326">
                    <am3d:blip r:embed="rId24"/>
                  </am3d:raster>
                  <am3d:objViewport viewportSz="816325"/>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83" name="3D Model 82" descr="Red Curved arrow">
                <a:extLst>
                  <a:ext uri="{FF2B5EF4-FFF2-40B4-BE49-F238E27FC236}">
                    <a16:creationId xmlns:a16="http://schemas.microsoft.com/office/drawing/2014/main" id="{B9E0B5F5-C495-ABE2-3A89-0C4076D43215}"/>
                  </a:ext>
                </a:extLst>
              </p:cNvPr>
              <p:cNvPicPr>
                <a:picLocks noGrp="1" noRot="1" noChangeAspect="1" noMove="1" noResize="1" noEditPoints="1" noAdjustHandles="1" noChangeArrowheads="1" noChangeShapeType="1" noCrop="1"/>
              </p:cNvPicPr>
              <p:nvPr/>
            </p:nvPicPr>
            <p:blipFill>
              <a:blip r:embed="rId24"/>
              <a:stretch>
                <a:fillRect/>
              </a:stretch>
            </p:blipFill>
            <p:spPr>
              <a:xfrm rot="17593673">
                <a:off x="7817182" y="1458919"/>
                <a:ext cx="664451" cy="442899"/>
              </a:xfrm>
              <a:prstGeom prst="rect">
                <a:avLst/>
              </a:prstGeom>
            </p:spPr>
          </p:pic>
        </mc:Fallback>
      </mc:AlternateContent>
      <p:grpSp>
        <p:nvGrpSpPr>
          <p:cNvPr id="84" name="Group 83">
            <a:extLst>
              <a:ext uri="{FF2B5EF4-FFF2-40B4-BE49-F238E27FC236}">
                <a16:creationId xmlns:a16="http://schemas.microsoft.com/office/drawing/2014/main" id="{64562A04-DFC2-6FC9-EE38-24A5222B7F34}"/>
              </a:ext>
            </a:extLst>
          </p:cNvPr>
          <p:cNvGrpSpPr/>
          <p:nvPr/>
        </p:nvGrpSpPr>
        <p:grpSpPr>
          <a:xfrm>
            <a:off x="2253661" y="1237236"/>
            <a:ext cx="1174884" cy="422848"/>
            <a:chOff x="3881850" y="1674622"/>
            <a:chExt cx="1174884" cy="422848"/>
          </a:xfrm>
        </p:grpSpPr>
        <mc:AlternateContent xmlns:mc="http://schemas.openxmlformats.org/markup-compatibility/2006">
          <mc:Choice xmlns:am3d="http://schemas.microsoft.com/office/drawing/2017/model3d" Requires="am3d">
            <p:graphicFrame>
              <p:nvGraphicFramePr>
                <p:cNvPr id="85" name="3D Model 84" descr="Light Gray Sphere">
                  <a:extLst>
                    <a:ext uri="{FF2B5EF4-FFF2-40B4-BE49-F238E27FC236}">
                      <a16:creationId xmlns:a16="http://schemas.microsoft.com/office/drawing/2014/main" id="{1EBD0DE9-C96D-A8B0-D7E6-7D1BC82604E6}"/>
                    </a:ext>
                  </a:extLst>
                </p:cNvPr>
                <p:cNvGraphicFramePr/>
                <p:nvPr>
                  <p:extLst>
                    <p:ext uri="{D42A27DB-BD31-4B8C-83A1-F6EECF244321}">
                      <p14:modId xmlns:p14="http://schemas.microsoft.com/office/powerpoint/2010/main" val="3923840770"/>
                    </p:ext>
                  </p:extLst>
                </p:nvPr>
              </p:nvGraphicFramePr>
              <p:xfrm>
                <a:off x="4336092" y="1674622"/>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85" name="3D Model 84" descr="Light Gray Sphere">
                  <a:extLst>
                    <a:ext uri="{FF2B5EF4-FFF2-40B4-BE49-F238E27FC236}">
                      <a16:creationId xmlns:a16="http://schemas.microsoft.com/office/drawing/2014/main" id="{1EBD0DE9-C96D-A8B0-D7E6-7D1BC82604E6}"/>
                    </a:ext>
                  </a:extLst>
                </p:cNvPr>
                <p:cNvPicPr>
                  <a:picLocks noGrp="1" noRot="1" noChangeAspect="1" noMove="1" noResize="1" noEditPoints="1" noAdjustHandles="1" noChangeArrowheads="1" noChangeShapeType="1" noCrop="1"/>
                </p:cNvPicPr>
                <p:nvPr/>
              </p:nvPicPr>
              <p:blipFill>
                <a:blip r:embed="rId14"/>
                <a:stretch>
                  <a:fillRect/>
                </a:stretch>
              </p:blipFill>
              <p:spPr>
                <a:xfrm>
                  <a:off x="2707903" y="1237236"/>
                  <a:ext cx="266400" cy="2664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86" name="3D Model 85" descr="Light Gray Sphere">
                  <a:extLst>
                    <a:ext uri="{FF2B5EF4-FFF2-40B4-BE49-F238E27FC236}">
                      <a16:creationId xmlns:a16="http://schemas.microsoft.com/office/drawing/2014/main" id="{924A2D2B-5842-6E37-AFEA-5CD9EA22B799}"/>
                    </a:ext>
                  </a:extLst>
                </p:cNvPr>
                <p:cNvGraphicFramePr/>
                <p:nvPr>
                  <p:extLst>
                    <p:ext uri="{D42A27DB-BD31-4B8C-83A1-F6EECF244321}">
                      <p14:modId xmlns:p14="http://schemas.microsoft.com/office/powerpoint/2010/main" val="3556837655"/>
                    </p:ext>
                  </p:extLst>
                </p:nvPr>
              </p:nvGraphicFramePr>
              <p:xfrm>
                <a:off x="4790334" y="1807822"/>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86" name="3D Model 85" descr="Light Gray Sphere">
                  <a:extLst>
                    <a:ext uri="{FF2B5EF4-FFF2-40B4-BE49-F238E27FC236}">
                      <a16:creationId xmlns:a16="http://schemas.microsoft.com/office/drawing/2014/main" id="{924A2D2B-5842-6E37-AFEA-5CD9EA22B799}"/>
                    </a:ext>
                  </a:extLst>
                </p:cNvPr>
                <p:cNvPicPr>
                  <a:picLocks noGrp="1" noRot="1" noChangeAspect="1" noMove="1" noResize="1" noEditPoints="1" noAdjustHandles="1" noChangeArrowheads="1" noChangeShapeType="1" noCrop="1"/>
                </p:cNvPicPr>
                <p:nvPr/>
              </p:nvPicPr>
              <p:blipFill>
                <a:blip r:embed="rId14"/>
                <a:stretch>
                  <a:fillRect/>
                </a:stretch>
              </p:blipFill>
              <p:spPr>
                <a:xfrm>
                  <a:off x="3162145" y="1370436"/>
                  <a:ext cx="266400" cy="2664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87" name="3D Model 86" descr="Light Gray Sphere">
                  <a:extLst>
                    <a:ext uri="{FF2B5EF4-FFF2-40B4-BE49-F238E27FC236}">
                      <a16:creationId xmlns:a16="http://schemas.microsoft.com/office/drawing/2014/main" id="{6A6FAF61-0E02-6514-F3B8-D7C81872AC47}"/>
                    </a:ext>
                  </a:extLst>
                </p:cNvPr>
                <p:cNvGraphicFramePr/>
                <p:nvPr>
                  <p:extLst>
                    <p:ext uri="{D42A27DB-BD31-4B8C-83A1-F6EECF244321}">
                      <p14:modId xmlns:p14="http://schemas.microsoft.com/office/powerpoint/2010/main" val="3123295787"/>
                    </p:ext>
                  </p:extLst>
                </p:nvPr>
              </p:nvGraphicFramePr>
              <p:xfrm>
                <a:off x="3881850" y="1831070"/>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87" name="3D Model 86" descr="Light Gray Sphere">
                  <a:extLst>
                    <a:ext uri="{FF2B5EF4-FFF2-40B4-BE49-F238E27FC236}">
                      <a16:creationId xmlns:a16="http://schemas.microsoft.com/office/drawing/2014/main" id="{6A6FAF61-0E02-6514-F3B8-D7C81872AC47}"/>
                    </a:ext>
                  </a:extLst>
                </p:cNvPr>
                <p:cNvPicPr>
                  <a:picLocks noGrp="1" noRot="1" noChangeAspect="1" noMove="1" noResize="1" noEditPoints="1" noAdjustHandles="1" noChangeArrowheads="1" noChangeShapeType="1" noCrop="1"/>
                </p:cNvPicPr>
                <p:nvPr/>
              </p:nvPicPr>
              <p:blipFill>
                <a:blip r:embed="rId14"/>
                <a:stretch>
                  <a:fillRect/>
                </a:stretch>
              </p:blipFill>
              <p:spPr>
                <a:xfrm>
                  <a:off x="2253661" y="1393684"/>
                  <a:ext cx="266400" cy="266400"/>
                </a:xfrm>
                <a:prstGeom prst="rect">
                  <a:avLst/>
                </a:prstGeom>
              </p:spPr>
            </p:pic>
          </mc:Fallback>
        </mc:AlternateContent>
      </p:grpSp>
      <p:grpSp>
        <p:nvGrpSpPr>
          <p:cNvPr id="88" name="Group 87">
            <a:extLst>
              <a:ext uri="{FF2B5EF4-FFF2-40B4-BE49-F238E27FC236}">
                <a16:creationId xmlns:a16="http://schemas.microsoft.com/office/drawing/2014/main" id="{0F65A58E-E5B8-D719-EC5C-33A23BEB4FB7}"/>
              </a:ext>
            </a:extLst>
          </p:cNvPr>
          <p:cNvGrpSpPr/>
          <p:nvPr/>
        </p:nvGrpSpPr>
        <p:grpSpPr>
          <a:xfrm>
            <a:off x="2253662" y="3970031"/>
            <a:ext cx="1174883" cy="399109"/>
            <a:chOff x="4108971" y="5013946"/>
            <a:chExt cx="1174883" cy="399109"/>
          </a:xfrm>
        </p:grpSpPr>
        <mc:AlternateContent xmlns:mc="http://schemas.openxmlformats.org/markup-compatibility/2006">
          <mc:Choice xmlns:am3d="http://schemas.microsoft.com/office/drawing/2017/model3d" Requires="am3d">
            <p:graphicFrame>
              <p:nvGraphicFramePr>
                <p:cNvPr id="89" name="3D Model 88" descr="Light Gray Sphere">
                  <a:extLst>
                    <a:ext uri="{FF2B5EF4-FFF2-40B4-BE49-F238E27FC236}">
                      <a16:creationId xmlns:a16="http://schemas.microsoft.com/office/drawing/2014/main" id="{BE6CCF97-46A9-909A-2C26-DEEB6E05C8B5}"/>
                    </a:ext>
                  </a:extLst>
                </p:cNvPr>
                <p:cNvGraphicFramePr/>
                <p:nvPr>
                  <p:extLst>
                    <p:ext uri="{D42A27DB-BD31-4B8C-83A1-F6EECF244321}">
                      <p14:modId xmlns:p14="http://schemas.microsoft.com/office/powerpoint/2010/main" val="1638617088"/>
                    </p:ext>
                  </p:extLst>
                </p:nvPr>
              </p:nvGraphicFramePr>
              <p:xfrm>
                <a:off x="4563212" y="5146655"/>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89" name="3D Model 88" descr="Light Gray Sphere">
                  <a:extLst>
                    <a:ext uri="{FF2B5EF4-FFF2-40B4-BE49-F238E27FC236}">
                      <a16:creationId xmlns:a16="http://schemas.microsoft.com/office/drawing/2014/main" id="{BE6CCF97-46A9-909A-2C26-DEEB6E05C8B5}"/>
                    </a:ext>
                  </a:extLst>
                </p:cNvPr>
                <p:cNvPicPr>
                  <a:picLocks noGrp="1" noRot="1" noChangeAspect="1" noMove="1" noResize="1" noEditPoints="1" noAdjustHandles="1" noChangeArrowheads="1" noChangeShapeType="1" noCrop="1"/>
                </p:cNvPicPr>
                <p:nvPr/>
              </p:nvPicPr>
              <p:blipFill>
                <a:blip r:embed="rId14"/>
                <a:stretch>
                  <a:fillRect/>
                </a:stretch>
              </p:blipFill>
              <p:spPr>
                <a:xfrm>
                  <a:off x="2707903" y="4102740"/>
                  <a:ext cx="266400" cy="2664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90" name="3D Model 89" descr="Light Gray Sphere">
                  <a:extLst>
                    <a:ext uri="{FF2B5EF4-FFF2-40B4-BE49-F238E27FC236}">
                      <a16:creationId xmlns:a16="http://schemas.microsoft.com/office/drawing/2014/main" id="{B0B3F523-7389-40F3-4EC8-42D071816E50}"/>
                    </a:ext>
                  </a:extLst>
                </p:cNvPr>
                <p:cNvGraphicFramePr/>
                <p:nvPr>
                  <p:extLst>
                    <p:ext uri="{D42A27DB-BD31-4B8C-83A1-F6EECF244321}">
                      <p14:modId xmlns:p14="http://schemas.microsoft.com/office/powerpoint/2010/main" val="125965719"/>
                    </p:ext>
                  </p:extLst>
                </p:nvPr>
              </p:nvGraphicFramePr>
              <p:xfrm>
                <a:off x="5017454" y="5013946"/>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90" name="3D Model 89" descr="Light Gray Sphere">
                  <a:extLst>
                    <a:ext uri="{FF2B5EF4-FFF2-40B4-BE49-F238E27FC236}">
                      <a16:creationId xmlns:a16="http://schemas.microsoft.com/office/drawing/2014/main" id="{B0B3F523-7389-40F3-4EC8-42D071816E50}"/>
                    </a:ext>
                  </a:extLst>
                </p:cNvPr>
                <p:cNvPicPr>
                  <a:picLocks noGrp="1" noRot="1" noChangeAspect="1" noMove="1" noResize="1" noEditPoints="1" noAdjustHandles="1" noChangeArrowheads="1" noChangeShapeType="1" noCrop="1"/>
                </p:cNvPicPr>
                <p:nvPr/>
              </p:nvPicPr>
              <p:blipFill>
                <a:blip r:embed="rId14"/>
                <a:stretch>
                  <a:fillRect/>
                </a:stretch>
              </p:blipFill>
              <p:spPr>
                <a:xfrm>
                  <a:off x="3162145" y="3970031"/>
                  <a:ext cx="266400" cy="266400"/>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91" name="3D Model 90" descr="Light Gray Sphere">
                  <a:extLst>
                    <a:ext uri="{FF2B5EF4-FFF2-40B4-BE49-F238E27FC236}">
                      <a16:creationId xmlns:a16="http://schemas.microsoft.com/office/drawing/2014/main" id="{1B447277-5857-496B-6B8B-BF917C305857}"/>
                    </a:ext>
                  </a:extLst>
                </p:cNvPr>
                <p:cNvGraphicFramePr/>
                <p:nvPr>
                  <p:extLst>
                    <p:ext uri="{D42A27DB-BD31-4B8C-83A1-F6EECF244321}">
                      <p14:modId xmlns:p14="http://schemas.microsoft.com/office/powerpoint/2010/main" val="3667766307"/>
                    </p:ext>
                  </p:extLst>
                </p:nvPr>
              </p:nvGraphicFramePr>
              <p:xfrm>
                <a:off x="4108971" y="5037194"/>
                <a:ext cx="266400" cy="266400"/>
              </p:xfrm>
              <a:graphic>
                <a:graphicData uri="http://schemas.microsoft.com/office/drawing/2017/model3d">
                  <am3d:model3d r:embed="rId13">
                    <am3d:spPr>
                      <a:xfrm>
                        <a:off x="0" y="0"/>
                        <a:ext cx="266400" cy="266400"/>
                      </a:xfrm>
                      <a:prstGeom prst="rect">
                        <a:avLst/>
                      </a:prstGeom>
                    </am3d:spPr>
                    <am3d:camera>
                      <am3d:pos x="0" y="0" z="81469184"/>
                      <am3d:up dx="0" dy="36000000" dz="0"/>
                      <am3d:lookAt x="0" y="0" z="0"/>
                      <am3d:perspective fov="2700000"/>
                    </am3d:camera>
                    <am3d:trans>
                      <am3d:meterPerModelUnit n="7143146" d="1000000"/>
                      <am3d:preTrans dx="-2" dy="-18000000" dz="3"/>
                      <am3d:scale>
                        <am3d:sx n="1000000" d="1000000"/>
                        <am3d:sy n="1000000" d="1000000"/>
                        <am3d:sz n="1000000" d="1000000"/>
                      </am3d:scale>
                      <am3d:rot/>
                      <am3d:postTrans dx="0" dy="0" dz="0"/>
                    </am3d:trans>
                    <am3d:raster rName="Office3DRenderer" rVer="16.0.8326">
                      <am3d:blip r:embed="rId14"/>
                    </am3d:raster>
                    <am3d:objViewport viewportSz="389089"/>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91" name="3D Model 90" descr="Light Gray Sphere">
                  <a:extLst>
                    <a:ext uri="{FF2B5EF4-FFF2-40B4-BE49-F238E27FC236}">
                      <a16:creationId xmlns:a16="http://schemas.microsoft.com/office/drawing/2014/main" id="{1B447277-5857-496B-6B8B-BF917C305857}"/>
                    </a:ext>
                  </a:extLst>
                </p:cNvPr>
                <p:cNvPicPr>
                  <a:picLocks noGrp="1" noRot="1" noChangeAspect="1" noMove="1" noResize="1" noEditPoints="1" noAdjustHandles="1" noChangeArrowheads="1" noChangeShapeType="1" noCrop="1"/>
                </p:cNvPicPr>
                <p:nvPr/>
              </p:nvPicPr>
              <p:blipFill>
                <a:blip r:embed="rId14"/>
                <a:stretch>
                  <a:fillRect/>
                </a:stretch>
              </p:blipFill>
              <p:spPr>
                <a:xfrm>
                  <a:off x="2253662" y="3993279"/>
                  <a:ext cx="266400" cy="266400"/>
                </a:xfrm>
                <a:prstGeom prst="rect">
                  <a:avLst/>
                </a:prstGeom>
              </p:spPr>
            </p:pic>
          </mc:Fallback>
        </mc:AlternateContent>
      </p:grpSp>
      <mc:AlternateContent xmlns:mc="http://schemas.openxmlformats.org/markup-compatibility/2006">
        <mc:Choice xmlns:am3d="http://schemas.microsoft.com/office/drawing/2017/model3d" Requires="am3d">
          <p:graphicFrame>
            <p:nvGraphicFramePr>
              <p:cNvPr id="92" name="3D Model 91" descr="Red Curved arrow">
                <a:extLst>
                  <a:ext uri="{FF2B5EF4-FFF2-40B4-BE49-F238E27FC236}">
                    <a16:creationId xmlns:a16="http://schemas.microsoft.com/office/drawing/2014/main" id="{038122A7-42D5-126F-43BA-84B468CB3C6A}"/>
                  </a:ext>
                </a:extLst>
              </p:cNvPr>
              <p:cNvGraphicFramePr>
                <a:graphicFrameLocks noChangeAspect="1"/>
              </p:cNvGraphicFramePr>
              <p:nvPr>
                <p:extLst>
                  <p:ext uri="{D42A27DB-BD31-4B8C-83A1-F6EECF244321}">
                    <p14:modId xmlns:p14="http://schemas.microsoft.com/office/powerpoint/2010/main" val="1975344850"/>
                  </p:ext>
                </p:extLst>
              </p:nvPr>
            </p:nvGraphicFramePr>
            <p:xfrm rot="19800000" flipV="1">
              <a:off x="547803" y="2635305"/>
              <a:ext cx="799008" cy="532672"/>
            </p:xfrm>
            <a:graphic>
              <a:graphicData uri="http://schemas.microsoft.com/office/drawing/2017/model3d">
                <am3d:model3d r:embed="rId23">
                  <am3d:spPr>
                    <a:xfrm rot="19800000" flipV="1">
                      <a:off x="0" y="0"/>
                      <a:ext cx="799008" cy="532672"/>
                    </a:xfrm>
                    <a:prstGeom prst="rect">
                      <a:avLst/>
                    </a:prstGeom>
                  </am3d:spPr>
                  <am3d:camera>
                    <am3d:pos x="0" y="0" z="63210469"/>
                    <am3d:up dx="0" dy="36000000" dz="0"/>
                    <am3d:lookAt x="0" y="0" z="0"/>
                    <am3d:perspective fov="2700000"/>
                  </am3d:camera>
                  <am3d:trans>
                    <am3d:meterPerModelUnit n="2483504" d="1000000"/>
                    <am3d:preTrans dx="-899407" dy="-11281883" dz="-5598506"/>
                    <am3d:scale>
                      <am3d:sx n="1000000" d="1000000"/>
                      <am3d:sy n="1000000" d="1000000"/>
                      <am3d:sz n="1000000" d="1000000"/>
                    </am3d:scale>
                    <am3d:rot ax="112242" ay="37391" az="1220"/>
                    <am3d:postTrans dx="0" dy="0" dz="0"/>
                  </am3d:trans>
                  <am3d:raster rName="Office3DRenderer" rVer="16.0.8326">
                    <am3d:blip r:embed="rId25"/>
                  </am3d:raster>
                  <am3d:objViewport viewportSz="1008272"/>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92" name="3D Model 91" descr="Red Curved arrow">
                <a:extLst>
                  <a:ext uri="{FF2B5EF4-FFF2-40B4-BE49-F238E27FC236}">
                    <a16:creationId xmlns:a16="http://schemas.microsoft.com/office/drawing/2014/main" id="{038122A7-42D5-126F-43BA-84B468CB3C6A}"/>
                  </a:ext>
                </a:extLst>
              </p:cNvPr>
              <p:cNvPicPr>
                <a:picLocks noGrp="1" noRot="1" noChangeAspect="1" noMove="1" noResize="1" noEditPoints="1" noAdjustHandles="1" noChangeArrowheads="1" noChangeShapeType="1" noCrop="1"/>
              </p:cNvPicPr>
              <p:nvPr/>
            </p:nvPicPr>
            <p:blipFill>
              <a:blip r:embed="rId25"/>
              <a:stretch>
                <a:fillRect/>
              </a:stretch>
            </p:blipFill>
            <p:spPr>
              <a:xfrm rot="19800000" flipV="1">
                <a:off x="547803" y="2635305"/>
                <a:ext cx="799008" cy="532672"/>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93" name="3D Model 92" descr="Red Straight arrow">
                <a:extLst>
                  <a:ext uri="{FF2B5EF4-FFF2-40B4-BE49-F238E27FC236}">
                    <a16:creationId xmlns:a16="http://schemas.microsoft.com/office/drawing/2014/main" id="{19391B98-5356-180C-E7FB-2405FE0CC533}"/>
                  </a:ext>
                </a:extLst>
              </p:cNvPr>
              <p:cNvGraphicFramePr>
                <a:graphicFrameLocks noChangeAspect="1"/>
              </p:cNvGraphicFramePr>
              <p:nvPr>
                <p:extLst>
                  <p:ext uri="{D42A27DB-BD31-4B8C-83A1-F6EECF244321}">
                    <p14:modId xmlns:p14="http://schemas.microsoft.com/office/powerpoint/2010/main" val="4169607327"/>
                  </p:ext>
                </p:extLst>
              </p:nvPr>
            </p:nvGraphicFramePr>
            <p:xfrm rot="5400000">
              <a:off x="2607451" y="3757229"/>
              <a:ext cx="463643" cy="142817"/>
            </p:xfrm>
            <a:graphic>
              <a:graphicData uri="http://schemas.microsoft.com/office/drawing/2017/model3d">
                <am3d:model3d r:embed="rId21">
                  <am3d:spPr>
                    <a:xfrm rot="5400000">
                      <a:off x="0" y="0"/>
                      <a:ext cx="463643" cy="142817"/>
                    </a:xfrm>
                    <a:prstGeom prst="rect">
                      <a:avLst/>
                    </a:prstGeom>
                  </am3d:spPr>
                  <am3d:camera>
                    <am3d:pos x="0" y="0" z="49265132"/>
                    <am3d:up dx="0" dy="36000000" dz="0"/>
                    <am3d:lookAt x="0" y="0" z="0"/>
                    <am3d:perspective fov="2700000"/>
                  </am3d:camera>
                  <am3d:trans>
                    <am3d:meterPerModelUnit n="2106943" d="1000000"/>
                    <am3d:preTrans dx="0" dy="-9860495" dz="-1482"/>
                    <am3d:scale>
                      <am3d:sx n="1000000" d="1000000"/>
                      <am3d:sy n="1000000" d="1000000"/>
                      <am3d:sz n="1000000" d="1000000"/>
                    </am3d:scale>
                    <am3d:rot/>
                    <am3d:postTrans dx="0" dy="0" dz="0"/>
                  </am3d:trans>
                  <am3d:raster rName="Office3DRenderer" rVer="16.0.8326">
                    <am3d:blip r:embed="rId26"/>
                  </am3d:raster>
                  <am3d:objViewport viewportSz="516752"/>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93" name="3D Model 92" descr="Red Straight arrow">
                <a:extLst>
                  <a:ext uri="{FF2B5EF4-FFF2-40B4-BE49-F238E27FC236}">
                    <a16:creationId xmlns:a16="http://schemas.microsoft.com/office/drawing/2014/main" id="{19391B98-5356-180C-E7FB-2405FE0CC533}"/>
                  </a:ext>
                </a:extLst>
              </p:cNvPr>
              <p:cNvPicPr>
                <a:picLocks noGrp="1" noRot="1" noChangeAspect="1" noMove="1" noResize="1" noEditPoints="1" noAdjustHandles="1" noChangeArrowheads="1" noChangeShapeType="1" noCrop="1"/>
              </p:cNvPicPr>
              <p:nvPr/>
            </p:nvPicPr>
            <p:blipFill>
              <a:blip r:embed="rId26"/>
              <a:stretch>
                <a:fillRect/>
              </a:stretch>
            </p:blipFill>
            <p:spPr>
              <a:xfrm rot="5400000">
                <a:off x="2607451" y="3757229"/>
                <a:ext cx="463643" cy="142817"/>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94" name="3D Model 93" descr="Red Curved arrow">
                <a:extLst>
                  <a:ext uri="{FF2B5EF4-FFF2-40B4-BE49-F238E27FC236}">
                    <a16:creationId xmlns:a16="http://schemas.microsoft.com/office/drawing/2014/main" id="{11AA176F-A019-C75F-B1AB-21484533B78C}"/>
                  </a:ext>
                </a:extLst>
              </p:cNvPr>
              <p:cNvGraphicFramePr>
                <a:graphicFrameLocks noChangeAspect="1"/>
              </p:cNvGraphicFramePr>
              <p:nvPr>
                <p:extLst>
                  <p:ext uri="{D42A27DB-BD31-4B8C-83A1-F6EECF244321}">
                    <p14:modId xmlns:p14="http://schemas.microsoft.com/office/powerpoint/2010/main" val="3571327592"/>
                  </p:ext>
                </p:extLst>
              </p:nvPr>
            </p:nvGraphicFramePr>
            <p:xfrm rot="1800000">
              <a:off x="547803" y="1414155"/>
              <a:ext cx="799008" cy="532672"/>
            </p:xfrm>
            <a:graphic>
              <a:graphicData uri="http://schemas.microsoft.com/office/drawing/2017/model3d">
                <am3d:model3d r:embed="rId23">
                  <am3d:spPr>
                    <a:xfrm rot="1800000">
                      <a:off x="0" y="0"/>
                      <a:ext cx="799008" cy="532672"/>
                    </a:xfrm>
                    <a:prstGeom prst="rect">
                      <a:avLst/>
                    </a:prstGeom>
                  </am3d:spPr>
                  <am3d:camera>
                    <am3d:pos x="0" y="0" z="63210469"/>
                    <am3d:up dx="0" dy="36000000" dz="0"/>
                    <am3d:lookAt x="0" y="0" z="0"/>
                    <am3d:perspective fov="2700000"/>
                  </am3d:camera>
                  <am3d:trans>
                    <am3d:meterPerModelUnit n="2483504" d="1000000"/>
                    <am3d:preTrans dx="-899407" dy="-11281883" dz="-5598506"/>
                    <am3d:scale>
                      <am3d:sx n="1000000" d="1000000"/>
                      <am3d:sy n="1000000" d="1000000"/>
                      <am3d:sz n="1000000" d="1000000"/>
                    </am3d:scale>
                    <am3d:rot ax="112242" ay="37391" az="1220"/>
                    <am3d:postTrans dx="0" dy="0" dz="0"/>
                  </am3d:trans>
                  <am3d:raster rName="Office3DRenderer" rVer="16.0.8326">
                    <am3d:blip r:embed="rId25"/>
                  </am3d:raster>
                  <am3d:objViewport viewportSz="1008272"/>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94" name="3D Model 93" descr="Red Curved arrow">
                <a:extLst>
                  <a:ext uri="{FF2B5EF4-FFF2-40B4-BE49-F238E27FC236}">
                    <a16:creationId xmlns:a16="http://schemas.microsoft.com/office/drawing/2014/main" id="{11AA176F-A019-C75F-B1AB-21484533B78C}"/>
                  </a:ext>
                </a:extLst>
              </p:cNvPr>
              <p:cNvPicPr>
                <a:picLocks noGrp="1" noRot="1" noChangeAspect="1" noMove="1" noResize="1" noEditPoints="1" noAdjustHandles="1" noChangeArrowheads="1" noChangeShapeType="1" noCrop="1"/>
              </p:cNvPicPr>
              <p:nvPr/>
            </p:nvPicPr>
            <p:blipFill>
              <a:blip r:embed="rId25"/>
              <a:stretch>
                <a:fillRect/>
              </a:stretch>
            </p:blipFill>
            <p:spPr>
              <a:xfrm rot="1800000">
                <a:off x="547803" y="1414155"/>
                <a:ext cx="799008" cy="532672"/>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102" name="3D Model 101" descr="Red Straight arrow">
                <a:extLst>
                  <a:ext uri="{FF2B5EF4-FFF2-40B4-BE49-F238E27FC236}">
                    <a16:creationId xmlns:a16="http://schemas.microsoft.com/office/drawing/2014/main" id="{4906E528-E964-CEAE-1D3B-A771390081AE}"/>
                  </a:ext>
                </a:extLst>
              </p:cNvPr>
              <p:cNvGraphicFramePr>
                <a:graphicFrameLocks noChangeAspect="1"/>
              </p:cNvGraphicFramePr>
              <p:nvPr>
                <p:extLst>
                  <p:ext uri="{D42A27DB-BD31-4B8C-83A1-F6EECF244321}">
                    <p14:modId xmlns:p14="http://schemas.microsoft.com/office/powerpoint/2010/main" val="3078946178"/>
                  </p:ext>
                </p:extLst>
              </p:nvPr>
            </p:nvGraphicFramePr>
            <p:xfrm rot="16200000">
              <a:off x="4456132" y="3219282"/>
              <a:ext cx="234454" cy="142817"/>
            </p:xfrm>
            <a:graphic>
              <a:graphicData uri="http://schemas.microsoft.com/office/drawing/2017/model3d">
                <am3d:model3d r:embed="rId21">
                  <am3d:spPr>
                    <a:xfrm rot="16200000">
                      <a:off x="0" y="0"/>
                      <a:ext cx="234454" cy="142817"/>
                    </a:xfrm>
                    <a:prstGeom prst="rect">
                      <a:avLst/>
                    </a:prstGeom>
                  </am3d:spPr>
                  <am3d:camera>
                    <am3d:pos x="0" y="0" z="49265132"/>
                    <am3d:up dx="0" dy="36000000" dz="0"/>
                    <am3d:lookAt x="0" y="0" z="0"/>
                    <am3d:perspective fov="2700000"/>
                  </am3d:camera>
                  <am3d:trans>
                    <am3d:meterPerModelUnit n="2106943" d="1000000"/>
                    <am3d:preTrans dx="0" dy="-9860495" dz="-1482"/>
                    <am3d:scale>
                      <am3d:sx n="1000000" d="1000000"/>
                      <am3d:sy n="1000000" d="1000000"/>
                      <am3d:sz n="1000000" d="1000000"/>
                    </am3d:scale>
                    <am3d:rot/>
                    <am3d:postTrans dx="0" dy="0" dz="0"/>
                  </am3d:trans>
                  <am3d:raster rName="Office3DRenderer" rVer="16.0.8326">
                    <am3d:blip r:embed="rId27"/>
                  </am3d:raster>
                  <am3d:objViewport viewportSz="261311"/>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102" name="3D Model 101" descr="Red Straight arrow">
                <a:extLst>
                  <a:ext uri="{FF2B5EF4-FFF2-40B4-BE49-F238E27FC236}">
                    <a16:creationId xmlns:a16="http://schemas.microsoft.com/office/drawing/2014/main" id="{4906E528-E964-CEAE-1D3B-A771390081AE}"/>
                  </a:ext>
                </a:extLst>
              </p:cNvPr>
              <p:cNvPicPr>
                <a:picLocks noGrp="1" noRot="1" noChangeAspect="1" noMove="1" noResize="1" noEditPoints="1" noAdjustHandles="1" noChangeArrowheads="1" noChangeShapeType="1" noCrop="1"/>
              </p:cNvPicPr>
              <p:nvPr/>
            </p:nvPicPr>
            <p:blipFill>
              <a:blip r:embed="rId27"/>
              <a:stretch>
                <a:fillRect/>
              </a:stretch>
            </p:blipFill>
            <p:spPr>
              <a:xfrm rot="16200000">
                <a:off x="4456132" y="3219282"/>
                <a:ext cx="234454" cy="142817"/>
              </a:xfrm>
              <a:prstGeom prst="rect">
                <a:avLst/>
              </a:prstGeom>
            </p:spPr>
          </p:pic>
        </mc:Fallback>
      </mc:AlternateContent>
      <mc:AlternateContent xmlns:mc="http://schemas.openxmlformats.org/markup-compatibility/2006">
        <mc:Choice xmlns:am3d="http://schemas.microsoft.com/office/drawing/2017/model3d" Requires="am3d">
          <p:graphicFrame>
            <p:nvGraphicFramePr>
              <p:cNvPr id="103" name="3D Model 102" descr="Red Straight arrow">
                <a:extLst>
                  <a:ext uri="{FF2B5EF4-FFF2-40B4-BE49-F238E27FC236}">
                    <a16:creationId xmlns:a16="http://schemas.microsoft.com/office/drawing/2014/main" id="{35C3590F-BD8C-430B-D441-38E2ECBF2969}"/>
                  </a:ext>
                </a:extLst>
              </p:cNvPr>
              <p:cNvGraphicFramePr>
                <a:graphicFrameLocks noChangeAspect="1"/>
              </p:cNvGraphicFramePr>
              <p:nvPr>
                <p:extLst>
                  <p:ext uri="{D42A27DB-BD31-4B8C-83A1-F6EECF244321}">
                    <p14:modId xmlns:p14="http://schemas.microsoft.com/office/powerpoint/2010/main" val="3096396056"/>
                  </p:ext>
                </p:extLst>
              </p:nvPr>
            </p:nvGraphicFramePr>
            <p:xfrm rot="5400000">
              <a:off x="4456131" y="2819999"/>
              <a:ext cx="234454" cy="142817"/>
            </p:xfrm>
            <a:graphic>
              <a:graphicData uri="http://schemas.microsoft.com/office/drawing/2017/model3d">
                <am3d:model3d r:embed="rId21">
                  <am3d:spPr>
                    <a:xfrm rot="5400000">
                      <a:off x="0" y="0"/>
                      <a:ext cx="234454" cy="142817"/>
                    </a:xfrm>
                    <a:prstGeom prst="rect">
                      <a:avLst/>
                    </a:prstGeom>
                  </am3d:spPr>
                  <am3d:camera>
                    <am3d:pos x="0" y="0" z="49265132"/>
                    <am3d:up dx="0" dy="36000000" dz="0"/>
                    <am3d:lookAt x="0" y="0" z="0"/>
                    <am3d:perspective fov="2700000"/>
                  </am3d:camera>
                  <am3d:trans>
                    <am3d:meterPerModelUnit n="2106943" d="1000000"/>
                    <am3d:preTrans dx="0" dy="-9860495" dz="-1482"/>
                    <am3d:scale>
                      <am3d:sx n="1000000" d="1000000"/>
                      <am3d:sy n="1000000" d="1000000"/>
                      <am3d:sz n="1000000" d="1000000"/>
                    </am3d:scale>
                    <am3d:rot/>
                    <am3d:postTrans dx="0" dy="0" dz="0"/>
                  </am3d:trans>
                  <am3d:raster rName="Office3DRenderer" rVer="16.0.8326">
                    <am3d:blip r:embed="rId27"/>
                  </am3d:raster>
                  <am3d:objViewport viewportSz="261311"/>
                  <am3d:ambientLight>
                    <am3d:clr>
                      <a:scrgbClr r="50000" g="50000" b="50000"/>
                    </am3d:clr>
                    <am3d:illuminance n="500000" d="1000000"/>
                  </am3d:ambientLight>
                  <am3d:ptLight rad="0">
                    <am3d:clr>
                      <a:scrgbClr r="100000" g="75000" b="50000"/>
                    </am3d:clr>
                    <am3d:intensity n="9765625" d="1000000"/>
                    <am3d:pos x="21959998" y="70920001" z="16344003"/>
                  </am3d:ptLight>
                  <am3d:ptLight rad="0">
                    <am3d:clr>
                      <a:scrgbClr r="40000" g="60000" b="95000"/>
                    </am3d:clr>
                    <am3d:intensity n="12250000" d="1000000"/>
                    <am3d:pos x="-37964106" y="51130435" z="57631972"/>
                  </am3d:ptLight>
                  <am3d:ptLight rad="0">
                    <am3d:clr>
                      <a:scrgbClr r="86837" g="72700" b="100000"/>
                    </am3d:clr>
                    <am3d:intensity n="3125000" d="1000000"/>
                    <am3d:pos x="-37739122" y="58056624" z="-34769649"/>
                  </am3d:ptLight>
                </am3d:model3d>
              </a:graphicData>
            </a:graphic>
          </p:graphicFrame>
        </mc:Choice>
        <mc:Fallback>
          <p:pic>
            <p:nvPicPr>
              <p:cNvPr id="103" name="3D Model 102" descr="Red Straight arrow">
                <a:extLst>
                  <a:ext uri="{FF2B5EF4-FFF2-40B4-BE49-F238E27FC236}">
                    <a16:creationId xmlns:a16="http://schemas.microsoft.com/office/drawing/2014/main" id="{35C3590F-BD8C-430B-D441-38E2ECBF2969}"/>
                  </a:ext>
                </a:extLst>
              </p:cNvPr>
              <p:cNvPicPr>
                <a:picLocks noGrp="1" noRot="1" noChangeAspect="1" noMove="1" noResize="1" noEditPoints="1" noAdjustHandles="1" noChangeArrowheads="1" noChangeShapeType="1" noCrop="1"/>
              </p:cNvPicPr>
              <p:nvPr/>
            </p:nvPicPr>
            <p:blipFill>
              <a:blip r:embed="rId27"/>
              <a:stretch>
                <a:fillRect/>
              </a:stretch>
            </p:blipFill>
            <p:spPr>
              <a:xfrm rot="5400000">
                <a:off x="4456131" y="2819999"/>
                <a:ext cx="234454" cy="142817"/>
              </a:xfrm>
              <a:prstGeom prst="rect">
                <a:avLst/>
              </a:prstGeom>
            </p:spPr>
          </p:pic>
        </mc:Fallback>
      </mc:AlternateContent>
      <p:sp>
        <p:nvSpPr>
          <p:cNvPr id="104" name="Tijdelijke aanduiding voor inhoud 2">
            <a:extLst>
              <a:ext uri="{FF2B5EF4-FFF2-40B4-BE49-F238E27FC236}">
                <a16:creationId xmlns:a16="http://schemas.microsoft.com/office/drawing/2014/main" id="{476C7230-25E8-527A-F7AC-E0B55340067E}"/>
              </a:ext>
            </a:extLst>
          </p:cNvPr>
          <p:cNvSpPr txBox="1">
            <a:spLocks/>
          </p:cNvSpPr>
          <p:nvPr/>
        </p:nvSpPr>
        <p:spPr>
          <a:xfrm>
            <a:off x="467543" y="804050"/>
            <a:ext cx="8217242" cy="287467"/>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r>
              <a:rPr lang="en-US" sz="1600" dirty="0">
                <a:solidFill>
                  <a:schemeClr val="accent5"/>
                </a:solidFill>
              </a:rPr>
              <a:t>Moreover, ruthenium clusters with 1.8 – 3.5 nm diameter are believed to bear B5-site. </a:t>
            </a:r>
            <a:endParaRPr lang="en-GB" sz="1600" dirty="0">
              <a:solidFill>
                <a:schemeClr val="accent5"/>
              </a:solidFill>
            </a:endParaRPr>
          </a:p>
        </p:txBody>
      </p:sp>
      <p:sp>
        <p:nvSpPr>
          <p:cNvPr id="105" name="Tijdelijke aanduiding voor inhoud 2">
            <a:extLst>
              <a:ext uri="{FF2B5EF4-FFF2-40B4-BE49-F238E27FC236}">
                <a16:creationId xmlns:a16="http://schemas.microsoft.com/office/drawing/2014/main" id="{0AAB0D71-231E-B479-FF4F-BA88740C0355}"/>
              </a:ext>
            </a:extLst>
          </p:cNvPr>
          <p:cNvSpPr txBox="1">
            <a:spLocks/>
          </p:cNvSpPr>
          <p:nvPr/>
        </p:nvSpPr>
        <p:spPr>
          <a:xfrm>
            <a:off x="467544" y="4338231"/>
            <a:ext cx="8352926" cy="230740"/>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r>
              <a:rPr lang="en-US" sz="700" dirty="0">
                <a:solidFill>
                  <a:schemeClr val="accent5"/>
                </a:solidFill>
              </a:rPr>
              <a:t>[07] </a:t>
            </a:r>
            <a:r>
              <a:rPr lang="en-US" sz="700" b="1" dirty="0">
                <a:solidFill>
                  <a:schemeClr val="accent5"/>
                </a:solidFill>
              </a:rPr>
              <a:t>Kim H. et al. </a:t>
            </a:r>
            <a:r>
              <a:rPr lang="en-US" sz="700" dirty="0">
                <a:solidFill>
                  <a:schemeClr val="accent5"/>
                </a:solidFill>
              </a:rPr>
              <a:t>– Ammonia decomposition over Ru catalysts supported on alumina with different crystalline phases – Catalysis Today, v. 411–412, 2023, 113817</a:t>
            </a:r>
          </a:p>
          <a:p>
            <a:pPr algn="just"/>
            <a:r>
              <a:rPr lang="en-US" sz="700" dirty="0">
                <a:solidFill>
                  <a:schemeClr val="accent5"/>
                </a:solidFill>
              </a:rPr>
              <a:t>[08] </a:t>
            </a:r>
            <a:r>
              <a:rPr lang="en-US" sz="700" b="1" dirty="0">
                <a:solidFill>
                  <a:schemeClr val="accent5"/>
                </a:solidFill>
              </a:rPr>
              <a:t>Dahl S. et al. </a:t>
            </a:r>
            <a:r>
              <a:rPr lang="en-US" sz="700" dirty="0">
                <a:solidFill>
                  <a:schemeClr val="accent5"/>
                </a:solidFill>
              </a:rPr>
              <a:t>– </a:t>
            </a:r>
            <a:r>
              <a:rPr lang="en-US" sz="700" i="1" dirty="0">
                <a:solidFill>
                  <a:schemeClr val="accent5"/>
                </a:solidFill>
              </a:rPr>
              <a:t>Role of steps in N2 activation on Ru(0001) </a:t>
            </a:r>
            <a:r>
              <a:rPr lang="en-US" sz="700" dirty="0">
                <a:solidFill>
                  <a:schemeClr val="accent5"/>
                </a:solidFill>
              </a:rPr>
              <a:t>– Physical Review Letters, v. 83 (1999)</a:t>
            </a:r>
          </a:p>
          <a:p>
            <a:pPr algn="just"/>
            <a:endParaRPr lang="en-US" sz="700" dirty="0">
              <a:solidFill>
                <a:schemeClr val="accent5"/>
              </a:solidFill>
            </a:endParaRPr>
          </a:p>
        </p:txBody>
      </p:sp>
    </p:spTree>
    <p:extLst>
      <p:ext uri="{BB962C8B-B14F-4D97-AF65-F5344CB8AC3E}">
        <p14:creationId xmlns:p14="http://schemas.microsoft.com/office/powerpoint/2010/main" val="3908844319"/>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104"/>
                                        </p:tgtEl>
                                        <p:attrNameLst>
                                          <p:attrName>style.visibility</p:attrName>
                                        </p:attrNameLst>
                                      </p:cBhvr>
                                      <p:to>
                                        <p:strVal val="visible"/>
                                      </p:to>
                                    </p:set>
                                    <p:animEffect transition="in" filter="fade">
                                      <p:cBhvr>
                                        <p:cTn id="7" dur="1000"/>
                                        <p:tgtEl>
                                          <p:spTgt spid="104"/>
                                        </p:tgtEl>
                                      </p:cBhvr>
                                    </p:animEffect>
                                  </p:childTnLst>
                                </p:cTn>
                              </p:par>
                            </p:childTnLst>
                          </p:cTn>
                        </p:par>
                        <p:par>
                          <p:cTn id="8" fill="hold">
                            <p:stCondLst>
                              <p:cond delay="1000"/>
                            </p:stCondLst>
                            <p:childTnLst>
                              <p:par>
                                <p:cTn id="9" presetID="10" presetClass="entr" presetSubtype="0" fill="hold" nodeType="afterEffect">
                                  <p:stCondLst>
                                    <p:cond delay="0"/>
                                  </p:stCondLst>
                                  <p:childTnLst>
                                    <p:set>
                                      <p:cBhvr>
                                        <p:cTn id="10" dur="1" fill="hold">
                                          <p:stCondLst>
                                            <p:cond delay="0"/>
                                          </p:stCondLst>
                                        </p:cTn>
                                        <p:tgtEl>
                                          <p:spTgt spid="95"/>
                                        </p:tgtEl>
                                        <p:attrNameLst>
                                          <p:attrName>style.visibility</p:attrName>
                                        </p:attrNameLst>
                                      </p:cBhvr>
                                      <p:to>
                                        <p:strVal val="visible"/>
                                      </p:to>
                                    </p:set>
                                    <p:animEffect transition="in" filter="fade">
                                      <p:cBhvr>
                                        <p:cTn id="11" dur="1000"/>
                                        <p:tgtEl>
                                          <p:spTgt spid="95"/>
                                        </p:tgtEl>
                                      </p:cBhvr>
                                    </p:animEffect>
                                  </p:childTnLst>
                                </p:cTn>
                              </p:par>
                            </p:childTnLst>
                          </p:cTn>
                        </p:par>
                        <p:par>
                          <p:cTn id="12" fill="hold">
                            <p:stCondLst>
                              <p:cond delay="2000"/>
                            </p:stCondLst>
                            <p:childTnLst>
                              <p:par>
                                <p:cTn id="13" presetID="10" presetClass="entr" presetSubtype="0" fill="hold" nodeType="afterEffect">
                                  <p:stCondLst>
                                    <p:cond delay="0"/>
                                  </p:stCondLst>
                                  <p:childTnLst>
                                    <p:set>
                                      <p:cBhvr>
                                        <p:cTn id="14" dur="1" fill="hold">
                                          <p:stCondLst>
                                            <p:cond delay="0"/>
                                          </p:stCondLst>
                                        </p:cTn>
                                        <p:tgtEl>
                                          <p:spTgt spid="61"/>
                                        </p:tgtEl>
                                        <p:attrNameLst>
                                          <p:attrName>style.visibility</p:attrName>
                                        </p:attrNameLst>
                                      </p:cBhvr>
                                      <p:to>
                                        <p:strVal val="visible"/>
                                      </p:to>
                                    </p:set>
                                    <p:animEffect transition="in" filter="fade">
                                      <p:cBhvr>
                                        <p:cTn id="15" dur="1000"/>
                                        <p:tgtEl>
                                          <p:spTgt spid="61"/>
                                        </p:tgtEl>
                                      </p:cBhvr>
                                    </p:animEffect>
                                  </p:childTnLst>
                                </p:cTn>
                              </p:par>
                              <p:par>
                                <p:cTn id="16" presetID="10" presetClass="entr" presetSubtype="0" fill="hold" nodeType="withEffect">
                                  <p:stCondLst>
                                    <p:cond delay="0"/>
                                  </p:stCondLst>
                                  <p:childTnLst>
                                    <p:set>
                                      <p:cBhvr>
                                        <p:cTn id="17" dur="1" fill="hold">
                                          <p:stCondLst>
                                            <p:cond delay="0"/>
                                          </p:stCondLst>
                                        </p:cTn>
                                        <p:tgtEl>
                                          <p:spTgt spid="66"/>
                                        </p:tgtEl>
                                        <p:attrNameLst>
                                          <p:attrName>style.visibility</p:attrName>
                                        </p:attrNameLst>
                                      </p:cBhvr>
                                      <p:to>
                                        <p:strVal val="visible"/>
                                      </p:to>
                                    </p:set>
                                    <p:animEffect transition="in" filter="fade">
                                      <p:cBhvr>
                                        <p:cTn id="18" dur="1000"/>
                                        <p:tgtEl>
                                          <p:spTgt spid="66"/>
                                        </p:tgtEl>
                                      </p:cBhvr>
                                    </p:animEffect>
                                  </p:childTnLst>
                                </p:cTn>
                              </p:par>
                            </p:childTnLst>
                          </p:cTn>
                        </p:par>
                        <p:par>
                          <p:cTn id="19" fill="hold">
                            <p:stCondLst>
                              <p:cond delay="3000"/>
                            </p:stCondLst>
                            <p:childTnLst>
                              <p:par>
                                <p:cTn id="20" presetID="60" presetClass="entr" presetSubtype="128" fill="hold" nodeType="afterEffect">
                                  <p:stCondLst>
                                    <p:cond delay="0"/>
                                  </p:stCondLst>
                                  <p:childTnLst>
                                    <p:set>
                                      <p:cBhvr>
                                        <p:cTn id="21" dur="1" fill="hold">
                                          <p:stCondLst>
                                            <p:cond delay="0"/>
                                          </p:stCondLst>
                                        </p:cTn>
                                        <p:tgtEl>
                                          <p:spTgt spid="92"/>
                                        </p:tgtEl>
                                        <p:attrNameLst>
                                          <p:attrName>style.visibility</p:attrName>
                                        </p:attrNameLst>
                                      </p:cBhvr>
                                      <p:to>
                                        <p:strVal val="visible"/>
                                      </p:to>
                                    </p:set>
                                    <p:animEffect transition="in" filter="fade">
                                      <p:cBhvr>
                                        <p:cTn id="22" dur="1000"/>
                                        <p:tgtEl>
                                          <p:spTgt spid="92"/>
                                        </p:tgtEl>
                                      </p:cBhvr>
                                    </p:animEffect>
                                    <p:anim calcmode="lin" valueType="num">
                                      <p:cBhvr additive="sum">
                                        <p:cTn id="23" dur="1000" fill="hold"/>
                                        <p:tgtEl>
                                          <p:spTgt spid="92"/>
                                        </p:tgtEl>
                                        <p:attrNameLst>
                                          <p:attrName>3d.view.rotation.y</p:attrName>
                                        </p:attrNameLst>
                                      </p:cBhvr>
                                      <p:tavLst>
                                        <p:tav tm="0">
                                          <p:val>
                                            <p:fltVal val="-20"/>
                                          </p:val>
                                        </p:tav>
                                        <p:tav tm="3330">
                                          <p:val>
                                            <p:fltVal val="-19.9349"/>
                                          </p:val>
                                        </p:tav>
                                        <p:tav tm="6660">
                                          <p:val>
                                            <p:fltVal val="-19.7456"/>
                                          </p:val>
                                        </p:tav>
                                        <p:tav tm="9990">
                                          <p:val>
                                            <p:fltVal val="-19.441"/>
                                          </p:val>
                                        </p:tav>
                                        <p:tav tm="13320">
                                          <p:val>
                                            <p:fltVal val="-19.0299"/>
                                          </p:val>
                                        </p:tav>
                                        <p:tav tm="16650">
                                          <p:val>
                                            <p:fltVal val="-18.5212"/>
                                          </p:val>
                                        </p:tav>
                                        <p:tav tm="19970">
                                          <p:val>
                                            <p:fltVal val="-17.9257"/>
                                          </p:val>
                                        </p:tav>
                                        <p:tav tm="23290">
                                          <p:val>
                                            <p:fltVal val="-17.2507"/>
                                          </p:val>
                                        </p:tav>
                                        <p:tav tm="26620">
                                          <p:val>
                                            <p:fltVal val="-16.5027"/>
                                          </p:val>
                                        </p:tav>
                                        <p:tav tm="29950">
                                          <p:val>
                                            <p:fltVal val="-15.6925"/>
                                          </p:val>
                                        </p:tav>
                                        <p:tav tm="33280">
                                          <p:val>
                                            <p:fltVal val="-14.829"/>
                                          </p:val>
                                        </p:tav>
                                        <p:tav tm="36610">
                                          <p:val>
                                            <p:fltVal val="-13.9209"/>
                                          </p:val>
                                        </p:tav>
                                        <p:tav tm="39940">
                                          <p:val>
                                            <p:fltVal val="-12.9772"/>
                                          </p:val>
                                        </p:tav>
                                        <p:tav tm="43270">
                                          <p:val>
                                            <p:fltVal val="-12.0068"/>
                                          </p:val>
                                        </p:tav>
                                        <p:tav tm="46600">
                                          <p:val>
                                            <p:fltVal val="-11.0184"/>
                                          </p:val>
                                        </p:tav>
                                        <p:tav tm="49930">
                                          <p:val>
                                            <p:fltVal val="-10.0209"/>
                                          </p:val>
                                        </p:tav>
                                        <p:tav tm="53250">
                                          <p:val>
                                            <p:fltVal val="-9.0263"/>
                                          </p:val>
                                        </p:tav>
                                        <p:tav tm="56580">
                                          <p:val>
                                            <p:fltVal val="-8.0373"/>
                                          </p:val>
                                        </p:tav>
                                        <p:tav tm="59900">
                                          <p:val>
                                            <p:fltVal val="-7.0688"/>
                                          </p:val>
                                        </p:tav>
                                        <p:tav tm="63220">
                                          <p:val>
                                            <p:fltVal val="-6.1264"/>
                                          </p:val>
                                        </p:tav>
                                        <p:tav tm="66540">
                                          <p:val>
                                            <p:fltVal val="-5.2189"/>
                                          </p:val>
                                        </p:tav>
                                        <p:tav tm="69870">
                                          <p:val>
                                            <p:fltVal val="-4.3528"/>
                                          </p:val>
                                        </p:tav>
                                        <p:tav tm="73190">
                                          <p:val>
                                            <p:fltVal val="-3.5418"/>
                                          </p:val>
                                        </p:tav>
                                        <p:tav tm="76510">
                                          <p:val>
                                            <p:fltVal val="-2.7922"/>
                                          </p:val>
                                        </p:tav>
                                        <p:tav tm="79830">
                                          <p:val>
                                            <p:fltVal val="-2.1127"/>
                                          </p:val>
                                        </p:tav>
                                        <p:tav tm="83160">
                                          <p:val>
                                            <p:fltVal val="-1.5104"/>
                                          </p:val>
                                        </p:tav>
                                        <p:tav tm="86480">
                                          <p:val>
                                            <p:fltVal val="-0.9978"/>
                                          </p:val>
                                        </p:tav>
                                        <p:tav tm="89800">
                                          <p:val>
                                            <p:fltVal val="-0.5817"/>
                                          </p:val>
                                        </p:tav>
                                        <p:tav tm="93120">
                                          <p:val>
                                            <p:fltVal val="-0.2709"/>
                                          </p:val>
                                        </p:tav>
                                        <p:tav tm="96450">
                                          <p:val>
                                            <p:fltVal val="-0.0738"/>
                                          </p:val>
                                        </p:tav>
                                        <p:tav tm="100000">
                                          <p:val>
                                            <p:fltVal val="0"/>
                                          </p:val>
                                        </p:tav>
                                      </p:tavLst>
                                    </p:anim>
                                    <p:anim calcmode="lin" valueType="num">
                                      <p:cBhvr additive="mult">
                                        <p:cTn id="24" dur="1000" fill="hold"/>
                                        <p:tgtEl>
                                          <p:spTgt spid="92"/>
                                        </p:tgtEl>
                                        <p:attrNameLst>
                                          <p:attrName>3d.object.scale.x</p:attrName>
                                        </p:attrNameLst>
                                      </p:cBhvr>
                                      <p:tavLst>
                                        <p:tav tm="0">
                                          <p:val>
                                            <p:fltVal val="0.8"/>
                                          </p:val>
                                        </p:tav>
                                        <p:tav tm="3330">
                                          <p:val>
                                            <p:fltVal val="0.8104"/>
                                          </p:val>
                                        </p:tav>
                                        <p:tav tm="6660">
                                          <p:val>
                                            <p:fltVal val="0.8208"/>
                                          </p:val>
                                        </p:tav>
                                        <p:tav tm="9990">
                                          <p:val>
                                            <p:fltVal val="0.8312"/>
                                          </p:val>
                                        </p:tav>
                                        <p:tav tm="13320">
                                          <p:val>
                                            <p:fltVal val="0.8415"/>
                                          </p:val>
                                        </p:tav>
                                        <p:tav tm="16650">
                                          <p:val>
                                            <p:fltVal val="0.8517"/>
                                          </p:val>
                                        </p:tav>
                                        <p:tav tm="19970">
                                          <p:val>
                                            <p:fltVal val="0.8617"/>
                                          </p:val>
                                        </p:tav>
                                        <p:tav tm="23290">
                                          <p:val>
                                            <p:fltVal val="0.8715"/>
                                          </p:val>
                                        </p:tav>
                                        <p:tav tm="26620">
                                          <p:val>
                                            <p:fltVal val="0.8812"/>
                                          </p:val>
                                        </p:tav>
                                        <p:tav tm="29950">
                                          <p:val>
                                            <p:fltVal val="0.8906"/>
                                          </p:val>
                                        </p:tav>
                                        <p:tav tm="33280">
                                          <p:val>
                                            <p:fltVal val="0.8998"/>
                                          </p:val>
                                        </p:tav>
                                        <p:tav tm="36610">
                                          <p:val>
                                            <p:fltVal val="0.9087"/>
                                          </p:val>
                                        </p:tav>
                                        <p:tav tm="39940">
                                          <p:val>
                                            <p:fltVal val="0.9174"/>
                                          </p:val>
                                        </p:tav>
                                        <p:tav tm="43270">
                                          <p:val>
                                            <p:fltVal val="0.9257"/>
                                          </p:val>
                                        </p:tav>
                                        <p:tav tm="46600">
                                          <p:val>
                                            <p:fltVal val="0.9336"/>
                                          </p:val>
                                        </p:tav>
                                        <p:tav tm="49930">
                                          <p:val>
                                            <p:fltVal val="0.9412"/>
                                          </p:val>
                                        </p:tav>
                                        <p:tav tm="53250">
                                          <p:val>
                                            <p:fltVal val="0.9484"/>
                                          </p:val>
                                        </p:tav>
                                        <p:tav tm="56580">
                                          <p:val>
                                            <p:fltVal val="0.9552"/>
                                          </p:val>
                                        </p:tav>
                                        <p:tav tm="59900">
                                          <p:val>
                                            <p:fltVal val="0.9616"/>
                                          </p:val>
                                        </p:tav>
                                        <p:tav tm="63220">
                                          <p:val>
                                            <p:fltVal val="0.9675"/>
                                          </p:val>
                                        </p:tav>
                                        <p:tav tm="66540">
                                          <p:val>
                                            <p:fltVal val="0.973"/>
                                          </p:val>
                                        </p:tav>
                                        <p:tav tm="69870">
                                          <p:val>
                                            <p:fltVal val="0.978"/>
                                          </p:val>
                                        </p:tav>
                                        <p:tav tm="73190">
                                          <p:val>
                                            <p:fltVal val="0.9825"/>
                                          </p:val>
                                        </p:tav>
                                        <p:tav tm="76510">
                                          <p:val>
                                            <p:fltVal val="0.9865"/>
                                          </p:val>
                                        </p:tav>
                                        <p:tav tm="79830">
                                          <p:val>
                                            <p:fltVal val="0.99"/>
                                          </p:val>
                                        </p:tav>
                                        <p:tav tm="83160">
                                          <p:val>
                                            <p:fltVal val="0.993"/>
                                          </p:val>
                                        </p:tav>
                                        <p:tav tm="86480">
                                          <p:val>
                                            <p:fltVal val="0.9955"/>
                                          </p:val>
                                        </p:tav>
                                        <p:tav tm="89800">
                                          <p:val>
                                            <p:fltVal val="0.9974"/>
                                          </p:val>
                                        </p:tav>
                                        <p:tav tm="93120">
                                          <p:val>
                                            <p:fltVal val="0.9988"/>
                                          </p:val>
                                        </p:tav>
                                        <p:tav tm="96450">
                                          <p:val>
                                            <p:fltVal val="0.9996"/>
                                          </p:val>
                                        </p:tav>
                                        <p:tav tm="100000">
                                          <p:val>
                                            <p:fltVal val="1"/>
                                          </p:val>
                                        </p:tav>
                                      </p:tavLst>
                                    </p:anim>
                                    <p:anim calcmode="lin" valueType="num">
                                      <p:cBhvr additive="mult">
                                        <p:cTn id="25" dur="1000" fill="hold"/>
                                        <p:tgtEl>
                                          <p:spTgt spid="92"/>
                                        </p:tgtEl>
                                        <p:attrNameLst>
                                          <p:attrName>3d.object.scale.y</p:attrName>
                                        </p:attrNameLst>
                                      </p:cBhvr>
                                      <p:tavLst>
                                        <p:tav tm="0">
                                          <p:val>
                                            <p:fltVal val="0.8"/>
                                          </p:val>
                                        </p:tav>
                                        <p:tav tm="3330">
                                          <p:val>
                                            <p:fltVal val="0.8104"/>
                                          </p:val>
                                        </p:tav>
                                        <p:tav tm="6660">
                                          <p:val>
                                            <p:fltVal val="0.8208"/>
                                          </p:val>
                                        </p:tav>
                                        <p:tav tm="9990">
                                          <p:val>
                                            <p:fltVal val="0.8312"/>
                                          </p:val>
                                        </p:tav>
                                        <p:tav tm="13320">
                                          <p:val>
                                            <p:fltVal val="0.8415"/>
                                          </p:val>
                                        </p:tav>
                                        <p:tav tm="16650">
                                          <p:val>
                                            <p:fltVal val="0.8517"/>
                                          </p:val>
                                        </p:tav>
                                        <p:tav tm="19970">
                                          <p:val>
                                            <p:fltVal val="0.8617"/>
                                          </p:val>
                                        </p:tav>
                                        <p:tav tm="23290">
                                          <p:val>
                                            <p:fltVal val="0.8715"/>
                                          </p:val>
                                        </p:tav>
                                        <p:tav tm="26620">
                                          <p:val>
                                            <p:fltVal val="0.8812"/>
                                          </p:val>
                                        </p:tav>
                                        <p:tav tm="29950">
                                          <p:val>
                                            <p:fltVal val="0.8906"/>
                                          </p:val>
                                        </p:tav>
                                        <p:tav tm="33280">
                                          <p:val>
                                            <p:fltVal val="0.8998"/>
                                          </p:val>
                                        </p:tav>
                                        <p:tav tm="36610">
                                          <p:val>
                                            <p:fltVal val="0.9087"/>
                                          </p:val>
                                        </p:tav>
                                        <p:tav tm="39940">
                                          <p:val>
                                            <p:fltVal val="0.9174"/>
                                          </p:val>
                                        </p:tav>
                                        <p:tav tm="43270">
                                          <p:val>
                                            <p:fltVal val="0.9257"/>
                                          </p:val>
                                        </p:tav>
                                        <p:tav tm="46600">
                                          <p:val>
                                            <p:fltVal val="0.9336"/>
                                          </p:val>
                                        </p:tav>
                                        <p:tav tm="49930">
                                          <p:val>
                                            <p:fltVal val="0.9412"/>
                                          </p:val>
                                        </p:tav>
                                        <p:tav tm="53250">
                                          <p:val>
                                            <p:fltVal val="0.9484"/>
                                          </p:val>
                                        </p:tav>
                                        <p:tav tm="56580">
                                          <p:val>
                                            <p:fltVal val="0.9552"/>
                                          </p:val>
                                        </p:tav>
                                        <p:tav tm="59900">
                                          <p:val>
                                            <p:fltVal val="0.9616"/>
                                          </p:val>
                                        </p:tav>
                                        <p:tav tm="63220">
                                          <p:val>
                                            <p:fltVal val="0.9675"/>
                                          </p:val>
                                        </p:tav>
                                        <p:tav tm="66540">
                                          <p:val>
                                            <p:fltVal val="0.973"/>
                                          </p:val>
                                        </p:tav>
                                        <p:tav tm="69870">
                                          <p:val>
                                            <p:fltVal val="0.978"/>
                                          </p:val>
                                        </p:tav>
                                        <p:tav tm="73190">
                                          <p:val>
                                            <p:fltVal val="0.9825"/>
                                          </p:val>
                                        </p:tav>
                                        <p:tav tm="76510">
                                          <p:val>
                                            <p:fltVal val="0.9865"/>
                                          </p:val>
                                        </p:tav>
                                        <p:tav tm="79830">
                                          <p:val>
                                            <p:fltVal val="0.99"/>
                                          </p:val>
                                        </p:tav>
                                        <p:tav tm="83160">
                                          <p:val>
                                            <p:fltVal val="0.993"/>
                                          </p:val>
                                        </p:tav>
                                        <p:tav tm="86480">
                                          <p:val>
                                            <p:fltVal val="0.9955"/>
                                          </p:val>
                                        </p:tav>
                                        <p:tav tm="89800">
                                          <p:val>
                                            <p:fltVal val="0.9974"/>
                                          </p:val>
                                        </p:tav>
                                        <p:tav tm="93120">
                                          <p:val>
                                            <p:fltVal val="0.9988"/>
                                          </p:val>
                                        </p:tav>
                                        <p:tav tm="96450">
                                          <p:val>
                                            <p:fltVal val="0.9996"/>
                                          </p:val>
                                        </p:tav>
                                        <p:tav tm="100000">
                                          <p:val>
                                            <p:fltVal val="1"/>
                                          </p:val>
                                        </p:tav>
                                      </p:tavLst>
                                    </p:anim>
                                    <p:anim calcmode="lin" valueType="num">
                                      <p:cBhvr additive="mult">
                                        <p:cTn id="26" dur="1000" fill="hold"/>
                                        <p:tgtEl>
                                          <p:spTgt spid="92"/>
                                        </p:tgtEl>
                                        <p:attrNameLst>
                                          <p:attrName>3d.object.scale.z</p:attrName>
                                        </p:attrNameLst>
                                      </p:cBhvr>
                                      <p:tavLst>
                                        <p:tav tm="0">
                                          <p:val>
                                            <p:fltVal val="0.8"/>
                                          </p:val>
                                        </p:tav>
                                        <p:tav tm="3330">
                                          <p:val>
                                            <p:fltVal val="0.8104"/>
                                          </p:val>
                                        </p:tav>
                                        <p:tav tm="6660">
                                          <p:val>
                                            <p:fltVal val="0.8208"/>
                                          </p:val>
                                        </p:tav>
                                        <p:tav tm="9990">
                                          <p:val>
                                            <p:fltVal val="0.8312"/>
                                          </p:val>
                                        </p:tav>
                                        <p:tav tm="13320">
                                          <p:val>
                                            <p:fltVal val="0.8415"/>
                                          </p:val>
                                        </p:tav>
                                        <p:tav tm="16650">
                                          <p:val>
                                            <p:fltVal val="0.8517"/>
                                          </p:val>
                                        </p:tav>
                                        <p:tav tm="19970">
                                          <p:val>
                                            <p:fltVal val="0.8617"/>
                                          </p:val>
                                        </p:tav>
                                        <p:tav tm="23290">
                                          <p:val>
                                            <p:fltVal val="0.8715"/>
                                          </p:val>
                                        </p:tav>
                                        <p:tav tm="26620">
                                          <p:val>
                                            <p:fltVal val="0.8812"/>
                                          </p:val>
                                        </p:tav>
                                        <p:tav tm="29950">
                                          <p:val>
                                            <p:fltVal val="0.8906"/>
                                          </p:val>
                                        </p:tav>
                                        <p:tav tm="33280">
                                          <p:val>
                                            <p:fltVal val="0.8998"/>
                                          </p:val>
                                        </p:tav>
                                        <p:tav tm="36610">
                                          <p:val>
                                            <p:fltVal val="0.9087"/>
                                          </p:val>
                                        </p:tav>
                                        <p:tav tm="39940">
                                          <p:val>
                                            <p:fltVal val="0.9174"/>
                                          </p:val>
                                        </p:tav>
                                        <p:tav tm="43270">
                                          <p:val>
                                            <p:fltVal val="0.9257"/>
                                          </p:val>
                                        </p:tav>
                                        <p:tav tm="46600">
                                          <p:val>
                                            <p:fltVal val="0.9336"/>
                                          </p:val>
                                        </p:tav>
                                        <p:tav tm="49930">
                                          <p:val>
                                            <p:fltVal val="0.9412"/>
                                          </p:val>
                                        </p:tav>
                                        <p:tav tm="53250">
                                          <p:val>
                                            <p:fltVal val="0.9484"/>
                                          </p:val>
                                        </p:tav>
                                        <p:tav tm="56580">
                                          <p:val>
                                            <p:fltVal val="0.9552"/>
                                          </p:val>
                                        </p:tav>
                                        <p:tav tm="59900">
                                          <p:val>
                                            <p:fltVal val="0.9616"/>
                                          </p:val>
                                        </p:tav>
                                        <p:tav tm="63220">
                                          <p:val>
                                            <p:fltVal val="0.9675"/>
                                          </p:val>
                                        </p:tav>
                                        <p:tav tm="66540">
                                          <p:val>
                                            <p:fltVal val="0.973"/>
                                          </p:val>
                                        </p:tav>
                                        <p:tav tm="69870">
                                          <p:val>
                                            <p:fltVal val="0.978"/>
                                          </p:val>
                                        </p:tav>
                                        <p:tav tm="73190">
                                          <p:val>
                                            <p:fltVal val="0.9825"/>
                                          </p:val>
                                        </p:tav>
                                        <p:tav tm="76510">
                                          <p:val>
                                            <p:fltVal val="0.9865"/>
                                          </p:val>
                                        </p:tav>
                                        <p:tav tm="79830">
                                          <p:val>
                                            <p:fltVal val="0.99"/>
                                          </p:val>
                                        </p:tav>
                                        <p:tav tm="83160">
                                          <p:val>
                                            <p:fltVal val="0.993"/>
                                          </p:val>
                                        </p:tav>
                                        <p:tav tm="86480">
                                          <p:val>
                                            <p:fltVal val="0.9955"/>
                                          </p:val>
                                        </p:tav>
                                        <p:tav tm="89800">
                                          <p:val>
                                            <p:fltVal val="0.9974"/>
                                          </p:val>
                                        </p:tav>
                                        <p:tav tm="93120">
                                          <p:val>
                                            <p:fltVal val="0.9988"/>
                                          </p:val>
                                        </p:tav>
                                        <p:tav tm="96450">
                                          <p:val>
                                            <p:fltVal val="0.9996"/>
                                          </p:val>
                                        </p:tav>
                                        <p:tav tm="100000">
                                          <p:val>
                                            <p:fltVal val="1"/>
                                          </p:val>
                                        </p:tav>
                                      </p:tavLst>
                                    </p:anim>
                                  </p:childTnLst>
                                </p:cTn>
                              </p:par>
                              <p:par>
                                <p:cTn id="27" presetID="60" presetClass="entr" presetSubtype="128" fill="hold" nodeType="withEffect">
                                  <p:stCondLst>
                                    <p:cond delay="0"/>
                                  </p:stCondLst>
                                  <p:childTnLst>
                                    <p:set>
                                      <p:cBhvr>
                                        <p:cTn id="28" dur="1" fill="hold">
                                          <p:stCondLst>
                                            <p:cond delay="0"/>
                                          </p:stCondLst>
                                        </p:cTn>
                                        <p:tgtEl>
                                          <p:spTgt spid="94"/>
                                        </p:tgtEl>
                                        <p:attrNameLst>
                                          <p:attrName>style.visibility</p:attrName>
                                        </p:attrNameLst>
                                      </p:cBhvr>
                                      <p:to>
                                        <p:strVal val="visible"/>
                                      </p:to>
                                    </p:set>
                                    <p:animEffect transition="in" filter="fade">
                                      <p:cBhvr>
                                        <p:cTn id="29" dur="1000"/>
                                        <p:tgtEl>
                                          <p:spTgt spid="94"/>
                                        </p:tgtEl>
                                      </p:cBhvr>
                                    </p:animEffect>
                                    <p:anim calcmode="lin" valueType="num">
                                      <p:cBhvr additive="sum">
                                        <p:cTn id="30" dur="1000" fill="hold"/>
                                        <p:tgtEl>
                                          <p:spTgt spid="94"/>
                                        </p:tgtEl>
                                        <p:attrNameLst>
                                          <p:attrName>3d.view.rotation.y</p:attrName>
                                        </p:attrNameLst>
                                      </p:cBhvr>
                                      <p:tavLst>
                                        <p:tav tm="0">
                                          <p:val>
                                            <p:fltVal val="-20"/>
                                          </p:val>
                                        </p:tav>
                                        <p:tav tm="3330">
                                          <p:val>
                                            <p:fltVal val="-19.9349"/>
                                          </p:val>
                                        </p:tav>
                                        <p:tav tm="6660">
                                          <p:val>
                                            <p:fltVal val="-19.7456"/>
                                          </p:val>
                                        </p:tav>
                                        <p:tav tm="9990">
                                          <p:val>
                                            <p:fltVal val="-19.441"/>
                                          </p:val>
                                        </p:tav>
                                        <p:tav tm="13320">
                                          <p:val>
                                            <p:fltVal val="-19.0299"/>
                                          </p:val>
                                        </p:tav>
                                        <p:tav tm="16650">
                                          <p:val>
                                            <p:fltVal val="-18.5212"/>
                                          </p:val>
                                        </p:tav>
                                        <p:tav tm="19970">
                                          <p:val>
                                            <p:fltVal val="-17.9257"/>
                                          </p:val>
                                        </p:tav>
                                        <p:tav tm="23290">
                                          <p:val>
                                            <p:fltVal val="-17.2507"/>
                                          </p:val>
                                        </p:tav>
                                        <p:tav tm="26620">
                                          <p:val>
                                            <p:fltVal val="-16.5027"/>
                                          </p:val>
                                        </p:tav>
                                        <p:tav tm="29950">
                                          <p:val>
                                            <p:fltVal val="-15.6925"/>
                                          </p:val>
                                        </p:tav>
                                        <p:tav tm="33280">
                                          <p:val>
                                            <p:fltVal val="-14.829"/>
                                          </p:val>
                                        </p:tav>
                                        <p:tav tm="36610">
                                          <p:val>
                                            <p:fltVal val="-13.9209"/>
                                          </p:val>
                                        </p:tav>
                                        <p:tav tm="39940">
                                          <p:val>
                                            <p:fltVal val="-12.9772"/>
                                          </p:val>
                                        </p:tav>
                                        <p:tav tm="43270">
                                          <p:val>
                                            <p:fltVal val="-12.0068"/>
                                          </p:val>
                                        </p:tav>
                                        <p:tav tm="46600">
                                          <p:val>
                                            <p:fltVal val="-11.0184"/>
                                          </p:val>
                                        </p:tav>
                                        <p:tav tm="49930">
                                          <p:val>
                                            <p:fltVal val="-10.0209"/>
                                          </p:val>
                                        </p:tav>
                                        <p:tav tm="53250">
                                          <p:val>
                                            <p:fltVal val="-9.0263"/>
                                          </p:val>
                                        </p:tav>
                                        <p:tav tm="56580">
                                          <p:val>
                                            <p:fltVal val="-8.0373"/>
                                          </p:val>
                                        </p:tav>
                                        <p:tav tm="59900">
                                          <p:val>
                                            <p:fltVal val="-7.0688"/>
                                          </p:val>
                                        </p:tav>
                                        <p:tav tm="63220">
                                          <p:val>
                                            <p:fltVal val="-6.1264"/>
                                          </p:val>
                                        </p:tav>
                                        <p:tav tm="66540">
                                          <p:val>
                                            <p:fltVal val="-5.2189"/>
                                          </p:val>
                                        </p:tav>
                                        <p:tav tm="69870">
                                          <p:val>
                                            <p:fltVal val="-4.3528"/>
                                          </p:val>
                                        </p:tav>
                                        <p:tav tm="73190">
                                          <p:val>
                                            <p:fltVal val="-3.5418"/>
                                          </p:val>
                                        </p:tav>
                                        <p:tav tm="76510">
                                          <p:val>
                                            <p:fltVal val="-2.7922"/>
                                          </p:val>
                                        </p:tav>
                                        <p:tav tm="79830">
                                          <p:val>
                                            <p:fltVal val="-2.1127"/>
                                          </p:val>
                                        </p:tav>
                                        <p:tav tm="83160">
                                          <p:val>
                                            <p:fltVal val="-1.5104"/>
                                          </p:val>
                                        </p:tav>
                                        <p:tav tm="86480">
                                          <p:val>
                                            <p:fltVal val="-0.9978"/>
                                          </p:val>
                                        </p:tav>
                                        <p:tav tm="89800">
                                          <p:val>
                                            <p:fltVal val="-0.5817"/>
                                          </p:val>
                                        </p:tav>
                                        <p:tav tm="93120">
                                          <p:val>
                                            <p:fltVal val="-0.2709"/>
                                          </p:val>
                                        </p:tav>
                                        <p:tav tm="96450">
                                          <p:val>
                                            <p:fltVal val="-0.0738"/>
                                          </p:val>
                                        </p:tav>
                                        <p:tav tm="100000">
                                          <p:val>
                                            <p:fltVal val="0"/>
                                          </p:val>
                                        </p:tav>
                                      </p:tavLst>
                                    </p:anim>
                                    <p:anim calcmode="lin" valueType="num">
                                      <p:cBhvr additive="mult">
                                        <p:cTn id="31" dur="1000" fill="hold"/>
                                        <p:tgtEl>
                                          <p:spTgt spid="94"/>
                                        </p:tgtEl>
                                        <p:attrNameLst>
                                          <p:attrName>3d.object.scale.x</p:attrName>
                                        </p:attrNameLst>
                                      </p:cBhvr>
                                      <p:tavLst>
                                        <p:tav tm="0">
                                          <p:val>
                                            <p:fltVal val="0.8"/>
                                          </p:val>
                                        </p:tav>
                                        <p:tav tm="3330">
                                          <p:val>
                                            <p:fltVal val="0.8104"/>
                                          </p:val>
                                        </p:tav>
                                        <p:tav tm="6660">
                                          <p:val>
                                            <p:fltVal val="0.8208"/>
                                          </p:val>
                                        </p:tav>
                                        <p:tav tm="9990">
                                          <p:val>
                                            <p:fltVal val="0.8312"/>
                                          </p:val>
                                        </p:tav>
                                        <p:tav tm="13320">
                                          <p:val>
                                            <p:fltVal val="0.8415"/>
                                          </p:val>
                                        </p:tav>
                                        <p:tav tm="16650">
                                          <p:val>
                                            <p:fltVal val="0.8517"/>
                                          </p:val>
                                        </p:tav>
                                        <p:tav tm="19970">
                                          <p:val>
                                            <p:fltVal val="0.8617"/>
                                          </p:val>
                                        </p:tav>
                                        <p:tav tm="23290">
                                          <p:val>
                                            <p:fltVal val="0.8715"/>
                                          </p:val>
                                        </p:tav>
                                        <p:tav tm="26620">
                                          <p:val>
                                            <p:fltVal val="0.8812"/>
                                          </p:val>
                                        </p:tav>
                                        <p:tav tm="29950">
                                          <p:val>
                                            <p:fltVal val="0.8906"/>
                                          </p:val>
                                        </p:tav>
                                        <p:tav tm="33280">
                                          <p:val>
                                            <p:fltVal val="0.8998"/>
                                          </p:val>
                                        </p:tav>
                                        <p:tav tm="36610">
                                          <p:val>
                                            <p:fltVal val="0.9087"/>
                                          </p:val>
                                        </p:tav>
                                        <p:tav tm="39940">
                                          <p:val>
                                            <p:fltVal val="0.9174"/>
                                          </p:val>
                                        </p:tav>
                                        <p:tav tm="43270">
                                          <p:val>
                                            <p:fltVal val="0.9257"/>
                                          </p:val>
                                        </p:tav>
                                        <p:tav tm="46600">
                                          <p:val>
                                            <p:fltVal val="0.9336"/>
                                          </p:val>
                                        </p:tav>
                                        <p:tav tm="49930">
                                          <p:val>
                                            <p:fltVal val="0.9412"/>
                                          </p:val>
                                        </p:tav>
                                        <p:tav tm="53250">
                                          <p:val>
                                            <p:fltVal val="0.9484"/>
                                          </p:val>
                                        </p:tav>
                                        <p:tav tm="56580">
                                          <p:val>
                                            <p:fltVal val="0.9552"/>
                                          </p:val>
                                        </p:tav>
                                        <p:tav tm="59900">
                                          <p:val>
                                            <p:fltVal val="0.9616"/>
                                          </p:val>
                                        </p:tav>
                                        <p:tav tm="63220">
                                          <p:val>
                                            <p:fltVal val="0.9675"/>
                                          </p:val>
                                        </p:tav>
                                        <p:tav tm="66540">
                                          <p:val>
                                            <p:fltVal val="0.973"/>
                                          </p:val>
                                        </p:tav>
                                        <p:tav tm="69870">
                                          <p:val>
                                            <p:fltVal val="0.978"/>
                                          </p:val>
                                        </p:tav>
                                        <p:tav tm="73190">
                                          <p:val>
                                            <p:fltVal val="0.9825"/>
                                          </p:val>
                                        </p:tav>
                                        <p:tav tm="76510">
                                          <p:val>
                                            <p:fltVal val="0.9865"/>
                                          </p:val>
                                        </p:tav>
                                        <p:tav tm="79830">
                                          <p:val>
                                            <p:fltVal val="0.99"/>
                                          </p:val>
                                        </p:tav>
                                        <p:tav tm="83160">
                                          <p:val>
                                            <p:fltVal val="0.993"/>
                                          </p:val>
                                        </p:tav>
                                        <p:tav tm="86480">
                                          <p:val>
                                            <p:fltVal val="0.9955"/>
                                          </p:val>
                                        </p:tav>
                                        <p:tav tm="89800">
                                          <p:val>
                                            <p:fltVal val="0.9974"/>
                                          </p:val>
                                        </p:tav>
                                        <p:tav tm="93120">
                                          <p:val>
                                            <p:fltVal val="0.9988"/>
                                          </p:val>
                                        </p:tav>
                                        <p:tav tm="96450">
                                          <p:val>
                                            <p:fltVal val="0.9996"/>
                                          </p:val>
                                        </p:tav>
                                        <p:tav tm="100000">
                                          <p:val>
                                            <p:fltVal val="1"/>
                                          </p:val>
                                        </p:tav>
                                      </p:tavLst>
                                    </p:anim>
                                    <p:anim calcmode="lin" valueType="num">
                                      <p:cBhvr additive="mult">
                                        <p:cTn id="32" dur="1000" fill="hold"/>
                                        <p:tgtEl>
                                          <p:spTgt spid="94"/>
                                        </p:tgtEl>
                                        <p:attrNameLst>
                                          <p:attrName>3d.object.scale.y</p:attrName>
                                        </p:attrNameLst>
                                      </p:cBhvr>
                                      <p:tavLst>
                                        <p:tav tm="0">
                                          <p:val>
                                            <p:fltVal val="0.8"/>
                                          </p:val>
                                        </p:tav>
                                        <p:tav tm="3330">
                                          <p:val>
                                            <p:fltVal val="0.8104"/>
                                          </p:val>
                                        </p:tav>
                                        <p:tav tm="6660">
                                          <p:val>
                                            <p:fltVal val="0.8208"/>
                                          </p:val>
                                        </p:tav>
                                        <p:tav tm="9990">
                                          <p:val>
                                            <p:fltVal val="0.8312"/>
                                          </p:val>
                                        </p:tav>
                                        <p:tav tm="13320">
                                          <p:val>
                                            <p:fltVal val="0.8415"/>
                                          </p:val>
                                        </p:tav>
                                        <p:tav tm="16650">
                                          <p:val>
                                            <p:fltVal val="0.8517"/>
                                          </p:val>
                                        </p:tav>
                                        <p:tav tm="19970">
                                          <p:val>
                                            <p:fltVal val="0.8617"/>
                                          </p:val>
                                        </p:tav>
                                        <p:tav tm="23290">
                                          <p:val>
                                            <p:fltVal val="0.8715"/>
                                          </p:val>
                                        </p:tav>
                                        <p:tav tm="26620">
                                          <p:val>
                                            <p:fltVal val="0.8812"/>
                                          </p:val>
                                        </p:tav>
                                        <p:tav tm="29950">
                                          <p:val>
                                            <p:fltVal val="0.8906"/>
                                          </p:val>
                                        </p:tav>
                                        <p:tav tm="33280">
                                          <p:val>
                                            <p:fltVal val="0.8998"/>
                                          </p:val>
                                        </p:tav>
                                        <p:tav tm="36610">
                                          <p:val>
                                            <p:fltVal val="0.9087"/>
                                          </p:val>
                                        </p:tav>
                                        <p:tav tm="39940">
                                          <p:val>
                                            <p:fltVal val="0.9174"/>
                                          </p:val>
                                        </p:tav>
                                        <p:tav tm="43270">
                                          <p:val>
                                            <p:fltVal val="0.9257"/>
                                          </p:val>
                                        </p:tav>
                                        <p:tav tm="46600">
                                          <p:val>
                                            <p:fltVal val="0.9336"/>
                                          </p:val>
                                        </p:tav>
                                        <p:tav tm="49930">
                                          <p:val>
                                            <p:fltVal val="0.9412"/>
                                          </p:val>
                                        </p:tav>
                                        <p:tav tm="53250">
                                          <p:val>
                                            <p:fltVal val="0.9484"/>
                                          </p:val>
                                        </p:tav>
                                        <p:tav tm="56580">
                                          <p:val>
                                            <p:fltVal val="0.9552"/>
                                          </p:val>
                                        </p:tav>
                                        <p:tav tm="59900">
                                          <p:val>
                                            <p:fltVal val="0.9616"/>
                                          </p:val>
                                        </p:tav>
                                        <p:tav tm="63220">
                                          <p:val>
                                            <p:fltVal val="0.9675"/>
                                          </p:val>
                                        </p:tav>
                                        <p:tav tm="66540">
                                          <p:val>
                                            <p:fltVal val="0.973"/>
                                          </p:val>
                                        </p:tav>
                                        <p:tav tm="69870">
                                          <p:val>
                                            <p:fltVal val="0.978"/>
                                          </p:val>
                                        </p:tav>
                                        <p:tav tm="73190">
                                          <p:val>
                                            <p:fltVal val="0.9825"/>
                                          </p:val>
                                        </p:tav>
                                        <p:tav tm="76510">
                                          <p:val>
                                            <p:fltVal val="0.9865"/>
                                          </p:val>
                                        </p:tav>
                                        <p:tav tm="79830">
                                          <p:val>
                                            <p:fltVal val="0.99"/>
                                          </p:val>
                                        </p:tav>
                                        <p:tav tm="83160">
                                          <p:val>
                                            <p:fltVal val="0.993"/>
                                          </p:val>
                                        </p:tav>
                                        <p:tav tm="86480">
                                          <p:val>
                                            <p:fltVal val="0.9955"/>
                                          </p:val>
                                        </p:tav>
                                        <p:tav tm="89800">
                                          <p:val>
                                            <p:fltVal val="0.9974"/>
                                          </p:val>
                                        </p:tav>
                                        <p:tav tm="93120">
                                          <p:val>
                                            <p:fltVal val="0.9988"/>
                                          </p:val>
                                        </p:tav>
                                        <p:tav tm="96450">
                                          <p:val>
                                            <p:fltVal val="0.9996"/>
                                          </p:val>
                                        </p:tav>
                                        <p:tav tm="100000">
                                          <p:val>
                                            <p:fltVal val="1"/>
                                          </p:val>
                                        </p:tav>
                                      </p:tavLst>
                                    </p:anim>
                                    <p:anim calcmode="lin" valueType="num">
                                      <p:cBhvr additive="mult">
                                        <p:cTn id="33" dur="1000" fill="hold"/>
                                        <p:tgtEl>
                                          <p:spTgt spid="94"/>
                                        </p:tgtEl>
                                        <p:attrNameLst>
                                          <p:attrName>3d.object.scale.z</p:attrName>
                                        </p:attrNameLst>
                                      </p:cBhvr>
                                      <p:tavLst>
                                        <p:tav tm="0">
                                          <p:val>
                                            <p:fltVal val="0.8"/>
                                          </p:val>
                                        </p:tav>
                                        <p:tav tm="3330">
                                          <p:val>
                                            <p:fltVal val="0.8104"/>
                                          </p:val>
                                        </p:tav>
                                        <p:tav tm="6660">
                                          <p:val>
                                            <p:fltVal val="0.8208"/>
                                          </p:val>
                                        </p:tav>
                                        <p:tav tm="9990">
                                          <p:val>
                                            <p:fltVal val="0.8312"/>
                                          </p:val>
                                        </p:tav>
                                        <p:tav tm="13320">
                                          <p:val>
                                            <p:fltVal val="0.8415"/>
                                          </p:val>
                                        </p:tav>
                                        <p:tav tm="16650">
                                          <p:val>
                                            <p:fltVal val="0.8517"/>
                                          </p:val>
                                        </p:tav>
                                        <p:tav tm="19970">
                                          <p:val>
                                            <p:fltVal val="0.8617"/>
                                          </p:val>
                                        </p:tav>
                                        <p:tav tm="23290">
                                          <p:val>
                                            <p:fltVal val="0.8715"/>
                                          </p:val>
                                        </p:tav>
                                        <p:tav tm="26620">
                                          <p:val>
                                            <p:fltVal val="0.8812"/>
                                          </p:val>
                                        </p:tav>
                                        <p:tav tm="29950">
                                          <p:val>
                                            <p:fltVal val="0.8906"/>
                                          </p:val>
                                        </p:tav>
                                        <p:tav tm="33280">
                                          <p:val>
                                            <p:fltVal val="0.8998"/>
                                          </p:val>
                                        </p:tav>
                                        <p:tav tm="36610">
                                          <p:val>
                                            <p:fltVal val="0.9087"/>
                                          </p:val>
                                        </p:tav>
                                        <p:tav tm="39940">
                                          <p:val>
                                            <p:fltVal val="0.9174"/>
                                          </p:val>
                                        </p:tav>
                                        <p:tav tm="43270">
                                          <p:val>
                                            <p:fltVal val="0.9257"/>
                                          </p:val>
                                        </p:tav>
                                        <p:tav tm="46600">
                                          <p:val>
                                            <p:fltVal val="0.9336"/>
                                          </p:val>
                                        </p:tav>
                                        <p:tav tm="49930">
                                          <p:val>
                                            <p:fltVal val="0.9412"/>
                                          </p:val>
                                        </p:tav>
                                        <p:tav tm="53250">
                                          <p:val>
                                            <p:fltVal val="0.9484"/>
                                          </p:val>
                                        </p:tav>
                                        <p:tav tm="56580">
                                          <p:val>
                                            <p:fltVal val="0.9552"/>
                                          </p:val>
                                        </p:tav>
                                        <p:tav tm="59900">
                                          <p:val>
                                            <p:fltVal val="0.9616"/>
                                          </p:val>
                                        </p:tav>
                                        <p:tav tm="63220">
                                          <p:val>
                                            <p:fltVal val="0.9675"/>
                                          </p:val>
                                        </p:tav>
                                        <p:tav tm="66540">
                                          <p:val>
                                            <p:fltVal val="0.973"/>
                                          </p:val>
                                        </p:tav>
                                        <p:tav tm="69870">
                                          <p:val>
                                            <p:fltVal val="0.978"/>
                                          </p:val>
                                        </p:tav>
                                        <p:tav tm="73190">
                                          <p:val>
                                            <p:fltVal val="0.9825"/>
                                          </p:val>
                                        </p:tav>
                                        <p:tav tm="76510">
                                          <p:val>
                                            <p:fltVal val="0.9865"/>
                                          </p:val>
                                        </p:tav>
                                        <p:tav tm="79830">
                                          <p:val>
                                            <p:fltVal val="0.99"/>
                                          </p:val>
                                        </p:tav>
                                        <p:tav tm="83160">
                                          <p:val>
                                            <p:fltVal val="0.993"/>
                                          </p:val>
                                        </p:tav>
                                        <p:tav tm="86480">
                                          <p:val>
                                            <p:fltVal val="0.9955"/>
                                          </p:val>
                                        </p:tav>
                                        <p:tav tm="89800">
                                          <p:val>
                                            <p:fltVal val="0.9974"/>
                                          </p:val>
                                        </p:tav>
                                        <p:tav tm="93120">
                                          <p:val>
                                            <p:fltVal val="0.9988"/>
                                          </p:val>
                                        </p:tav>
                                        <p:tav tm="96450">
                                          <p:val>
                                            <p:fltVal val="0.9996"/>
                                          </p:val>
                                        </p:tav>
                                        <p:tav tm="100000">
                                          <p:val>
                                            <p:fltVal val="1"/>
                                          </p:val>
                                        </p:tav>
                                      </p:tavLst>
                                    </p:anim>
                                  </p:childTnLst>
                                </p:cTn>
                              </p:par>
                            </p:childTnLst>
                          </p:cTn>
                        </p:par>
                        <p:par>
                          <p:cTn id="34" fill="hold">
                            <p:stCondLst>
                              <p:cond delay="4000"/>
                            </p:stCondLst>
                            <p:childTnLst>
                              <p:par>
                                <p:cTn id="35" presetID="10" presetClass="entr" presetSubtype="0" fill="hold" nodeType="afterEffect">
                                  <p:stCondLst>
                                    <p:cond delay="1000"/>
                                  </p:stCondLst>
                                  <p:childTnLst>
                                    <p:set>
                                      <p:cBhvr>
                                        <p:cTn id="36" dur="1" fill="hold">
                                          <p:stCondLst>
                                            <p:cond delay="0"/>
                                          </p:stCondLst>
                                        </p:cTn>
                                        <p:tgtEl>
                                          <p:spTgt spid="96"/>
                                        </p:tgtEl>
                                        <p:attrNameLst>
                                          <p:attrName>style.visibility</p:attrName>
                                        </p:attrNameLst>
                                      </p:cBhvr>
                                      <p:to>
                                        <p:strVal val="visible"/>
                                      </p:to>
                                    </p:set>
                                    <p:animEffect transition="in" filter="fade">
                                      <p:cBhvr>
                                        <p:cTn id="37" dur="1000"/>
                                        <p:tgtEl>
                                          <p:spTgt spid="96"/>
                                        </p:tgtEl>
                                      </p:cBhvr>
                                    </p:animEffect>
                                  </p:childTnLst>
                                </p:cTn>
                              </p:par>
                              <p:par>
                                <p:cTn id="38" presetID="10" presetClass="entr" presetSubtype="0" fill="hold" nodeType="withEffect">
                                  <p:stCondLst>
                                    <p:cond delay="1000"/>
                                  </p:stCondLst>
                                  <p:childTnLst>
                                    <p:set>
                                      <p:cBhvr>
                                        <p:cTn id="39" dur="1" fill="hold">
                                          <p:stCondLst>
                                            <p:cond delay="0"/>
                                          </p:stCondLst>
                                        </p:cTn>
                                        <p:tgtEl>
                                          <p:spTgt spid="11"/>
                                        </p:tgtEl>
                                        <p:attrNameLst>
                                          <p:attrName>style.visibility</p:attrName>
                                        </p:attrNameLst>
                                      </p:cBhvr>
                                      <p:to>
                                        <p:strVal val="visible"/>
                                      </p:to>
                                    </p:set>
                                    <p:animEffect transition="in" filter="fade">
                                      <p:cBhvr>
                                        <p:cTn id="40" dur="1000"/>
                                        <p:tgtEl>
                                          <p:spTgt spid="11"/>
                                        </p:tgtEl>
                                      </p:cBhvr>
                                    </p:animEffect>
                                  </p:childTnLst>
                                </p:cTn>
                              </p:par>
                            </p:childTnLst>
                          </p:cTn>
                        </p:par>
                        <p:par>
                          <p:cTn id="41" fill="hold">
                            <p:stCondLst>
                              <p:cond delay="6000"/>
                            </p:stCondLst>
                            <p:childTnLst>
                              <p:par>
                                <p:cTn id="42" presetID="22" presetClass="entr" presetSubtype="1" fill="hold" nodeType="afterEffect">
                                  <p:stCondLst>
                                    <p:cond delay="0"/>
                                  </p:stCondLst>
                                  <p:childTnLst>
                                    <p:set>
                                      <p:cBhvr>
                                        <p:cTn id="43" dur="1" fill="hold">
                                          <p:stCondLst>
                                            <p:cond delay="0"/>
                                          </p:stCondLst>
                                        </p:cTn>
                                        <p:tgtEl>
                                          <p:spTgt spid="93"/>
                                        </p:tgtEl>
                                        <p:attrNameLst>
                                          <p:attrName>style.visibility</p:attrName>
                                        </p:attrNameLst>
                                      </p:cBhvr>
                                      <p:to>
                                        <p:strVal val="visible"/>
                                      </p:to>
                                    </p:set>
                                    <p:animEffect transition="in" filter="wipe(up)">
                                      <p:cBhvr>
                                        <p:cTn id="44" dur="1000"/>
                                        <p:tgtEl>
                                          <p:spTgt spid="93"/>
                                        </p:tgtEl>
                                      </p:cBhvr>
                                    </p:animEffect>
                                  </p:childTnLst>
                                </p:cTn>
                              </p:par>
                              <p:par>
                                <p:cTn id="45" presetID="22" presetClass="entr" presetSubtype="4" fill="hold" nodeType="withEffect">
                                  <p:stCondLst>
                                    <p:cond delay="0"/>
                                  </p:stCondLst>
                                  <p:childTnLst>
                                    <p:set>
                                      <p:cBhvr>
                                        <p:cTn id="46" dur="1" fill="hold">
                                          <p:stCondLst>
                                            <p:cond delay="0"/>
                                          </p:stCondLst>
                                        </p:cTn>
                                        <p:tgtEl>
                                          <p:spTgt spid="82"/>
                                        </p:tgtEl>
                                        <p:attrNameLst>
                                          <p:attrName>style.visibility</p:attrName>
                                        </p:attrNameLst>
                                      </p:cBhvr>
                                      <p:to>
                                        <p:strVal val="visible"/>
                                      </p:to>
                                    </p:set>
                                    <p:animEffect transition="in" filter="wipe(down)">
                                      <p:cBhvr>
                                        <p:cTn id="47" dur="1000"/>
                                        <p:tgtEl>
                                          <p:spTgt spid="82"/>
                                        </p:tgtEl>
                                      </p:cBhvr>
                                    </p:animEffect>
                                  </p:childTnLst>
                                </p:cTn>
                              </p:par>
                            </p:childTnLst>
                          </p:cTn>
                        </p:par>
                        <p:par>
                          <p:cTn id="48" fill="hold">
                            <p:stCondLst>
                              <p:cond delay="7000"/>
                            </p:stCondLst>
                            <p:childTnLst>
                              <p:par>
                                <p:cTn id="49" presetID="22" presetClass="entr" presetSubtype="1" fill="hold" nodeType="afterEffect">
                                  <p:stCondLst>
                                    <p:cond delay="0"/>
                                  </p:stCondLst>
                                  <p:childTnLst>
                                    <p:set>
                                      <p:cBhvr>
                                        <p:cTn id="50" dur="1" fill="hold">
                                          <p:stCondLst>
                                            <p:cond delay="0"/>
                                          </p:stCondLst>
                                        </p:cTn>
                                        <p:tgtEl>
                                          <p:spTgt spid="88"/>
                                        </p:tgtEl>
                                        <p:attrNameLst>
                                          <p:attrName>style.visibility</p:attrName>
                                        </p:attrNameLst>
                                      </p:cBhvr>
                                      <p:to>
                                        <p:strVal val="visible"/>
                                      </p:to>
                                    </p:set>
                                    <p:animEffect transition="in" filter="wipe(up)">
                                      <p:cBhvr>
                                        <p:cTn id="51" dur="1000"/>
                                        <p:tgtEl>
                                          <p:spTgt spid="88"/>
                                        </p:tgtEl>
                                      </p:cBhvr>
                                    </p:animEffect>
                                  </p:childTnLst>
                                </p:cTn>
                              </p:par>
                              <p:par>
                                <p:cTn id="52" presetID="22" presetClass="entr" presetSubtype="4" fill="hold" nodeType="withEffect">
                                  <p:stCondLst>
                                    <p:cond delay="0"/>
                                  </p:stCondLst>
                                  <p:childTnLst>
                                    <p:set>
                                      <p:cBhvr>
                                        <p:cTn id="53" dur="1" fill="hold">
                                          <p:stCondLst>
                                            <p:cond delay="0"/>
                                          </p:stCondLst>
                                        </p:cTn>
                                        <p:tgtEl>
                                          <p:spTgt spid="84"/>
                                        </p:tgtEl>
                                        <p:attrNameLst>
                                          <p:attrName>style.visibility</p:attrName>
                                        </p:attrNameLst>
                                      </p:cBhvr>
                                      <p:to>
                                        <p:strVal val="visible"/>
                                      </p:to>
                                    </p:set>
                                    <p:animEffect transition="in" filter="wipe(down)">
                                      <p:cBhvr>
                                        <p:cTn id="54" dur="1000"/>
                                        <p:tgtEl>
                                          <p:spTgt spid="84"/>
                                        </p:tgtEl>
                                      </p:cBhvr>
                                    </p:animEffect>
                                  </p:childTnLst>
                                </p:cTn>
                              </p:par>
                            </p:childTnLst>
                          </p:cTn>
                        </p:par>
                        <p:par>
                          <p:cTn id="55" fill="hold">
                            <p:stCondLst>
                              <p:cond delay="8000"/>
                            </p:stCondLst>
                            <p:childTnLst>
                              <p:par>
                                <p:cTn id="56" presetID="10" presetClass="entr" presetSubtype="0" fill="hold" nodeType="afterEffect">
                                  <p:stCondLst>
                                    <p:cond delay="1000"/>
                                  </p:stCondLst>
                                  <p:childTnLst>
                                    <p:set>
                                      <p:cBhvr>
                                        <p:cTn id="57" dur="1" fill="hold">
                                          <p:stCondLst>
                                            <p:cond delay="0"/>
                                          </p:stCondLst>
                                        </p:cTn>
                                        <p:tgtEl>
                                          <p:spTgt spid="97"/>
                                        </p:tgtEl>
                                        <p:attrNameLst>
                                          <p:attrName>style.visibility</p:attrName>
                                        </p:attrNameLst>
                                      </p:cBhvr>
                                      <p:to>
                                        <p:strVal val="visible"/>
                                      </p:to>
                                    </p:set>
                                    <p:animEffect transition="in" filter="fade">
                                      <p:cBhvr>
                                        <p:cTn id="58" dur="1000"/>
                                        <p:tgtEl>
                                          <p:spTgt spid="97"/>
                                        </p:tgtEl>
                                      </p:cBhvr>
                                    </p:animEffect>
                                  </p:childTnLst>
                                </p:cTn>
                              </p:par>
                            </p:childTnLst>
                          </p:cTn>
                        </p:par>
                        <p:par>
                          <p:cTn id="59" fill="hold">
                            <p:stCondLst>
                              <p:cond delay="10000"/>
                            </p:stCondLst>
                            <p:childTnLst>
                              <p:par>
                                <p:cTn id="60" presetID="1" presetClass="entr" presetSubtype="0" fill="hold" nodeType="afterEffect">
                                  <p:stCondLst>
                                    <p:cond delay="0"/>
                                  </p:stCondLst>
                                  <p:childTnLst>
                                    <p:set>
                                      <p:cBhvr>
                                        <p:cTn id="61" dur="1" fill="hold">
                                          <p:stCondLst>
                                            <p:cond delay="0"/>
                                          </p:stCondLst>
                                        </p:cTn>
                                        <p:tgtEl>
                                          <p:spTgt spid="38"/>
                                        </p:tgtEl>
                                        <p:attrNameLst>
                                          <p:attrName>style.visibility</p:attrName>
                                        </p:attrNameLst>
                                      </p:cBhvr>
                                      <p:to>
                                        <p:strVal val="visible"/>
                                      </p:to>
                                    </p:set>
                                  </p:childTnLst>
                                </p:cTn>
                              </p:par>
                              <p:par>
                                <p:cTn id="62" presetID="1" presetClass="entr" presetSubtype="0" fill="hold" nodeType="withEffect">
                                  <p:stCondLst>
                                    <p:cond delay="0"/>
                                  </p:stCondLst>
                                  <p:childTnLst>
                                    <p:set>
                                      <p:cBhvr>
                                        <p:cTn id="63" dur="1" fill="hold">
                                          <p:stCondLst>
                                            <p:cond delay="0"/>
                                          </p:stCondLst>
                                        </p:cTn>
                                        <p:tgtEl>
                                          <p:spTgt spid="37"/>
                                        </p:tgtEl>
                                        <p:attrNameLst>
                                          <p:attrName>style.visibility</p:attrName>
                                        </p:attrNameLst>
                                      </p:cBhvr>
                                      <p:to>
                                        <p:strVal val="visible"/>
                                      </p:to>
                                    </p:set>
                                  </p:childTnLst>
                                </p:cTn>
                              </p:par>
                            </p:childTnLst>
                          </p:cTn>
                        </p:par>
                        <p:par>
                          <p:cTn id="64" fill="hold">
                            <p:stCondLst>
                              <p:cond delay="10000"/>
                            </p:stCondLst>
                            <p:childTnLst>
                              <p:par>
                                <p:cTn id="65" presetID="22" presetClass="entr" presetSubtype="4" fill="hold" nodeType="afterEffect">
                                  <p:stCondLst>
                                    <p:cond delay="500"/>
                                  </p:stCondLst>
                                  <p:childTnLst>
                                    <p:set>
                                      <p:cBhvr>
                                        <p:cTn id="66" dur="1" fill="hold">
                                          <p:stCondLst>
                                            <p:cond delay="0"/>
                                          </p:stCondLst>
                                        </p:cTn>
                                        <p:tgtEl>
                                          <p:spTgt spid="102"/>
                                        </p:tgtEl>
                                        <p:attrNameLst>
                                          <p:attrName>style.visibility</p:attrName>
                                        </p:attrNameLst>
                                      </p:cBhvr>
                                      <p:to>
                                        <p:strVal val="visible"/>
                                      </p:to>
                                    </p:set>
                                    <p:animEffect transition="in" filter="wipe(down)">
                                      <p:cBhvr>
                                        <p:cTn id="67" dur="1000"/>
                                        <p:tgtEl>
                                          <p:spTgt spid="102"/>
                                        </p:tgtEl>
                                      </p:cBhvr>
                                    </p:animEffect>
                                  </p:childTnLst>
                                </p:cTn>
                              </p:par>
                              <p:par>
                                <p:cTn id="68" presetID="22" presetClass="entr" presetSubtype="1" fill="hold" nodeType="withEffect">
                                  <p:stCondLst>
                                    <p:cond delay="500"/>
                                  </p:stCondLst>
                                  <p:childTnLst>
                                    <p:set>
                                      <p:cBhvr>
                                        <p:cTn id="69" dur="1" fill="hold">
                                          <p:stCondLst>
                                            <p:cond delay="0"/>
                                          </p:stCondLst>
                                        </p:cTn>
                                        <p:tgtEl>
                                          <p:spTgt spid="103"/>
                                        </p:tgtEl>
                                        <p:attrNameLst>
                                          <p:attrName>style.visibility</p:attrName>
                                        </p:attrNameLst>
                                      </p:cBhvr>
                                      <p:to>
                                        <p:strVal val="visible"/>
                                      </p:to>
                                    </p:set>
                                    <p:animEffect transition="in" filter="wipe(up)">
                                      <p:cBhvr>
                                        <p:cTn id="70" dur="1000"/>
                                        <p:tgtEl>
                                          <p:spTgt spid="103"/>
                                        </p:tgtEl>
                                      </p:cBhvr>
                                    </p:animEffect>
                                  </p:childTnLst>
                                </p:cTn>
                              </p:par>
                            </p:childTnLst>
                          </p:cTn>
                        </p:par>
                        <p:par>
                          <p:cTn id="71" fill="hold">
                            <p:stCondLst>
                              <p:cond delay="11500"/>
                            </p:stCondLst>
                            <p:childTnLst>
                              <p:par>
                                <p:cTn id="72" presetID="10" presetClass="entr" presetSubtype="0" fill="hold" nodeType="afterEffect">
                                  <p:stCondLst>
                                    <p:cond delay="1000"/>
                                  </p:stCondLst>
                                  <p:childTnLst>
                                    <p:set>
                                      <p:cBhvr>
                                        <p:cTn id="73" dur="1" fill="hold">
                                          <p:stCondLst>
                                            <p:cond delay="0"/>
                                          </p:stCondLst>
                                        </p:cTn>
                                        <p:tgtEl>
                                          <p:spTgt spid="98"/>
                                        </p:tgtEl>
                                        <p:attrNameLst>
                                          <p:attrName>style.visibility</p:attrName>
                                        </p:attrNameLst>
                                      </p:cBhvr>
                                      <p:to>
                                        <p:strVal val="visible"/>
                                      </p:to>
                                    </p:set>
                                    <p:animEffect transition="in" filter="fade">
                                      <p:cBhvr>
                                        <p:cTn id="74" dur="1000"/>
                                        <p:tgtEl>
                                          <p:spTgt spid="98"/>
                                        </p:tgtEl>
                                      </p:cBhvr>
                                    </p:animEffect>
                                  </p:childTnLst>
                                </p:cTn>
                              </p:par>
                              <p:par>
                                <p:cTn id="75" presetID="10" presetClass="entr" presetSubtype="0" fill="hold" nodeType="withEffect">
                                  <p:stCondLst>
                                    <p:cond delay="1000"/>
                                  </p:stCondLst>
                                  <p:childTnLst>
                                    <p:set>
                                      <p:cBhvr>
                                        <p:cTn id="76" dur="1" fill="hold">
                                          <p:stCondLst>
                                            <p:cond delay="0"/>
                                          </p:stCondLst>
                                        </p:cTn>
                                        <p:tgtEl>
                                          <p:spTgt spid="76"/>
                                        </p:tgtEl>
                                        <p:attrNameLst>
                                          <p:attrName>style.visibility</p:attrName>
                                        </p:attrNameLst>
                                      </p:cBhvr>
                                      <p:to>
                                        <p:strVal val="visible"/>
                                      </p:to>
                                    </p:set>
                                    <p:animEffect transition="in" filter="fade">
                                      <p:cBhvr>
                                        <p:cTn id="77" dur="500"/>
                                        <p:tgtEl>
                                          <p:spTgt spid="76"/>
                                        </p:tgtEl>
                                      </p:cBhvr>
                                    </p:animEffect>
                                  </p:childTnLst>
                                </p:cTn>
                              </p:par>
                            </p:childTnLst>
                          </p:cTn>
                        </p:par>
                        <p:par>
                          <p:cTn id="78" fill="hold">
                            <p:stCondLst>
                              <p:cond delay="13500"/>
                            </p:stCondLst>
                            <p:childTnLst>
                              <p:par>
                                <p:cTn id="79" presetID="10" presetClass="entr" presetSubtype="0" fill="hold" nodeType="afterEffect">
                                  <p:stCondLst>
                                    <p:cond delay="1000"/>
                                  </p:stCondLst>
                                  <p:childTnLst>
                                    <p:set>
                                      <p:cBhvr>
                                        <p:cTn id="80" dur="1" fill="hold">
                                          <p:stCondLst>
                                            <p:cond delay="0"/>
                                          </p:stCondLst>
                                        </p:cTn>
                                        <p:tgtEl>
                                          <p:spTgt spid="100"/>
                                        </p:tgtEl>
                                        <p:attrNameLst>
                                          <p:attrName>style.visibility</p:attrName>
                                        </p:attrNameLst>
                                      </p:cBhvr>
                                      <p:to>
                                        <p:strVal val="visible"/>
                                      </p:to>
                                    </p:set>
                                    <p:animEffect transition="in" filter="fade">
                                      <p:cBhvr>
                                        <p:cTn id="81" dur="1000"/>
                                        <p:tgtEl>
                                          <p:spTgt spid="100"/>
                                        </p:tgtEl>
                                      </p:cBhvr>
                                    </p:animEffect>
                                  </p:childTnLst>
                                </p:cTn>
                              </p:par>
                            </p:childTnLst>
                          </p:cTn>
                        </p:par>
                        <p:par>
                          <p:cTn id="82" fill="hold">
                            <p:stCondLst>
                              <p:cond delay="15500"/>
                            </p:stCondLst>
                            <p:childTnLst>
                              <p:par>
                                <p:cTn id="83" presetID="60" presetClass="entr" presetSubtype="128" fill="hold" nodeType="afterEffect">
                                  <p:stCondLst>
                                    <p:cond delay="0"/>
                                  </p:stCondLst>
                                  <p:childTnLst>
                                    <p:set>
                                      <p:cBhvr>
                                        <p:cTn id="84" dur="1" fill="hold">
                                          <p:stCondLst>
                                            <p:cond delay="0"/>
                                          </p:stCondLst>
                                        </p:cTn>
                                        <p:tgtEl>
                                          <p:spTgt spid="83"/>
                                        </p:tgtEl>
                                        <p:attrNameLst>
                                          <p:attrName>style.visibility</p:attrName>
                                        </p:attrNameLst>
                                      </p:cBhvr>
                                      <p:to>
                                        <p:strVal val="visible"/>
                                      </p:to>
                                    </p:set>
                                    <p:animEffect transition="in" filter="fade">
                                      <p:cBhvr>
                                        <p:cTn id="85" dur="1000"/>
                                        <p:tgtEl>
                                          <p:spTgt spid="83"/>
                                        </p:tgtEl>
                                      </p:cBhvr>
                                    </p:animEffect>
                                    <p:anim calcmode="lin" valueType="num">
                                      <p:cBhvr additive="sum">
                                        <p:cTn id="86" dur="1000" fill="hold"/>
                                        <p:tgtEl>
                                          <p:spTgt spid="83"/>
                                        </p:tgtEl>
                                        <p:attrNameLst>
                                          <p:attrName>3d.view.rotation.y</p:attrName>
                                        </p:attrNameLst>
                                      </p:cBhvr>
                                      <p:tavLst>
                                        <p:tav tm="0">
                                          <p:val>
                                            <p:fltVal val="-20"/>
                                          </p:val>
                                        </p:tav>
                                        <p:tav tm="3330">
                                          <p:val>
                                            <p:fltVal val="-19.9349"/>
                                          </p:val>
                                        </p:tav>
                                        <p:tav tm="6660">
                                          <p:val>
                                            <p:fltVal val="-19.7456"/>
                                          </p:val>
                                        </p:tav>
                                        <p:tav tm="9990">
                                          <p:val>
                                            <p:fltVal val="-19.441"/>
                                          </p:val>
                                        </p:tav>
                                        <p:tav tm="13320">
                                          <p:val>
                                            <p:fltVal val="-19.0299"/>
                                          </p:val>
                                        </p:tav>
                                        <p:tav tm="16650">
                                          <p:val>
                                            <p:fltVal val="-18.5212"/>
                                          </p:val>
                                        </p:tav>
                                        <p:tav tm="19970">
                                          <p:val>
                                            <p:fltVal val="-17.9257"/>
                                          </p:val>
                                        </p:tav>
                                        <p:tav tm="23290">
                                          <p:val>
                                            <p:fltVal val="-17.2507"/>
                                          </p:val>
                                        </p:tav>
                                        <p:tav tm="26620">
                                          <p:val>
                                            <p:fltVal val="-16.5027"/>
                                          </p:val>
                                        </p:tav>
                                        <p:tav tm="29950">
                                          <p:val>
                                            <p:fltVal val="-15.6925"/>
                                          </p:val>
                                        </p:tav>
                                        <p:tav tm="33280">
                                          <p:val>
                                            <p:fltVal val="-14.829"/>
                                          </p:val>
                                        </p:tav>
                                        <p:tav tm="36610">
                                          <p:val>
                                            <p:fltVal val="-13.9209"/>
                                          </p:val>
                                        </p:tav>
                                        <p:tav tm="39940">
                                          <p:val>
                                            <p:fltVal val="-12.9772"/>
                                          </p:val>
                                        </p:tav>
                                        <p:tav tm="43270">
                                          <p:val>
                                            <p:fltVal val="-12.0068"/>
                                          </p:val>
                                        </p:tav>
                                        <p:tav tm="46600">
                                          <p:val>
                                            <p:fltVal val="-11.0184"/>
                                          </p:val>
                                        </p:tav>
                                        <p:tav tm="49930">
                                          <p:val>
                                            <p:fltVal val="-10.0209"/>
                                          </p:val>
                                        </p:tav>
                                        <p:tav tm="53250">
                                          <p:val>
                                            <p:fltVal val="-9.0263"/>
                                          </p:val>
                                        </p:tav>
                                        <p:tav tm="56580">
                                          <p:val>
                                            <p:fltVal val="-8.0373"/>
                                          </p:val>
                                        </p:tav>
                                        <p:tav tm="59900">
                                          <p:val>
                                            <p:fltVal val="-7.0688"/>
                                          </p:val>
                                        </p:tav>
                                        <p:tav tm="63220">
                                          <p:val>
                                            <p:fltVal val="-6.1264"/>
                                          </p:val>
                                        </p:tav>
                                        <p:tav tm="66540">
                                          <p:val>
                                            <p:fltVal val="-5.2189"/>
                                          </p:val>
                                        </p:tav>
                                        <p:tav tm="69870">
                                          <p:val>
                                            <p:fltVal val="-4.3528"/>
                                          </p:val>
                                        </p:tav>
                                        <p:tav tm="73190">
                                          <p:val>
                                            <p:fltVal val="-3.5418"/>
                                          </p:val>
                                        </p:tav>
                                        <p:tav tm="76510">
                                          <p:val>
                                            <p:fltVal val="-2.7922"/>
                                          </p:val>
                                        </p:tav>
                                        <p:tav tm="79830">
                                          <p:val>
                                            <p:fltVal val="-2.1127"/>
                                          </p:val>
                                        </p:tav>
                                        <p:tav tm="83160">
                                          <p:val>
                                            <p:fltVal val="-1.5104"/>
                                          </p:val>
                                        </p:tav>
                                        <p:tav tm="86480">
                                          <p:val>
                                            <p:fltVal val="-0.9978"/>
                                          </p:val>
                                        </p:tav>
                                        <p:tav tm="89800">
                                          <p:val>
                                            <p:fltVal val="-0.5817"/>
                                          </p:val>
                                        </p:tav>
                                        <p:tav tm="93120">
                                          <p:val>
                                            <p:fltVal val="-0.2709"/>
                                          </p:val>
                                        </p:tav>
                                        <p:tav tm="96450">
                                          <p:val>
                                            <p:fltVal val="-0.0738"/>
                                          </p:val>
                                        </p:tav>
                                        <p:tav tm="100000">
                                          <p:val>
                                            <p:fltVal val="0"/>
                                          </p:val>
                                        </p:tav>
                                      </p:tavLst>
                                    </p:anim>
                                    <p:anim calcmode="lin" valueType="num">
                                      <p:cBhvr additive="mult">
                                        <p:cTn id="87" dur="1000" fill="hold"/>
                                        <p:tgtEl>
                                          <p:spTgt spid="83"/>
                                        </p:tgtEl>
                                        <p:attrNameLst>
                                          <p:attrName>3d.object.scale.x</p:attrName>
                                        </p:attrNameLst>
                                      </p:cBhvr>
                                      <p:tavLst>
                                        <p:tav tm="0">
                                          <p:val>
                                            <p:fltVal val="0.8"/>
                                          </p:val>
                                        </p:tav>
                                        <p:tav tm="3330">
                                          <p:val>
                                            <p:fltVal val="0.8104"/>
                                          </p:val>
                                        </p:tav>
                                        <p:tav tm="6660">
                                          <p:val>
                                            <p:fltVal val="0.8208"/>
                                          </p:val>
                                        </p:tav>
                                        <p:tav tm="9990">
                                          <p:val>
                                            <p:fltVal val="0.8312"/>
                                          </p:val>
                                        </p:tav>
                                        <p:tav tm="13320">
                                          <p:val>
                                            <p:fltVal val="0.8415"/>
                                          </p:val>
                                        </p:tav>
                                        <p:tav tm="16650">
                                          <p:val>
                                            <p:fltVal val="0.8517"/>
                                          </p:val>
                                        </p:tav>
                                        <p:tav tm="19970">
                                          <p:val>
                                            <p:fltVal val="0.8617"/>
                                          </p:val>
                                        </p:tav>
                                        <p:tav tm="23290">
                                          <p:val>
                                            <p:fltVal val="0.8715"/>
                                          </p:val>
                                        </p:tav>
                                        <p:tav tm="26620">
                                          <p:val>
                                            <p:fltVal val="0.8812"/>
                                          </p:val>
                                        </p:tav>
                                        <p:tav tm="29950">
                                          <p:val>
                                            <p:fltVal val="0.8906"/>
                                          </p:val>
                                        </p:tav>
                                        <p:tav tm="33280">
                                          <p:val>
                                            <p:fltVal val="0.8998"/>
                                          </p:val>
                                        </p:tav>
                                        <p:tav tm="36610">
                                          <p:val>
                                            <p:fltVal val="0.9087"/>
                                          </p:val>
                                        </p:tav>
                                        <p:tav tm="39940">
                                          <p:val>
                                            <p:fltVal val="0.9174"/>
                                          </p:val>
                                        </p:tav>
                                        <p:tav tm="43270">
                                          <p:val>
                                            <p:fltVal val="0.9257"/>
                                          </p:val>
                                        </p:tav>
                                        <p:tav tm="46600">
                                          <p:val>
                                            <p:fltVal val="0.9336"/>
                                          </p:val>
                                        </p:tav>
                                        <p:tav tm="49930">
                                          <p:val>
                                            <p:fltVal val="0.9412"/>
                                          </p:val>
                                        </p:tav>
                                        <p:tav tm="53250">
                                          <p:val>
                                            <p:fltVal val="0.9484"/>
                                          </p:val>
                                        </p:tav>
                                        <p:tav tm="56580">
                                          <p:val>
                                            <p:fltVal val="0.9552"/>
                                          </p:val>
                                        </p:tav>
                                        <p:tav tm="59900">
                                          <p:val>
                                            <p:fltVal val="0.9616"/>
                                          </p:val>
                                        </p:tav>
                                        <p:tav tm="63220">
                                          <p:val>
                                            <p:fltVal val="0.9675"/>
                                          </p:val>
                                        </p:tav>
                                        <p:tav tm="66540">
                                          <p:val>
                                            <p:fltVal val="0.973"/>
                                          </p:val>
                                        </p:tav>
                                        <p:tav tm="69870">
                                          <p:val>
                                            <p:fltVal val="0.978"/>
                                          </p:val>
                                        </p:tav>
                                        <p:tav tm="73190">
                                          <p:val>
                                            <p:fltVal val="0.9825"/>
                                          </p:val>
                                        </p:tav>
                                        <p:tav tm="76510">
                                          <p:val>
                                            <p:fltVal val="0.9865"/>
                                          </p:val>
                                        </p:tav>
                                        <p:tav tm="79830">
                                          <p:val>
                                            <p:fltVal val="0.99"/>
                                          </p:val>
                                        </p:tav>
                                        <p:tav tm="83160">
                                          <p:val>
                                            <p:fltVal val="0.993"/>
                                          </p:val>
                                        </p:tav>
                                        <p:tav tm="86480">
                                          <p:val>
                                            <p:fltVal val="0.9955"/>
                                          </p:val>
                                        </p:tav>
                                        <p:tav tm="89800">
                                          <p:val>
                                            <p:fltVal val="0.9974"/>
                                          </p:val>
                                        </p:tav>
                                        <p:tav tm="93120">
                                          <p:val>
                                            <p:fltVal val="0.9988"/>
                                          </p:val>
                                        </p:tav>
                                        <p:tav tm="96450">
                                          <p:val>
                                            <p:fltVal val="0.9996"/>
                                          </p:val>
                                        </p:tav>
                                        <p:tav tm="100000">
                                          <p:val>
                                            <p:fltVal val="1"/>
                                          </p:val>
                                        </p:tav>
                                      </p:tavLst>
                                    </p:anim>
                                    <p:anim calcmode="lin" valueType="num">
                                      <p:cBhvr additive="mult">
                                        <p:cTn id="88" dur="1000" fill="hold"/>
                                        <p:tgtEl>
                                          <p:spTgt spid="83"/>
                                        </p:tgtEl>
                                        <p:attrNameLst>
                                          <p:attrName>3d.object.scale.y</p:attrName>
                                        </p:attrNameLst>
                                      </p:cBhvr>
                                      <p:tavLst>
                                        <p:tav tm="0">
                                          <p:val>
                                            <p:fltVal val="0.8"/>
                                          </p:val>
                                        </p:tav>
                                        <p:tav tm="3330">
                                          <p:val>
                                            <p:fltVal val="0.8104"/>
                                          </p:val>
                                        </p:tav>
                                        <p:tav tm="6660">
                                          <p:val>
                                            <p:fltVal val="0.8208"/>
                                          </p:val>
                                        </p:tav>
                                        <p:tav tm="9990">
                                          <p:val>
                                            <p:fltVal val="0.8312"/>
                                          </p:val>
                                        </p:tav>
                                        <p:tav tm="13320">
                                          <p:val>
                                            <p:fltVal val="0.8415"/>
                                          </p:val>
                                        </p:tav>
                                        <p:tav tm="16650">
                                          <p:val>
                                            <p:fltVal val="0.8517"/>
                                          </p:val>
                                        </p:tav>
                                        <p:tav tm="19970">
                                          <p:val>
                                            <p:fltVal val="0.8617"/>
                                          </p:val>
                                        </p:tav>
                                        <p:tav tm="23290">
                                          <p:val>
                                            <p:fltVal val="0.8715"/>
                                          </p:val>
                                        </p:tav>
                                        <p:tav tm="26620">
                                          <p:val>
                                            <p:fltVal val="0.8812"/>
                                          </p:val>
                                        </p:tav>
                                        <p:tav tm="29950">
                                          <p:val>
                                            <p:fltVal val="0.8906"/>
                                          </p:val>
                                        </p:tav>
                                        <p:tav tm="33280">
                                          <p:val>
                                            <p:fltVal val="0.8998"/>
                                          </p:val>
                                        </p:tav>
                                        <p:tav tm="36610">
                                          <p:val>
                                            <p:fltVal val="0.9087"/>
                                          </p:val>
                                        </p:tav>
                                        <p:tav tm="39940">
                                          <p:val>
                                            <p:fltVal val="0.9174"/>
                                          </p:val>
                                        </p:tav>
                                        <p:tav tm="43270">
                                          <p:val>
                                            <p:fltVal val="0.9257"/>
                                          </p:val>
                                        </p:tav>
                                        <p:tav tm="46600">
                                          <p:val>
                                            <p:fltVal val="0.9336"/>
                                          </p:val>
                                        </p:tav>
                                        <p:tav tm="49930">
                                          <p:val>
                                            <p:fltVal val="0.9412"/>
                                          </p:val>
                                        </p:tav>
                                        <p:tav tm="53250">
                                          <p:val>
                                            <p:fltVal val="0.9484"/>
                                          </p:val>
                                        </p:tav>
                                        <p:tav tm="56580">
                                          <p:val>
                                            <p:fltVal val="0.9552"/>
                                          </p:val>
                                        </p:tav>
                                        <p:tav tm="59900">
                                          <p:val>
                                            <p:fltVal val="0.9616"/>
                                          </p:val>
                                        </p:tav>
                                        <p:tav tm="63220">
                                          <p:val>
                                            <p:fltVal val="0.9675"/>
                                          </p:val>
                                        </p:tav>
                                        <p:tav tm="66540">
                                          <p:val>
                                            <p:fltVal val="0.973"/>
                                          </p:val>
                                        </p:tav>
                                        <p:tav tm="69870">
                                          <p:val>
                                            <p:fltVal val="0.978"/>
                                          </p:val>
                                        </p:tav>
                                        <p:tav tm="73190">
                                          <p:val>
                                            <p:fltVal val="0.9825"/>
                                          </p:val>
                                        </p:tav>
                                        <p:tav tm="76510">
                                          <p:val>
                                            <p:fltVal val="0.9865"/>
                                          </p:val>
                                        </p:tav>
                                        <p:tav tm="79830">
                                          <p:val>
                                            <p:fltVal val="0.99"/>
                                          </p:val>
                                        </p:tav>
                                        <p:tav tm="83160">
                                          <p:val>
                                            <p:fltVal val="0.993"/>
                                          </p:val>
                                        </p:tav>
                                        <p:tav tm="86480">
                                          <p:val>
                                            <p:fltVal val="0.9955"/>
                                          </p:val>
                                        </p:tav>
                                        <p:tav tm="89800">
                                          <p:val>
                                            <p:fltVal val="0.9974"/>
                                          </p:val>
                                        </p:tav>
                                        <p:tav tm="93120">
                                          <p:val>
                                            <p:fltVal val="0.9988"/>
                                          </p:val>
                                        </p:tav>
                                        <p:tav tm="96450">
                                          <p:val>
                                            <p:fltVal val="0.9996"/>
                                          </p:val>
                                        </p:tav>
                                        <p:tav tm="100000">
                                          <p:val>
                                            <p:fltVal val="1"/>
                                          </p:val>
                                        </p:tav>
                                      </p:tavLst>
                                    </p:anim>
                                    <p:anim calcmode="lin" valueType="num">
                                      <p:cBhvr additive="mult">
                                        <p:cTn id="89" dur="1000" fill="hold"/>
                                        <p:tgtEl>
                                          <p:spTgt spid="83"/>
                                        </p:tgtEl>
                                        <p:attrNameLst>
                                          <p:attrName>3d.object.scale.z</p:attrName>
                                        </p:attrNameLst>
                                      </p:cBhvr>
                                      <p:tavLst>
                                        <p:tav tm="0">
                                          <p:val>
                                            <p:fltVal val="0.8"/>
                                          </p:val>
                                        </p:tav>
                                        <p:tav tm="3330">
                                          <p:val>
                                            <p:fltVal val="0.8104"/>
                                          </p:val>
                                        </p:tav>
                                        <p:tav tm="6660">
                                          <p:val>
                                            <p:fltVal val="0.8208"/>
                                          </p:val>
                                        </p:tav>
                                        <p:tav tm="9990">
                                          <p:val>
                                            <p:fltVal val="0.8312"/>
                                          </p:val>
                                        </p:tav>
                                        <p:tav tm="13320">
                                          <p:val>
                                            <p:fltVal val="0.8415"/>
                                          </p:val>
                                        </p:tav>
                                        <p:tav tm="16650">
                                          <p:val>
                                            <p:fltVal val="0.8517"/>
                                          </p:val>
                                        </p:tav>
                                        <p:tav tm="19970">
                                          <p:val>
                                            <p:fltVal val="0.8617"/>
                                          </p:val>
                                        </p:tav>
                                        <p:tav tm="23290">
                                          <p:val>
                                            <p:fltVal val="0.8715"/>
                                          </p:val>
                                        </p:tav>
                                        <p:tav tm="26620">
                                          <p:val>
                                            <p:fltVal val="0.8812"/>
                                          </p:val>
                                        </p:tav>
                                        <p:tav tm="29950">
                                          <p:val>
                                            <p:fltVal val="0.8906"/>
                                          </p:val>
                                        </p:tav>
                                        <p:tav tm="33280">
                                          <p:val>
                                            <p:fltVal val="0.8998"/>
                                          </p:val>
                                        </p:tav>
                                        <p:tav tm="36610">
                                          <p:val>
                                            <p:fltVal val="0.9087"/>
                                          </p:val>
                                        </p:tav>
                                        <p:tav tm="39940">
                                          <p:val>
                                            <p:fltVal val="0.9174"/>
                                          </p:val>
                                        </p:tav>
                                        <p:tav tm="43270">
                                          <p:val>
                                            <p:fltVal val="0.9257"/>
                                          </p:val>
                                        </p:tav>
                                        <p:tav tm="46600">
                                          <p:val>
                                            <p:fltVal val="0.9336"/>
                                          </p:val>
                                        </p:tav>
                                        <p:tav tm="49930">
                                          <p:val>
                                            <p:fltVal val="0.9412"/>
                                          </p:val>
                                        </p:tav>
                                        <p:tav tm="53250">
                                          <p:val>
                                            <p:fltVal val="0.9484"/>
                                          </p:val>
                                        </p:tav>
                                        <p:tav tm="56580">
                                          <p:val>
                                            <p:fltVal val="0.9552"/>
                                          </p:val>
                                        </p:tav>
                                        <p:tav tm="59900">
                                          <p:val>
                                            <p:fltVal val="0.9616"/>
                                          </p:val>
                                        </p:tav>
                                        <p:tav tm="63220">
                                          <p:val>
                                            <p:fltVal val="0.9675"/>
                                          </p:val>
                                        </p:tav>
                                        <p:tav tm="66540">
                                          <p:val>
                                            <p:fltVal val="0.973"/>
                                          </p:val>
                                        </p:tav>
                                        <p:tav tm="69870">
                                          <p:val>
                                            <p:fltVal val="0.978"/>
                                          </p:val>
                                        </p:tav>
                                        <p:tav tm="73190">
                                          <p:val>
                                            <p:fltVal val="0.9825"/>
                                          </p:val>
                                        </p:tav>
                                        <p:tav tm="76510">
                                          <p:val>
                                            <p:fltVal val="0.9865"/>
                                          </p:val>
                                        </p:tav>
                                        <p:tav tm="79830">
                                          <p:val>
                                            <p:fltVal val="0.99"/>
                                          </p:val>
                                        </p:tav>
                                        <p:tav tm="83160">
                                          <p:val>
                                            <p:fltVal val="0.993"/>
                                          </p:val>
                                        </p:tav>
                                        <p:tav tm="86480">
                                          <p:val>
                                            <p:fltVal val="0.9955"/>
                                          </p:val>
                                        </p:tav>
                                        <p:tav tm="89800">
                                          <p:val>
                                            <p:fltVal val="0.9974"/>
                                          </p:val>
                                        </p:tav>
                                        <p:tav tm="93120">
                                          <p:val>
                                            <p:fltVal val="0.9988"/>
                                          </p:val>
                                        </p:tav>
                                        <p:tav tm="96450">
                                          <p:val>
                                            <p:fltVal val="0.9996"/>
                                          </p:val>
                                        </p:tav>
                                        <p:tav tm="100000">
                                          <p:val>
                                            <p:fltVal val="1"/>
                                          </p:val>
                                        </p:tav>
                                      </p:tavLst>
                                    </p:anim>
                                  </p:childTnLst>
                                </p:cTn>
                              </p:par>
                            </p:childTnLst>
                          </p:cTn>
                        </p:par>
                        <p:par>
                          <p:cTn id="90" fill="hold">
                            <p:stCondLst>
                              <p:cond delay="16500"/>
                            </p:stCondLst>
                            <p:childTnLst>
                              <p:par>
                                <p:cTn id="91" presetID="22" presetClass="entr" presetSubtype="8" fill="hold" nodeType="afterEffect">
                                  <p:stCondLst>
                                    <p:cond delay="0"/>
                                  </p:stCondLst>
                                  <p:childTnLst>
                                    <p:set>
                                      <p:cBhvr>
                                        <p:cTn id="92" dur="1" fill="hold">
                                          <p:stCondLst>
                                            <p:cond delay="0"/>
                                          </p:stCondLst>
                                        </p:cTn>
                                        <p:tgtEl>
                                          <p:spTgt spid="79"/>
                                        </p:tgtEl>
                                        <p:attrNameLst>
                                          <p:attrName>style.visibility</p:attrName>
                                        </p:attrNameLst>
                                      </p:cBhvr>
                                      <p:to>
                                        <p:strVal val="visible"/>
                                      </p:to>
                                    </p:set>
                                    <p:animEffect transition="in" filter="wipe(left)">
                                      <p:cBhvr>
                                        <p:cTn id="93" dur="1000"/>
                                        <p:tgtEl>
                                          <p:spTgt spid="79"/>
                                        </p:tgtEl>
                                      </p:cBhvr>
                                    </p:animEffect>
                                  </p:childTnLst>
                                </p:cTn>
                              </p:par>
                            </p:childTnLst>
                          </p:cTn>
                        </p:par>
                        <p:par>
                          <p:cTn id="94" fill="hold">
                            <p:stCondLst>
                              <p:cond delay="17500"/>
                            </p:stCondLst>
                            <p:childTnLst>
                              <p:par>
                                <p:cTn id="95" presetID="22" presetClass="entr" presetSubtype="8" fill="hold" grpId="0" nodeType="afterEffect">
                                  <p:stCondLst>
                                    <p:cond delay="0"/>
                                  </p:stCondLst>
                                  <p:childTnLst>
                                    <p:set>
                                      <p:cBhvr>
                                        <p:cTn id="96" dur="1" fill="hold">
                                          <p:stCondLst>
                                            <p:cond delay="0"/>
                                          </p:stCondLst>
                                        </p:cTn>
                                        <p:tgtEl>
                                          <p:spTgt spid="105"/>
                                        </p:tgtEl>
                                        <p:attrNameLst>
                                          <p:attrName>style.visibility</p:attrName>
                                        </p:attrNameLst>
                                      </p:cBhvr>
                                      <p:to>
                                        <p:strVal val="visible"/>
                                      </p:to>
                                    </p:set>
                                    <p:animEffect transition="in" filter="wipe(left)">
                                      <p:cBhvr>
                                        <p:cTn id="97" dur="1000"/>
                                        <p:tgtEl>
                                          <p:spTgt spid="10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4" grpId="0"/>
      <p:bldP spid="105" grpId="0"/>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11</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atalysts for ammonia decomposition </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Catalytic formulation: Support and promotor</a:t>
            </a:r>
          </a:p>
        </p:txBody>
      </p:sp>
      <p:sp>
        <p:nvSpPr>
          <p:cNvPr id="6" name="TextBox 5">
            <a:extLst>
              <a:ext uri="{FF2B5EF4-FFF2-40B4-BE49-F238E27FC236}">
                <a16:creationId xmlns:a16="http://schemas.microsoft.com/office/drawing/2014/main" id="{4B1121DA-7E8D-72F7-F171-F835AED2BFAF}"/>
              </a:ext>
            </a:extLst>
          </p:cNvPr>
          <p:cNvSpPr txBox="1"/>
          <p:nvPr/>
        </p:nvSpPr>
        <p:spPr>
          <a:xfrm>
            <a:off x="2924175" y="1165211"/>
            <a:ext cx="5734050" cy="677439"/>
          </a:xfrm>
          <a:prstGeom prst="rect">
            <a:avLst/>
          </a:prstGeom>
        </p:spPr>
        <p:txBody>
          <a:bodyPr vert="horz" lIns="0" tIns="0" rIns="0" bIns="0" rtlCol="0">
            <a:noAutofit/>
          </a:bodyPr>
          <a:lstStyle>
            <a:defPPr>
              <a:defRPr lang="nl-NL"/>
            </a:defPPr>
            <a:lvl1pPr indent="0" algn="just">
              <a:lnSpc>
                <a:spcPct val="100000"/>
              </a:lnSpc>
              <a:spcBef>
                <a:spcPts val="0"/>
              </a:spcBef>
              <a:buFont typeface="Arial" panose="020B0604020202020204" pitchFamily="34" charset="0"/>
              <a:buNone/>
              <a:defRPr sz="1600" baseline="0">
                <a:solidFill>
                  <a:schemeClr val="accent5"/>
                </a:solidFill>
              </a:defRPr>
            </a:lvl1pPr>
            <a:lvl2pPr marL="0" indent="0">
              <a:lnSpc>
                <a:spcPct val="100000"/>
              </a:lnSpc>
              <a:spcBef>
                <a:spcPts val="0"/>
              </a:spcBef>
              <a:buFont typeface="Arial" panose="020B0604020202020204" pitchFamily="34" charset="0"/>
              <a:buNone/>
              <a:defRPr sz="1650"/>
            </a:lvl2pPr>
            <a:lvl3pPr marL="180975" indent="-180975">
              <a:lnSpc>
                <a:spcPct val="100000"/>
              </a:lnSpc>
              <a:spcBef>
                <a:spcPts val="0"/>
              </a:spcBef>
              <a:buFont typeface="Arial" panose="020B0604020202020204" pitchFamily="34" charset="0"/>
              <a:buChar char="•"/>
              <a:defRPr sz="1650"/>
            </a:lvl3pPr>
            <a:lvl4pPr marL="360000" indent="-180975">
              <a:lnSpc>
                <a:spcPct val="100000"/>
              </a:lnSpc>
              <a:spcBef>
                <a:spcPts val="0"/>
              </a:spcBef>
              <a:buFont typeface="Arial" panose="020B0604020202020204" pitchFamily="34" charset="0"/>
              <a:buChar char="•"/>
              <a:defRPr sz="1650"/>
            </a:lvl4pPr>
            <a:lvl5pPr marL="539750" indent="-177800">
              <a:lnSpc>
                <a:spcPct val="100000"/>
              </a:lnSpc>
              <a:spcBef>
                <a:spcPts val="0"/>
              </a:spcBef>
              <a:buFont typeface="Arial" panose="020B0604020202020204" pitchFamily="34" charset="0"/>
              <a:buChar char="•"/>
              <a:defRPr sz="1650"/>
            </a:lvl5pPr>
            <a:lvl6pPr marL="1885950" indent="-171450">
              <a:lnSpc>
                <a:spcPct val="90000"/>
              </a:lnSpc>
              <a:spcBef>
                <a:spcPts val="375"/>
              </a:spcBef>
              <a:buFont typeface="Arial" panose="020B0604020202020204" pitchFamily="34" charset="0"/>
              <a:buChar char="•"/>
            </a:lvl6pPr>
            <a:lvl7pPr marL="2228850" indent="-171450">
              <a:lnSpc>
                <a:spcPct val="90000"/>
              </a:lnSpc>
              <a:spcBef>
                <a:spcPts val="375"/>
              </a:spcBef>
              <a:buFont typeface="Arial" panose="020B0604020202020204" pitchFamily="34" charset="0"/>
              <a:buChar char="•"/>
            </a:lvl7pPr>
            <a:lvl8pPr marL="2571750" indent="-171450">
              <a:lnSpc>
                <a:spcPct val="90000"/>
              </a:lnSpc>
              <a:spcBef>
                <a:spcPts val="375"/>
              </a:spcBef>
              <a:buFont typeface="Arial" panose="020B0604020202020204" pitchFamily="34" charset="0"/>
              <a:buChar char="•"/>
            </a:lvl8pPr>
            <a:lvl9pPr marL="2914650" indent="-171450">
              <a:lnSpc>
                <a:spcPct val="90000"/>
              </a:lnSpc>
              <a:spcBef>
                <a:spcPts val="375"/>
              </a:spcBef>
              <a:buFont typeface="Arial" panose="020B0604020202020204" pitchFamily="34" charset="0"/>
              <a:buChar char="•"/>
            </a:lvl9pPr>
          </a:lstStyle>
          <a:p>
            <a:r>
              <a:rPr lang="en-US" b="1" dirty="0"/>
              <a:t>Ceria</a:t>
            </a:r>
            <a:r>
              <a:rPr lang="en-US" dirty="0"/>
              <a:t> enables electron donation from partially reduced cerium atoms to metallic ruthenium.</a:t>
            </a:r>
          </a:p>
          <a:p>
            <a:endParaRPr lang="en-US" dirty="0"/>
          </a:p>
        </p:txBody>
      </p:sp>
      <p:pic>
        <p:nvPicPr>
          <p:cNvPr id="8" name="Picture 7">
            <a:extLst>
              <a:ext uri="{FF2B5EF4-FFF2-40B4-BE49-F238E27FC236}">
                <a16:creationId xmlns:a16="http://schemas.microsoft.com/office/drawing/2014/main" id="{73134535-C038-CD19-C41F-4BFF9532B604}"/>
              </a:ext>
            </a:extLst>
          </p:cNvPr>
          <p:cNvPicPr>
            <a:picLocks noChangeAspect="1"/>
          </p:cNvPicPr>
          <p:nvPr/>
        </p:nvPicPr>
        <p:blipFill rotWithShape="1">
          <a:blip r:embed="rId5">
            <a:extLst>
              <a:ext uri="{BEBA8EAE-BF5A-486C-A8C5-ECC9F3942E4B}">
                <a14:imgProps xmlns:a14="http://schemas.microsoft.com/office/drawing/2010/main">
                  <a14:imgLayer r:embed="rId6">
                    <a14:imgEffect>
                      <a14:backgroundRemoval t="28177" b="82873" l="29151" r="88868">
                        <a14:foregroundMark x1="29151" y1="66114" x2="36604" y2="74033"/>
                        <a14:foregroundMark x1="29811" y1="62063" x2="33774" y2="58195"/>
                        <a14:foregroundMark x1="31509" y1="59669" x2="35283" y2="56722"/>
                        <a14:foregroundMark x1="54434" y1="79006" x2="65849" y2="78269"/>
                        <a14:foregroundMark x1="37264" y1="75138" x2="32075" y2="70902"/>
                        <a14:foregroundMark x1="58208" y1="83241" x2="56792" y2="82505"/>
                        <a14:foregroundMark x1="86887" y1="68692" x2="84245" y2="60221"/>
                        <a14:foregroundMark x1="88868" y1="66114" x2="88868" y2="66114"/>
                      </a14:backgroundRemoval>
                    </a14:imgEffect>
                  </a14:imgLayer>
                </a14:imgProps>
              </a:ext>
            </a:extLst>
          </a:blip>
          <a:srcRect l="23419" t="21695" r="6642" b="12919"/>
          <a:stretch/>
        </p:blipFill>
        <p:spPr>
          <a:xfrm>
            <a:off x="447648" y="781337"/>
            <a:ext cx="2157963" cy="1033473"/>
          </a:xfrm>
          <a:prstGeom prst="rect">
            <a:avLst/>
          </a:prstGeom>
        </p:spPr>
      </p:pic>
      <p:sp>
        <p:nvSpPr>
          <p:cNvPr id="16" name="Tijdelijke aanduiding voor inhoud 2">
            <a:extLst>
              <a:ext uri="{FF2B5EF4-FFF2-40B4-BE49-F238E27FC236}">
                <a16:creationId xmlns:a16="http://schemas.microsoft.com/office/drawing/2014/main" id="{D5A1E87A-1334-C650-FE83-195835AF1AB1}"/>
              </a:ext>
            </a:extLst>
          </p:cNvPr>
          <p:cNvSpPr txBox="1">
            <a:spLocks/>
          </p:cNvSpPr>
          <p:nvPr/>
        </p:nvSpPr>
        <p:spPr>
          <a:xfrm>
            <a:off x="467543" y="1998691"/>
            <a:ext cx="4653096" cy="598612"/>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r>
              <a:rPr lang="en-US" sz="1600" b="1" dirty="0">
                <a:solidFill>
                  <a:schemeClr val="accent5"/>
                </a:solidFill>
              </a:rPr>
              <a:t>Alkali metals </a:t>
            </a:r>
            <a:r>
              <a:rPr lang="en-US" sz="1600" dirty="0">
                <a:solidFill>
                  <a:schemeClr val="accent5"/>
                </a:solidFill>
              </a:rPr>
              <a:t>can ensure the Ru-surface reconstruction and influence the surface morphology of the catalyst. </a:t>
            </a:r>
          </a:p>
        </p:txBody>
      </p:sp>
      <p:sp>
        <p:nvSpPr>
          <p:cNvPr id="17" name="Tijdelijke aanduiding voor inhoud 2">
            <a:extLst>
              <a:ext uri="{FF2B5EF4-FFF2-40B4-BE49-F238E27FC236}">
                <a16:creationId xmlns:a16="http://schemas.microsoft.com/office/drawing/2014/main" id="{C63B017B-70A2-5BD6-78DA-A2A636438F46}"/>
              </a:ext>
            </a:extLst>
          </p:cNvPr>
          <p:cNvSpPr txBox="1">
            <a:spLocks/>
          </p:cNvSpPr>
          <p:nvPr/>
        </p:nvSpPr>
        <p:spPr>
          <a:xfrm>
            <a:off x="447648" y="2506694"/>
            <a:ext cx="4653097" cy="873668"/>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r>
              <a:rPr lang="en-US" sz="1600" dirty="0">
                <a:solidFill>
                  <a:schemeClr val="accent5"/>
                </a:solidFill>
              </a:rPr>
              <a:t>The surfaces exposed could provide new active B5-sites and, at the same time, they are more resistant to poisoning by hydrogen.</a:t>
            </a:r>
          </a:p>
        </p:txBody>
      </p:sp>
      <p:sp>
        <p:nvSpPr>
          <p:cNvPr id="9" name="Tijdelijke aanduiding voor inhoud 2">
            <a:extLst>
              <a:ext uri="{FF2B5EF4-FFF2-40B4-BE49-F238E27FC236}">
                <a16:creationId xmlns:a16="http://schemas.microsoft.com/office/drawing/2014/main" id="{CC792305-7B3E-BF8B-23F1-F18D63F28B8F}"/>
              </a:ext>
            </a:extLst>
          </p:cNvPr>
          <p:cNvSpPr txBox="1">
            <a:spLocks/>
          </p:cNvSpPr>
          <p:nvPr/>
        </p:nvSpPr>
        <p:spPr>
          <a:xfrm>
            <a:off x="447649" y="3278040"/>
            <a:ext cx="4653097" cy="575101"/>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r>
              <a:rPr lang="en-US" sz="1600" b="1" dirty="0">
                <a:solidFill>
                  <a:schemeClr val="accent5"/>
                </a:solidFill>
              </a:rPr>
              <a:t>Cesium</a:t>
            </a:r>
            <a:r>
              <a:rPr lang="en-US" sz="1600" dirty="0">
                <a:solidFill>
                  <a:schemeClr val="accent5"/>
                </a:solidFill>
              </a:rPr>
              <a:t> can promote the electron donation from metallic ruthenium to the N</a:t>
            </a:r>
            <a:r>
              <a:rPr lang="en-US" sz="1600" baseline="-25000" dirty="0">
                <a:solidFill>
                  <a:schemeClr val="accent5"/>
                </a:solidFill>
              </a:rPr>
              <a:t>2</a:t>
            </a:r>
            <a:r>
              <a:rPr lang="en-US" sz="1600" dirty="0">
                <a:solidFill>
                  <a:schemeClr val="accent5"/>
                </a:solidFill>
              </a:rPr>
              <a:t> triple bond.</a:t>
            </a:r>
          </a:p>
        </p:txBody>
      </p:sp>
      <p:grpSp>
        <p:nvGrpSpPr>
          <p:cNvPr id="10" name="Group 9">
            <a:extLst>
              <a:ext uri="{FF2B5EF4-FFF2-40B4-BE49-F238E27FC236}">
                <a16:creationId xmlns:a16="http://schemas.microsoft.com/office/drawing/2014/main" id="{AB14FCFB-5945-F543-CDB9-887DB1A034D8}"/>
              </a:ext>
            </a:extLst>
          </p:cNvPr>
          <p:cNvGrpSpPr/>
          <p:nvPr/>
        </p:nvGrpSpPr>
        <p:grpSpPr>
          <a:xfrm>
            <a:off x="5722619" y="1864827"/>
            <a:ext cx="2942607" cy="2074713"/>
            <a:chOff x="6057899" y="1735287"/>
            <a:chExt cx="2942607" cy="2074713"/>
          </a:xfrm>
        </p:grpSpPr>
        <p:pic>
          <p:nvPicPr>
            <p:cNvPr id="13" name="Picture 12">
              <a:extLst>
                <a:ext uri="{FF2B5EF4-FFF2-40B4-BE49-F238E27FC236}">
                  <a16:creationId xmlns:a16="http://schemas.microsoft.com/office/drawing/2014/main" id="{3451B1A1-9A89-AEE8-D3B0-1223C4989B1D}"/>
                </a:ext>
              </a:extLst>
            </p:cNvPr>
            <p:cNvPicPr>
              <a:picLocks noChangeAspect="1"/>
            </p:cNvPicPr>
            <p:nvPr/>
          </p:nvPicPr>
          <p:blipFill rotWithShape="1">
            <a:blip r:embed="rId7">
              <a:duotone>
                <a:schemeClr val="bg2">
                  <a:shade val="45000"/>
                  <a:satMod val="135000"/>
                </a:schemeClr>
                <a:prstClr val="white"/>
              </a:duotone>
            </a:blip>
            <a:srcRect b="5992"/>
            <a:stretch/>
          </p:blipFill>
          <p:spPr>
            <a:xfrm>
              <a:off x="6057900" y="1735287"/>
              <a:ext cx="2942606" cy="2074713"/>
            </a:xfrm>
            <a:prstGeom prst="rect">
              <a:avLst/>
            </a:prstGeom>
            <a:ln w="19050">
              <a:solidFill>
                <a:schemeClr val="accent5"/>
              </a:solidFill>
            </a:ln>
          </p:spPr>
        </p:pic>
        <p:sp>
          <p:nvSpPr>
            <p:cNvPr id="14" name="Rectangle 13">
              <a:extLst>
                <a:ext uri="{FF2B5EF4-FFF2-40B4-BE49-F238E27FC236}">
                  <a16:creationId xmlns:a16="http://schemas.microsoft.com/office/drawing/2014/main" id="{48F0F1A9-7FCC-2E92-20AB-7BC6E199BAE2}"/>
                </a:ext>
              </a:extLst>
            </p:cNvPr>
            <p:cNvSpPr/>
            <p:nvPr/>
          </p:nvSpPr>
          <p:spPr>
            <a:xfrm>
              <a:off x="6523211" y="1855054"/>
              <a:ext cx="1236997" cy="550058"/>
            </a:xfrm>
            <a:prstGeom prst="rect">
              <a:avLst/>
            </a:prstGeom>
            <a:solidFill>
              <a:schemeClr val="bg1"/>
            </a:solidFill>
            <a:ln>
              <a:noFill/>
            </a:ln>
          </p:spPr>
          <p:style>
            <a:lnRef idx="2">
              <a:schemeClr val="accent5">
                <a:shade val="50000"/>
              </a:schemeClr>
            </a:lnRef>
            <a:fillRef idx="1">
              <a:schemeClr val="accent5"/>
            </a:fillRef>
            <a:effectRef idx="0">
              <a:schemeClr val="accent5"/>
            </a:effectRef>
            <a:fontRef idx="minor">
              <a:schemeClr val="lt1"/>
            </a:fontRef>
          </p:style>
          <p:txBody>
            <a:bodyPr rtlCol="0" anchor="ctr"/>
            <a:lstStyle/>
            <a:p>
              <a:pPr algn="ctr"/>
              <a:r>
                <a:rPr lang="en-US" sz="2400" dirty="0">
                  <a:solidFill>
                    <a:srgbClr val="002060"/>
                  </a:solidFill>
                  <a:latin typeface="Modern Love Caps" panose="020B0604020202020204" pitchFamily="82" charset="0"/>
                </a:rPr>
                <a:t>Alkali Metals</a:t>
              </a:r>
              <a:endParaRPr lang="en-NL" sz="2400" dirty="0">
                <a:solidFill>
                  <a:srgbClr val="002060"/>
                </a:solidFill>
                <a:latin typeface="Modern Love Caps" panose="020B0604020202020204" pitchFamily="82" charset="0"/>
              </a:endParaRPr>
            </a:p>
          </p:txBody>
        </p:sp>
        <p:sp>
          <p:nvSpPr>
            <p:cNvPr id="12" name="TextBox 11">
              <a:extLst>
                <a:ext uri="{FF2B5EF4-FFF2-40B4-BE49-F238E27FC236}">
                  <a16:creationId xmlns:a16="http://schemas.microsoft.com/office/drawing/2014/main" id="{D02ACC66-C861-15AD-D69E-42814DFADE38}"/>
                </a:ext>
              </a:extLst>
            </p:cNvPr>
            <p:cNvSpPr txBox="1"/>
            <p:nvPr/>
          </p:nvSpPr>
          <p:spPr>
            <a:xfrm>
              <a:off x="6057899" y="2818716"/>
              <a:ext cx="364824" cy="276999"/>
            </a:xfrm>
            <a:prstGeom prst="rect">
              <a:avLst/>
            </a:prstGeom>
            <a:noFill/>
          </p:spPr>
          <p:txBody>
            <a:bodyPr wrap="square">
              <a:spAutoFit/>
            </a:bodyPr>
            <a:lstStyle/>
            <a:p>
              <a:pPr algn="ctr"/>
              <a:r>
                <a:rPr lang="en-US" sz="1200" b="1" dirty="0">
                  <a:solidFill>
                    <a:schemeClr val="bg1"/>
                  </a:solidFill>
                  <a:latin typeface="Modern Love Caps" panose="020B0604020202020204" pitchFamily="82" charset="0"/>
                </a:rPr>
                <a:t>Cs</a:t>
              </a:r>
              <a:endParaRPr lang="en-NL" sz="1200" b="1" dirty="0">
                <a:solidFill>
                  <a:schemeClr val="bg1"/>
                </a:solidFill>
                <a:latin typeface="Modern Love Caps" panose="020B0604020202020204" pitchFamily="82" charset="0"/>
              </a:endParaRPr>
            </a:p>
          </p:txBody>
        </p:sp>
      </p:grpSp>
      <p:sp>
        <p:nvSpPr>
          <p:cNvPr id="15" name="Tijdelijke aanduiding voor inhoud 2">
            <a:extLst>
              <a:ext uri="{FF2B5EF4-FFF2-40B4-BE49-F238E27FC236}">
                <a16:creationId xmlns:a16="http://schemas.microsoft.com/office/drawing/2014/main" id="{A159F75F-FB7C-C5C5-15FD-4BA759E2973B}"/>
              </a:ext>
            </a:extLst>
          </p:cNvPr>
          <p:cNvSpPr txBox="1">
            <a:spLocks/>
          </p:cNvSpPr>
          <p:nvPr/>
        </p:nvSpPr>
        <p:spPr>
          <a:xfrm>
            <a:off x="467544" y="4013972"/>
            <a:ext cx="8352926" cy="420497"/>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defRPr/>
            </a:pPr>
            <a:r>
              <a:rPr lang="en-US" sz="700" dirty="0">
                <a:solidFill>
                  <a:schemeClr val="accent5"/>
                </a:solidFill>
              </a:rPr>
              <a:t>[09] </a:t>
            </a:r>
            <a:r>
              <a:rPr lang="en-US" sz="700" b="1" dirty="0">
                <a:solidFill>
                  <a:schemeClr val="accent5"/>
                </a:solidFill>
              </a:rPr>
              <a:t>Aika K. et al.  </a:t>
            </a:r>
            <a:r>
              <a:rPr lang="en-US" sz="700" dirty="0">
                <a:solidFill>
                  <a:schemeClr val="accent5"/>
                </a:solidFill>
              </a:rPr>
              <a:t>– </a:t>
            </a:r>
            <a:r>
              <a:rPr lang="en-US" sz="700" i="1" dirty="0">
                <a:solidFill>
                  <a:schemeClr val="accent5"/>
                </a:solidFill>
              </a:rPr>
              <a:t>Preparation and Characterization of Chlorine-Free Ruthenium Catalysts and the Promoter Effect in Ammonia Synthesis </a:t>
            </a:r>
            <a:r>
              <a:rPr lang="en-US" sz="700" dirty="0">
                <a:solidFill>
                  <a:schemeClr val="accent5"/>
                </a:solidFill>
              </a:rPr>
              <a:t>– Journal of Catalysis, v. 136, 126-140 (1992)</a:t>
            </a:r>
          </a:p>
          <a:p>
            <a:pPr algn="just">
              <a:defRPr/>
            </a:pPr>
            <a:r>
              <a:rPr lang="en-US" sz="700" dirty="0">
                <a:solidFill>
                  <a:schemeClr val="accent5"/>
                </a:solidFill>
              </a:rPr>
              <a:t>[10] </a:t>
            </a:r>
            <a:r>
              <a:rPr lang="en-US" sz="700" b="1" dirty="0">
                <a:solidFill>
                  <a:schemeClr val="accent5"/>
                </a:solidFill>
              </a:rPr>
              <a:t>Javaid R. et al.  </a:t>
            </a:r>
            <a:r>
              <a:rPr lang="en-US" sz="700" dirty="0">
                <a:solidFill>
                  <a:schemeClr val="accent5"/>
                </a:solidFill>
              </a:rPr>
              <a:t>– </a:t>
            </a:r>
            <a:r>
              <a:rPr lang="en-US" sz="700" i="1" dirty="0">
                <a:solidFill>
                  <a:schemeClr val="accent5"/>
                </a:solidFill>
              </a:rPr>
              <a:t>Effect of reaction conditions and surface characteristics of Ru/CeO2 on catalytic performance for NH</a:t>
            </a:r>
            <a:r>
              <a:rPr lang="en-US" sz="700" i="1" baseline="-25000" dirty="0">
                <a:solidFill>
                  <a:schemeClr val="accent5"/>
                </a:solidFill>
              </a:rPr>
              <a:t>3</a:t>
            </a:r>
            <a:r>
              <a:rPr lang="en-US" sz="700" i="1" dirty="0">
                <a:solidFill>
                  <a:schemeClr val="accent5"/>
                </a:solidFill>
              </a:rPr>
              <a:t> synthesis as a clean fuel  </a:t>
            </a:r>
            <a:r>
              <a:rPr lang="en-US" sz="700" dirty="0">
                <a:solidFill>
                  <a:schemeClr val="accent5"/>
                </a:solidFill>
              </a:rPr>
              <a:t>– International Journal of Hydrogen Energy, v. 46, 18107-18115 (2021)</a:t>
            </a:r>
          </a:p>
          <a:p>
            <a:pPr algn="just">
              <a:defRPr/>
            </a:pPr>
            <a:r>
              <a:rPr lang="en-US" sz="700" dirty="0">
                <a:solidFill>
                  <a:srgbClr val="101073"/>
                </a:solidFill>
              </a:rPr>
              <a:t>[11] </a:t>
            </a:r>
            <a:r>
              <a:rPr lang="en-US" sz="700" b="1" dirty="0" err="1">
                <a:solidFill>
                  <a:srgbClr val="101073"/>
                </a:solidFill>
                <a:ea typeface="Calibri" panose="020F0502020204030204" pitchFamily="34" charset="0"/>
              </a:rPr>
              <a:t>Linag</a:t>
            </a:r>
            <a:r>
              <a:rPr lang="en-US" sz="700" b="1" dirty="0">
                <a:solidFill>
                  <a:srgbClr val="101073"/>
                </a:solidFill>
                <a:ea typeface="Calibri" panose="020F0502020204030204" pitchFamily="34" charset="0"/>
              </a:rPr>
              <a:t> C. et al</a:t>
            </a:r>
            <a:r>
              <a:rPr lang="en-US" sz="700" dirty="0">
                <a:solidFill>
                  <a:srgbClr val="101073"/>
                </a:solidFill>
                <a:ea typeface="Calibri" panose="020F0502020204030204" pitchFamily="34" charset="0"/>
              </a:rPr>
              <a:t>. – </a:t>
            </a:r>
            <a:r>
              <a:rPr lang="en-US" sz="700" i="1" dirty="0">
                <a:solidFill>
                  <a:srgbClr val="101073"/>
                </a:solidFill>
                <a:ea typeface="Calibri" panose="020F0502020204030204" pitchFamily="34" charset="0"/>
                <a:cs typeface="Times New Roman" panose="02020603050405020304" pitchFamily="18" charset="0"/>
              </a:rPr>
              <a:t>Graphitic Nanofilaments as Novel Support of Ru–Ba Catalysts for Ammonia Synthesis</a:t>
            </a:r>
            <a:r>
              <a:rPr lang="en-US" sz="700" dirty="0">
                <a:solidFill>
                  <a:srgbClr val="101073"/>
                </a:solidFill>
                <a:ea typeface="Calibri" panose="020F0502020204030204" pitchFamily="34" charset="0"/>
                <a:cs typeface="Times New Roman" panose="02020603050405020304" pitchFamily="18" charset="0"/>
              </a:rPr>
              <a:t> - Journal of Catalysis, v. 211, 278-282 (2002)</a:t>
            </a:r>
          </a:p>
          <a:p>
            <a:pPr lvl="0" algn="just">
              <a:defRPr/>
            </a:pPr>
            <a:r>
              <a:rPr lang="en-US" sz="700" dirty="0">
                <a:solidFill>
                  <a:srgbClr val="101073"/>
                </a:solidFill>
                <a:cs typeface="Times New Roman" panose="02020603050405020304" pitchFamily="18" charset="0"/>
              </a:rPr>
              <a:t>[12] </a:t>
            </a:r>
            <a:r>
              <a:rPr lang="en-US" sz="700" b="1" dirty="0">
                <a:solidFill>
                  <a:srgbClr val="101073"/>
                </a:solidFill>
                <a:ea typeface="Calibri" panose="020F0502020204030204" pitchFamily="34" charset="0"/>
                <a:cs typeface="Times New Roman" panose="02020603050405020304" pitchFamily="18" charset="0"/>
              </a:rPr>
              <a:t>Javaid R. et al.</a:t>
            </a:r>
            <a:r>
              <a:rPr lang="en-US" sz="700" dirty="0">
                <a:solidFill>
                  <a:srgbClr val="101073"/>
                </a:solidFill>
                <a:ea typeface="Calibri" panose="020F0502020204030204" pitchFamily="34" charset="0"/>
                <a:cs typeface="Times New Roman" panose="02020603050405020304" pitchFamily="18" charset="0"/>
              </a:rPr>
              <a:t> – </a:t>
            </a:r>
            <a:r>
              <a:rPr lang="en-US" sz="700" i="1" dirty="0">
                <a:solidFill>
                  <a:srgbClr val="101073"/>
                </a:solidFill>
                <a:ea typeface="Calibri" panose="020F0502020204030204" pitchFamily="34" charset="0"/>
                <a:cs typeface="Times New Roman" panose="02020603050405020304" pitchFamily="18" charset="0"/>
              </a:rPr>
              <a:t>Influence of Reaction Conditions and Promoting Role of Ammonia Produced at Higher Temperature Conditions in Its Synthesis Process over Cs-Ru/MgO Catalyst </a:t>
            </a:r>
            <a:r>
              <a:rPr lang="en-US" sz="700" dirty="0">
                <a:solidFill>
                  <a:srgbClr val="101073"/>
                </a:solidFill>
                <a:ea typeface="Calibri" panose="020F0502020204030204" pitchFamily="34" charset="0"/>
                <a:cs typeface="Times New Roman" panose="02020603050405020304" pitchFamily="18" charset="0"/>
              </a:rPr>
              <a:t>– Chemistry Select, v. 4, 22184-2224 (2019) </a:t>
            </a:r>
            <a:endParaRPr lang="en-US" sz="700" dirty="0">
              <a:solidFill>
                <a:srgbClr val="101073"/>
              </a:solidFill>
            </a:endParaRPr>
          </a:p>
          <a:p>
            <a:pPr lvl="0" algn="just">
              <a:defRPr/>
            </a:pPr>
            <a:r>
              <a:rPr lang="en-US" sz="700" dirty="0">
                <a:solidFill>
                  <a:srgbClr val="101073"/>
                </a:solidFill>
              </a:rPr>
              <a:t>[13] </a:t>
            </a:r>
            <a:r>
              <a:rPr lang="en-US" sz="700" b="1" dirty="0">
                <a:solidFill>
                  <a:srgbClr val="101073"/>
                </a:solidFill>
                <a:ea typeface="Calibri" panose="020F0502020204030204" pitchFamily="34" charset="0"/>
              </a:rPr>
              <a:t>Zheng J. et al</a:t>
            </a:r>
            <a:r>
              <a:rPr lang="en-US" sz="700" dirty="0">
                <a:solidFill>
                  <a:srgbClr val="101073"/>
                </a:solidFill>
                <a:ea typeface="Calibri" panose="020F0502020204030204" pitchFamily="34" charset="0"/>
              </a:rPr>
              <a:t>. – </a:t>
            </a:r>
            <a:r>
              <a:rPr lang="en-US" sz="700" i="1" dirty="0">
                <a:solidFill>
                  <a:srgbClr val="101073"/>
                </a:solidFill>
                <a:ea typeface="Calibri" panose="020F0502020204030204" pitchFamily="34" charset="0"/>
                <a:cs typeface="Times New Roman" panose="02020603050405020304" pitchFamily="18" charset="0"/>
              </a:rPr>
              <a:t>Efficient Non-dissociative Activation of Dinitrogen to Ammonia over Lithium-Promoted Ruthenium Nanoparticles at Low Pressure</a:t>
            </a:r>
            <a:r>
              <a:rPr lang="en-US" sz="700" dirty="0">
                <a:solidFill>
                  <a:srgbClr val="101073"/>
                </a:solidFill>
                <a:ea typeface="Calibri" panose="020F0502020204030204" pitchFamily="34" charset="0"/>
                <a:cs typeface="Times New Roman" panose="02020603050405020304" pitchFamily="18" charset="0"/>
              </a:rPr>
              <a:t> </a:t>
            </a:r>
            <a:r>
              <a:rPr lang="en-US" sz="700" dirty="0">
                <a:solidFill>
                  <a:srgbClr val="101073"/>
                </a:solidFill>
                <a:ea typeface="Calibri" panose="020F0502020204030204" pitchFamily="34" charset="0"/>
              </a:rPr>
              <a:t>- </a:t>
            </a:r>
            <a:r>
              <a:rPr lang="en-US" sz="700" dirty="0" err="1">
                <a:solidFill>
                  <a:srgbClr val="101073"/>
                </a:solidFill>
                <a:ea typeface="Calibri" panose="020F0502020204030204" pitchFamily="34" charset="0"/>
              </a:rPr>
              <a:t>Angewandte</a:t>
            </a:r>
            <a:r>
              <a:rPr lang="en-US" sz="700" dirty="0">
                <a:solidFill>
                  <a:srgbClr val="101073"/>
                </a:solidFill>
                <a:ea typeface="Calibri" panose="020F0502020204030204" pitchFamily="34" charset="0"/>
              </a:rPr>
              <a:t> </a:t>
            </a:r>
            <a:r>
              <a:rPr lang="en-US" sz="700" dirty="0" err="1">
                <a:solidFill>
                  <a:srgbClr val="101073"/>
                </a:solidFill>
                <a:ea typeface="Calibri" panose="020F0502020204030204" pitchFamily="34" charset="0"/>
              </a:rPr>
              <a:t>Chemie</a:t>
            </a:r>
            <a:r>
              <a:rPr lang="en-US" sz="700" dirty="0">
                <a:solidFill>
                  <a:srgbClr val="101073"/>
                </a:solidFill>
                <a:ea typeface="Calibri" panose="020F0502020204030204" pitchFamily="34" charset="0"/>
              </a:rPr>
              <a:t> International Edition, v. 58, 17335-17341 </a:t>
            </a:r>
            <a:r>
              <a:rPr lang="en-US" sz="700" dirty="0">
                <a:solidFill>
                  <a:srgbClr val="101073"/>
                </a:solidFill>
                <a:ea typeface="Calibri" panose="020F0502020204030204" pitchFamily="34" charset="0"/>
                <a:cs typeface="Times New Roman" panose="02020603050405020304" pitchFamily="18" charset="0"/>
              </a:rPr>
              <a:t>(</a:t>
            </a:r>
            <a:r>
              <a:rPr lang="en-GB" sz="700" dirty="0">
                <a:solidFill>
                  <a:srgbClr val="101073"/>
                </a:solidFill>
                <a:ea typeface="Calibri" panose="020F0502020204030204" pitchFamily="34" charset="0"/>
                <a:cs typeface="Times New Roman" panose="02020603050405020304" pitchFamily="18" charset="0"/>
              </a:rPr>
              <a:t>2019)</a:t>
            </a:r>
            <a:r>
              <a:rPr lang="it-IT" sz="700" dirty="0">
                <a:solidFill>
                  <a:srgbClr val="101073"/>
                </a:solidFill>
              </a:rPr>
              <a:t> </a:t>
            </a:r>
            <a:endParaRPr lang="en-US" sz="700" dirty="0">
              <a:solidFill>
                <a:srgbClr val="101073"/>
              </a:solidFill>
            </a:endParaRPr>
          </a:p>
        </p:txBody>
      </p:sp>
    </p:spTree>
    <p:extLst>
      <p:ext uri="{BB962C8B-B14F-4D97-AF65-F5344CB8AC3E}">
        <p14:creationId xmlns:p14="http://schemas.microsoft.com/office/powerpoint/2010/main" val="1596764168"/>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nodeType="afterEffect">
                                  <p:stCondLst>
                                    <p:cond delay="250"/>
                                  </p:stCondLst>
                                  <p:childTnLst>
                                    <p:set>
                                      <p:cBhvr>
                                        <p:cTn id="6" dur="1" fill="hold">
                                          <p:stCondLst>
                                            <p:cond delay="0"/>
                                          </p:stCondLst>
                                        </p:cTn>
                                        <p:tgtEl>
                                          <p:spTgt spid="8"/>
                                        </p:tgtEl>
                                        <p:attrNameLst>
                                          <p:attrName>style.visibility</p:attrName>
                                        </p:attrNameLst>
                                      </p:cBhvr>
                                      <p:to>
                                        <p:strVal val="visible"/>
                                      </p:to>
                                    </p:set>
                                    <p:animEffect transition="in" filter="wipe(down)">
                                      <p:cBhvr>
                                        <p:cTn id="7" dur="1000"/>
                                        <p:tgtEl>
                                          <p:spTgt spid="8"/>
                                        </p:tgtEl>
                                      </p:cBhvr>
                                    </p:animEffect>
                                  </p:childTnLst>
                                </p:cTn>
                              </p:par>
                              <p:par>
                                <p:cTn id="8" presetID="22" presetClass="entr" presetSubtype="8" fill="hold" nodeType="withEffect">
                                  <p:stCondLst>
                                    <p:cond delay="250"/>
                                  </p:stCondLst>
                                  <p:childTnLst>
                                    <p:set>
                                      <p:cBhvr>
                                        <p:cTn id="9" dur="1" fill="hold">
                                          <p:stCondLst>
                                            <p:cond delay="0"/>
                                          </p:stCondLst>
                                        </p:cTn>
                                        <p:tgtEl>
                                          <p:spTgt spid="6">
                                            <p:txEl>
                                              <p:pRg st="0" end="0"/>
                                            </p:txEl>
                                          </p:spTgt>
                                        </p:tgtEl>
                                        <p:attrNameLst>
                                          <p:attrName>style.visibility</p:attrName>
                                        </p:attrNameLst>
                                      </p:cBhvr>
                                      <p:to>
                                        <p:strVal val="visible"/>
                                      </p:to>
                                    </p:set>
                                    <p:animEffect transition="in" filter="wipe(left)">
                                      <p:cBhvr>
                                        <p:cTn id="10" dur="1000"/>
                                        <p:tgtEl>
                                          <p:spTgt spid="6">
                                            <p:txEl>
                                              <p:pRg st="0" end="0"/>
                                            </p:txEl>
                                          </p:spTgt>
                                        </p:tgtEl>
                                      </p:cBhvr>
                                    </p:animEffect>
                                  </p:childTnLst>
                                </p:cTn>
                              </p:par>
                            </p:childTnLst>
                          </p:cTn>
                        </p:par>
                        <p:par>
                          <p:cTn id="11" fill="hold">
                            <p:stCondLst>
                              <p:cond delay="1250"/>
                            </p:stCondLst>
                            <p:childTnLst>
                              <p:par>
                                <p:cTn id="12" presetID="10" presetClass="entr" presetSubtype="0" fill="hold" nodeType="afterEffect">
                                  <p:stCondLst>
                                    <p:cond delay="1000"/>
                                  </p:stCondLst>
                                  <p:childTnLst>
                                    <p:set>
                                      <p:cBhvr>
                                        <p:cTn id="13" dur="1" fill="hold">
                                          <p:stCondLst>
                                            <p:cond delay="0"/>
                                          </p:stCondLst>
                                        </p:cTn>
                                        <p:tgtEl>
                                          <p:spTgt spid="10"/>
                                        </p:tgtEl>
                                        <p:attrNameLst>
                                          <p:attrName>style.visibility</p:attrName>
                                        </p:attrNameLst>
                                      </p:cBhvr>
                                      <p:to>
                                        <p:strVal val="visible"/>
                                      </p:to>
                                    </p:set>
                                    <p:animEffect transition="in" filter="fade">
                                      <p:cBhvr>
                                        <p:cTn id="14" dur="1000"/>
                                        <p:tgtEl>
                                          <p:spTgt spid="10"/>
                                        </p:tgtEl>
                                      </p:cBhvr>
                                    </p:animEffect>
                                  </p:childTnLst>
                                </p:cTn>
                              </p:par>
                              <p:par>
                                <p:cTn id="15" presetID="10" presetClass="entr" presetSubtype="0" fill="hold" grpId="0" nodeType="withEffect">
                                  <p:stCondLst>
                                    <p:cond delay="1000"/>
                                  </p:stCondLst>
                                  <p:childTnLst>
                                    <p:set>
                                      <p:cBhvr>
                                        <p:cTn id="16" dur="1" fill="hold">
                                          <p:stCondLst>
                                            <p:cond delay="0"/>
                                          </p:stCondLst>
                                        </p:cTn>
                                        <p:tgtEl>
                                          <p:spTgt spid="16"/>
                                        </p:tgtEl>
                                        <p:attrNameLst>
                                          <p:attrName>style.visibility</p:attrName>
                                        </p:attrNameLst>
                                      </p:cBhvr>
                                      <p:to>
                                        <p:strVal val="visible"/>
                                      </p:to>
                                    </p:set>
                                    <p:animEffect transition="in" filter="fade">
                                      <p:cBhvr>
                                        <p:cTn id="17" dur="1500"/>
                                        <p:tgtEl>
                                          <p:spTgt spid="16"/>
                                        </p:tgtEl>
                                      </p:cBhvr>
                                    </p:animEffect>
                                  </p:childTnLst>
                                </p:cTn>
                              </p:par>
                            </p:childTnLst>
                          </p:cTn>
                        </p:par>
                        <p:par>
                          <p:cTn id="18" fill="hold">
                            <p:stCondLst>
                              <p:cond delay="3750"/>
                            </p:stCondLst>
                            <p:childTnLst>
                              <p:par>
                                <p:cTn id="19" presetID="10" presetClass="entr" presetSubtype="0" fill="hold" grpId="0" nodeType="afterEffect">
                                  <p:stCondLst>
                                    <p:cond delay="0"/>
                                  </p:stCondLst>
                                  <p:childTnLst>
                                    <p:set>
                                      <p:cBhvr>
                                        <p:cTn id="20" dur="1" fill="hold">
                                          <p:stCondLst>
                                            <p:cond delay="0"/>
                                          </p:stCondLst>
                                        </p:cTn>
                                        <p:tgtEl>
                                          <p:spTgt spid="17"/>
                                        </p:tgtEl>
                                        <p:attrNameLst>
                                          <p:attrName>style.visibility</p:attrName>
                                        </p:attrNameLst>
                                      </p:cBhvr>
                                      <p:to>
                                        <p:strVal val="visible"/>
                                      </p:to>
                                    </p:set>
                                    <p:animEffect transition="in" filter="fade">
                                      <p:cBhvr>
                                        <p:cTn id="21" dur="1500"/>
                                        <p:tgtEl>
                                          <p:spTgt spid="17"/>
                                        </p:tgtEl>
                                      </p:cBhvr>
                                    </p:animEffect>
                                  </p:childTnLst>
                                </p:cTn>
                              </p:par>
                            </p:childTnLst>
                          </p:cTn>
                        </p:par>
                        <p:par>
                          <p:cTn id="22" fill="hold">
                            <p:stCondLst>
                              <p:cond delay="5250"/>
                            </p:stCondLst>
                            <p:childTnLst>
                              <p:par>
                                <p:cTn id="23" presetID="10" presetClass="entr" presetSubtype="0" fill="hold" grpId="0" nodeType="afterEffect">
                                  <p:stCondLst>
                                    <p:cond delay="0"/>
                                  </p:stCondLst>
                                  <p:childTnLst>
                                    <p:set>
                                      <p:cBhvr>
                                        <p:cTn id="24" dur="1" fill="hold">
                                          <p:stCondLst>
                                            <p:cond delay="0"/>
                                          </p:stCondLst>
                                        </p:cTn>
                                        <p:tgtEl>
                                          <p:spTgt spid="9"/>
                                        </p:tgtEl>
                                        <p:attrNameLst>
                                          <p:attrName>style.visibility</p:attrName>
                                        </p:attrNameLst>
                                      </p:cBhvr>
                                      <p:to>
                                        <p:strVal val="visible"/>
                                      </p:to>
                                    </p:set>
                                    <p:animEffect transition="in" filter="fade">
                                      <p:cBhvr>
                                        <p:cTn id="25" dur="1500"/>
                                        <p:tgtEl>
                                          <p:spTgt spid="9"/>
                                        </p:tgtEl>
                                      </p:cBhvr>
                                    </p:animEffect>
                                  </p:childTnLst>
                                </p:cTn>
                              </p:par>
                            </p:childTnLst>
                          </p:cTn>
                        </p:par>
                        <p:par>
                          <p:cTn id="26" fill="hold">
                            <p:stCondLst>
                              <p:cond delay="6750"/>
                            </p:stCondLst>
                            <p:childTnLst>
                              <p:par>
                                <p:cTn id="27" presetID="22" presetClass="entr" presetSubtype="8" fill="hold" grpId="0" nodeType="afterEffect">
                                  <p:stCondLst>
                                    <p:cond delay="0"/>
                                  </p:stCondLst>
                                  <p:childTnLst>
                                    <p:set>
                                      <p:cBhvr>
                                        <p:cTn id="28" dur="1" fill="hold">
                                          <p:stCondLst>
                                            <p:cond delay="0"/>
                                          </p:stCondLst>
                                        </p:cTn>
                                        <p:tgtEl>
                                          <p:spTgt spid="15"/>
                                        </p:tgtEl>
                                        <p:attrNameLst>
                                          <p:attrName>style.visibility</p:attrName>
                                        </p:attrNameLst>
                                      </p:cBhvr>
                                      <p:to>
                                        <p:strVal val="visible"/>
                                      </p:to>
                                    </p:set>
                                    <p:animEffect transition="in" filter="wipe(left)">
                                      <p:cBhvr>
                                        <p:cTn id="29" dur="10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6" grpId="0"/>
      <p:bldP spid="17" grpId="0"/>
      <p:bldP spid="9" grpId="0"/>
      <p:bldP spid="15" grpId="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12</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atalysts for ammonia decomposition </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Cluster size and synthesis methods</a:t>
            </a:r>
          </a:p>
        </p:txBody>
      </p:sp>
      <p:graphicFrame>
        <p:nvGraphicFramePr>
          <p:cNvPr id="4" name="Table 3">
            <a:extLst>
              <a:ext uri="{FF2B5EF4-FFF2-40B4-BE49-F238E27FC236}">
                <a16:creationId xmlns:a16="http://schemas.microsoft.com/office/drawing/2014/main" id="{B8349C90-D7FF-0C4A-AA77-23392EC58857}"/>
              </a:ext>
            </a:extLst>
          </p:cNvPr>
          <p:cNvGraphicFramePr>
            <a:graphicFrameLocks noGrp="1"/>
          </p:cNvGraphicFramePr>
          <p:nvPr>
            <p:extLst>
              <p:ext uri="{D42A27DB-BD31-4B8C-83A1-F6EECF244321}">
                <p14:modId xmlns:p14="http://schemas.microsoft.com/office/powerpoint/2010/main" val="2358668407"/>
              </p:ext>
            </p:extLst>
          </p:nvPr>
        </p:nvGraphicFramePr>
        <p:xfrm>
          <a:off x="2014548" y="925835"/>
          <a:ext cx="4117803" cy="2567187"/>
        </p:xfrm>
        <a:graphic>
          <a:graphicData uri="http://schemas.openxmlformats.org/drawingml/2006/table">
            <a:tbl>
              <a:tblPr/>
              <a:tblGrid>
                <a:gridCol w="233762">
                  <a:extLst>
                    <a:ext uri="{9D8B030D-6E8A-4147-A177-3AD203B41FA5}">
                      <a16:colId xmlns:a16="http://schemas.microsoft.com/office/drawing/2014/main" val="3320949361"/>
                    </a:ext>
                  </a:extLst>
                </a:gridCol>
                <a:gridCol w="1420553">
                  <a:extLst>
                    <a:ext uri="{9D8B030D-6E8A-4147-A177-3AD203B41FA5}">
                      <a16:colId xmlns:a16="http://schemas.microsoft.com/office/drawing/2014/main" val="2757119354"/>
                    </a:ext>
                  </a:extLst>
                </a:gridCol>
                <a:gridCol w="1114863">
                  <a:extLst>
                    <a:ext uri="{9D8B030D-6E8A-4147-A177-3AD203B41FA5}">
                      <a16:colId xmlns:a16="http://schemas.microsoft.com/office/drawing/2014/main" val="1836686424"/>
                    </a:ext>
                  </a:extLst>
                </a:gridCol>
                <a:gridCol w="1114863">
                  <a:extLst>
                    <a:ext uri="{9D8B030D-6E8A-4147-A177-3AD203B41FA5}">
                      <a16:colId xmlns:a16="http://schemas.microsoft.com/office/drawing/2014/main" val="2659544564"/>
                    </a:ext>
                  </a:extLst>
                </a:gridCol>
                <a:gridCol w="233762">
                  <a:extLst>
                    <a:ext uri="{9D8B030D-6E8A-4147-A177-3AD203B41FA5}">
                      <a16:colId xmlns:a16="http://schemas.microsoft.com/office/drawing/2014/main" val="2205135803"/>
                    </a:ext>
                  </a:extLst>
                </a:gridCol>
              </a:tblGrid>
              <a:tr h="216000">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w="6350" cap="flat" cmpd="sng" algn="ctr">
                      <a:solidFill>
                        <a:srgbClr val="000000"/>
                      </a:solidFill>
                      <a:prstDash val="solid"/>
                      <a:round/>
                      <a:headEnd type="none" w="med" len="med"/>
                      <a:tailEnd type="none" w="med" len="med"/>
                    </a:lnT>
                    <a:lnB>
                      <a:noFill/>
                    </a:lnB>
                    <a:solidFill>
                      <a:srgbClr val="FFFFFF"/>
                    </a:solidFill>
                  </a:tcPr>
                </a:tc>
                <a:extLst>
                  <a:ext uri="{0D108BD9-81ED-4DB2-BD59-A6C34878D82A}">
                    <a16:rowId xmlns:a16="http://schemas.microsoft.com/office/drawing/2014/main" val="443796885"/>
                  </a:ext>
                </a:extLst>
              </a:tr>
              <a:tr h="216000">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tc rowSpan="2">
                  <a:txBody>
                    <a:bodyPr/>
                    <a:lstStyle/>
                    <a:p>
                      <a:pPr algn="ctr" fontAlgn="ctr"/>
                      <a:r>
                        <a:rPr lang="en-US" sz="1600" b="1" i="0" u="none" strike="noStrike" noProof="0" dirty="0">
                          <a:solidFill>
                            <a:srgbClr val="002060"/>
                          </a:solidFill>
                          <a:effectLst/>
                          <a:highlight>
                            <a:srgbClr val="FFFFFF"/>
                          </a:highlight>
                          <a:latin typeface="Calibri" panose="020F0502020204030204" pitchFamily="34" charset="0"/>
                        </a:rPr>
                        <a:t>Synthesis </a:t>
                      </a:r>
                    </a:p>
                    <a:p>
                      <a:pPr algn="ctr" fontAlgn="ctr"/>
                      <a:r>
                        <a:rPr lang="en-US" sz="1600" b="1" i="0" u="none" strike="noStrike" noProof="0" dirty="0">
                          <a:solidFill>
                            <a:srgbClr val="002060"/>
                          </a:solidFill>
                          <a:effectLst/>
                          <a:highlight>
                            <a:srgbClr val="FFFFFF"/>
                          </a:highlight>
                          <a:latin typeface="Calibri" panose="020F0502020204030204" pitchFamily="34" charset="0"/>
                        </a:rPr>
                        <a:t>method</a:t>
                      </a:r>
                    </a:p>
                  </a:txBody>
                  <a:tcPr marL="7620" marR="7620" marT="7620" marB="0" anchor="ctr">
                    <a:lnL>
                      <a:noFill/>
                    </a:lnL>
                    <a:lnR>
                      <a:noFill/>
                    </a:lnR>
                    <a:lnT>
                      <a:noFill/>
                    </a:lnT>
                    <a:lnB>
                      <a:noFill/>
                    </a:lnB>
                    <a:solidFill>
                      <a:srgbClr val="FFFFFF"/>
                    </a:solidFill>
                  </a:tcPr>
                </a:tc>
                <a:tc>
                  <a:txBody>
                    <a:bodyPr/>
                    <a:lstStyle/>
                    <a:p>
                      <a:pPr algn="ctr" fontAlgn="ctr"/>
                      <a:r>
                        <a:rPr lang="en-US" sz="1600" b="1" i="0" u="none" strike="noStrike" noProof="0" dirty="0">
                          <a:solidFill>
                            <a:srgbClr val="002060"/>
                          </a:solidFill>
                          <a:effectLst/>
                          <a:highlight>
                            <a:srgbClr val="FFFFFF"/>
                          </a:highlight>
                          <a:latin typeface="Calibri" panose="020F0502020204030204" pitchFamily="34" charset="0"/>
                        </a:rPr>
                        <a:t>Cluster size</a:t>
                      </a:r>
                    </a:p>
                  </a:txBody>
                  <a:tcPr marL="7620" marR="7620" marT="7620" marB="0" anchor="ctr">
                    <a:lnL>
                      <a:noFill/>
                    </a:lnL>
                    <a:lnR>
                      <a:noFill/>
                    </a:lnR>
                    <a:lnT>
                      <a:noFill/>
                    </a:lnT>
                    <a:lnB>
                      <a:noFill/>
                    </a:lnB>
                    <a:solidFill>
                      <a:srgbClr val="FFFFFF"/>
                    </a:solidFill>
                  </a:tcPr>
                </a:tc>
                <a:tc rowSpan="3">
                  <a:txBody>
                    <a:bodyPr/>
                    <a:lstStyle/>
                    <a:p>
                      <a:pPr algn="ctr" fontAlgn="ctr"/>
                      <a:r>
                        <a:rPr lang="en-US" sz="1600" b="1" i="0" u="none" strike="noStrike" noProof="0" dirty="0">
                          <a:solidFill>
                            <a:srgbClr val="002060"/>
                          </a:solidFill>
                          <a:effectLst/>
                          <a:highlight>
                            <a:srgbClr val="FFFFFF"/>
                          </a:highlight>
                          <a:latin typeface="Calibri" panose="020F0502020204030204" pitchFamily="34" charset="0"/>
                        </a:rPr>
                        <a:t>Reference</a:t>
                      </a:r>
                    </a:p>
                    <a:p>
                      <a:pPr algn="ctr" fontAlgn="ctr"/>
                      <a:endParaRPr lang="en-US" sz="1600" b="1" i="0" u="none" strike="noStrike" noProof="0" dirty="0">
                        <a:solidFill>
                          <a:srgbClr val="002060"/>
                        </a:solidFill>
                        <a:effectLst/>
                        <a:highlight>
                          <a:srgbClr val="FFFFFF"/>
                        </a:highlight>
                        <a:latin typeface="Calibri" panose="020F0502020204030204" pitchFamily="34" charset="0"/>
                      </a:endParaRPr>
                    </a:p>
                    <a:p>
                      <a:pPr algn="ctr" fontAlgn="ctr"/>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b"/>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extLst>
                  <a:ext uri="{0D108BD9-81ED-4DB2-BD59-A6C34878D82A}">
                    <a16:rowId xmlns:a16="http://schemas.microsoft.com/office/drawing/2014/main" val="3106098117"/>
                  </a:ext>
                </a:extLst>
              </a:tr>
              <a:tr h="216000">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tc vMerge="1">
                  <a:txBody>
                    <a:bodyPr/>
                    <a:lstStyle/>
                    <a:p>
                      <a:endParaRPr lang="en-NL"/>
                    </a:p>
                  </a:txBody>
                  <a:tcPr/>
                </a:tc>
                <a:tc>
                  <a:txBody>
                    <a:bodyPr/>
                    <a:lstStyle/>
                    <a:p>
                      <a:pPr algn="ctr" fontAlgn="ctr"/>
                      <a:r>
                        <a:rPr lang="en-US" sz="1600" b="0" i="0" u="none" strike="noStrike" noProof="0" dirty="0">
                          <a:solidFill>
                            <a:srgbClr val="002060"/>
                          </a:solidFill>
                          <a:effectLst/>
                          <a:highlight>
                            <a:srgbClr val="FFFFFF"/>
                          </a:highlight>
                          <a:latin typeface="Calibri" panose="020F0502020204030204" pitchFamily="34" charset="0"/>
                        </a:rPr>
                        <a:t>(nm)</a:t>
                      </a:r>
                    </a:p>
                  </a:txBody>
                  <a:tcPr marL="7620" marR="7620" marT="7620" marB="0" anchor="ctr">
                    <a:lnL>
                      <a:noFill/>
                    </a:lnL>
                    <a:lnR>
                      <a:noFill/>
                    </a:lnR>
                    <a:lnT>
                      <a:noFill/>
                    </a:lnT>
                    <a:lnB>
                      <a:noFill/>
                    </a:lnB>
                    <a:solidFill>
                      <a:srgbClr val="FFFFFF"/>
                    </a:solidFill>
                  </a:tcPr>
                </a:tc>
                <a:tc vMerge="1">
                  <a:txBody>
                    <a:bodyPr/>
                    <a:lstStyle/>
                    <a:p>
                      <a:pPr algn="ctr" fontAlgn="ctr"/>
                      <a:endParaRPr lang="en-US" sz="1600" b="0" i="0" u="none" strike="noStrike" noProof="0"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extLst>
                  <a:ext uri="{0D108BD9-81ED-4DB2-BD59-A6C34878D82A}">
                    <a16:rowId xmlns:a16="http://schemas.microsoft.com/office/drawing/2014/main" val="1537860393"/>
                  </a:ext>
                </a:extLst>
              </a:tr>
              <a:tr h="216000">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vMerge="1">
                  <a:txBody>
                    <a:bodyPr/>
                    <a:lstStyle/>
                    <a:p>
                      <a:endParaRPr dirty="0"/>
                    </a:p>
                  </a:txBody>
                  <a:tcPr marL="7620" marR="7620" marT="762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733090793"/>
                  </a:ext>
                </a:extLst>
              </a:tr>
              <a:tr h="249596">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b"/>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w="6350" cap="flat" cmpd="sng" algn="ctr">
                      <a:solidFill>
                        <a:srgbClr val="000000"/>
                      </a:solidFill>
                      <a:prstDash val="solid"/>
                      <a:round/>
                      <a:headEnd type="none" w="med" len="med"/>
                      <a:tailEnd type="none" w="med" len="med"/>
                    </a:lnT>
                    <a:lnB>
                      <a:noFill/>
                    </a:lnB>
                    <a:solidFill>
                      <a:srgbClr val="FFFFFF"/>
                    </a:solidFill>
                  </a:tcPr>
                </a:tc>
                <a:extLst>
                  <a:ext uri="{0D108BD9-81ED-4DB2-BD59-A6C34878D82A}">
                    <a16:rowId xmlns:a16="http://schemas.microsoft.com/office/drawing/2014/main" val="3005067320"/>
                  </a:ext>
                </a:extLst>
              </a:tr>
              <a:tr h="352809">
                <a:tc>
                  <a:txBody>
                    <a:bodyPr/>
                    <a:lstStyle/>
                    <a:p>
                      <a:pPr algn="l" fontAlgn="b"/>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tc>
                  <a:txBody>
                    <a:bodyPr/>
                    <a:lstStyle/>
                    <a:p>
                      <a:pPr algn="l" fontAlgn="ctr"/>
                      <a:r>
                        <a:rPr lang="it-IT" sz="1600" b="0" i="0" u="none" strike="noStrike" dirty="0" err="1">
                          <a:solidFill>
                            <a:srgbClr val="002060"/>
                          </a:solidFill>
                          <a:effectLst/>
                          <a:highlight>
                            <a:srgbClr val="FFFFFF"/>
                          </a:highlight>
                          <a:latin typeface="Calibri" panose="020F0502020204030204" pitchFamily="34" charset="0"/>
                        </a:rPr>
                        <a:t>Impregnation</a:t>
                      </a:r>
                      <a:endParaRPr lang="it-IT"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ctr" fontAlgn="ctr"/>
                      <a:r>
                        <a:rPr lang="en-US" sz="1600" b="0" i="0" u="none" strike="noStrike" dirty="0">
                          <a:solidFill>
                            <a:srgbClr val="002060"/>
                          </a:solidFill>
                          <a:effectLst/>
                          <a:highlight>
                            <a:srgbClr val="FFFFFF"/>
                          </a:highlight>
                          <a:latin typeface="Calibri" panose="020F0502020204030204" pitchFamily="34" charset="0"/>
                        </a:rPr>
                        <a:t>2 - 30</a:t>
                      </a:r>
                      <a:endParaRPr lang="en-NL"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ctr" fontAlgn="ctr"/>
                      <a:r>
                        <a:rPr lang="en-US" sz="1600" b="0" i="0" u="none" strike="noStrike" dirty="0">
                          <a:solidFill>
                            <a:srgbClr val="002060"/>
                          </a:solidFill>
                          <a:effectLst/>
                          <a:highlight>
                            <a:srgbClr val="FFFFFF"/>
                          </a:highlight>
                          <a:latin typeface="Calibri" panose="020F0502020204030204" pitchFamily="34" charset="0"/>
                        </a:rPr>
                        <a:t>[14],[15]</a:t>
                      </a:r>
                      <a:endParaRPr lang="en-NL"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extLst>
                  <a:ext uri="{0D108BD9-81ED-4DB2-BD59-A6C34878D82A}">
                    <a16:rowId xmlns:a16="http://schemas.microsoft.com/office/drawing/2014/main" val="4009089898"/>
                  </a:ext>
                </a:extLst>
              </a:tr>
              <a:tr h="352809">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tc>
                  <a:txBody>
                    <a:bodyPr/>
                    <a:lstStyle/>
                    <a:p>
                      <a:pPr algn="l" fontAlgn="ctr"/>
                      <a:r>
                        <a:rPr lang="it-IT" sz="1600" b="0" i="0" u="none" strike="noStrike" dirty="0">
                          <a:solidFill>
                            <a:srgbClr val="002060"/>
                          </a:solidFill>
                          <a:effectLst/>
                          <a:highlight>
                            <a:srgbClr val="FFFFFF"/>
                          </a:highlight>
                          <a:latin typeface="Calibri" panose="020F0502020204030204" pitchFamily="34" charset="0"/>
                        </a:rPr>
                        <a:t>Co-</a:t>
                      </a:r>
                      <a:r>
                        <a:rPr lang="it-IT" sz="1600" b="0" i="0" u="none" strike="noStrike" dirty="0" err="1">
                          <a:solidFill>
                            <a:srgbClr val="002060"/>
                          </a:solidFill>
                          <a:effectLst/>
                          <a:highlight>
                            <a:srgbClr val="FFFFFF"/>
                          </a:highlight>
                          <a:latin typeface="Calibri" panose="020F0502020204030204" pitchFamily="34" charset="0"/>
                        </a:rPr>
                        <a:t>precipitation</a:t>
                      </a:r>
                      <a:endParaRPr lang="it-IT"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ctr" fontAlgn="ctr"/>
                      <a:r>
                        <a:rPr lang="en-US" sz="1600" b="0" i="0" u="none" strike="noStrike" dirty="0">
                          <a:solidFill>
                            <a:srgbClr val="002060"/>
                          </a:solidFill>
                          <a:effectLst/>
                          <a:highlight>
                            <a:srgbClr val="FFFFFF"/>
                          </a:highlight>
                          <a:latin typeface="Calibri" panose="020F0502020204030204" pitchFamily="34" charset="0"/>
                        </a:rPr>
                        <a:t>2 - 6</a:t>
                      </a:r>
                      <a:endParaRPr lang="en-NL"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ctr" fontAlgn="ctr"/>
                      <a:r>
                        <a:rPr lang="en-US" sz="1600" b="0" i="0" u="none" strike="noStrike" dirty="0">
                          <a:solidFill>
                            <a:srgbClr val="002060"/>
                          </a:solidFill>
                          <a:effectLst/>
                          <a:highlight>
                            <a:srgbClr val="FFFFFF"/>
                          </a:highlight>
                          <a:latin typeface="Calibri" panose="020F0502020204030204" pitchFamily="34" charset="0"/>
                        </a:rPr>
                        <a:t>[16],[17]</a:t>
                      </a:r>
                      <a:endParaRPr lang="en-NL"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extLst>
                  <a:ext uri="{0D108BD9-81ED-4DB2-BD59-A6C34878D82A}">
                    <a16:rowId xmlns:a16="http://schemas.microsoft.com/office/drawing/2014/main" val="1271647851"/>
                  </a:ext>
                </a:extLst>
              </a:tr>
              <a:tr h="352809">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tc>
                  <a:txBody>
                    <a:bodyPr/>
                    <a:lstStyle/>
                    <a:p>
                      <a:pPr algn="l" fontAlgn="ctr"/>
                      <a:r>
                        <a:rPr lang="it-IT" sz="1600" b="0" i="0" u="none" strike="noStrike" dirty="0" err="1">
                          <a:solidFill>
                            <a:srgbClr val="002060"/>
                          </a:solidFill>
                          <a:effectLst/>
                          <a:highlight>
                            <a:srgbClr val="FFFFFF"/>
                          </a:highlight>
                          <a:latin typeface="Calibri" panose="020F0502020204030204" pitchFamily="34" charset="0"/>
                        </a:rPr>
                        <a:t>Polyol</a:t>
                      </a:r>
                      <a:r>
                        <a:rPr lang="it-IT" sz="1600" b="0" i="0" u="none" strike="noStrike" dirty="0">
                          <a:solidFill>
                            <a:srgbClr val="002060"/>
                          </a:solidFill>
                          <a:effectLst/>
                          <a:highlight>
                            <a:srgbClr val="FFFFFF"/>
                          </a:highlight>
                          <a:latin typeface="Calibri" panose="020F0502020204030204" pitchFamily="34" charset="0"/>
                        </a:rPr>
                        <a:t> </a:t>
                      </a:r>
                      <a:r>
                        <a:rPr lang="it-IT" sz="1600" b="0" i="0" u="none" strike="noStrike" dirty="0" err="1">
                          <a:solidFill>
                            <a:srgbClr val="002060"/>
                          </a:solidFill>
                          <a:effectLst/>
                          <a:highlight>
                            <a:srgbClr val="FFFFFF"/>
                          </a:highlight>
                          <a:latin typeface="Calibri" panose="020F0502020204030204" pitchFamily="34" charset="0"/>
                        </a:rPr>
                        <a:t>Reduction</a:t>
                      </a:r>
                      <a:endParaRPr lang="it-IT"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ctr" fontAlgn="ctr"/>
                      <a:r>
                        <a:rPr lang="en-US" sz="1600" b="0" i="0" u="none" strike="noStrike" dirty="0">
                          <a:solidFill>
                            <a:srgbClr val="002060"/>
                          </a:solidFill>
                          <a:effectLst/>
                          <a:highlight>
                            <a:srgbClr val="FFFFFF"/>
                          </a:highlight>
                          <a:latin typeface="Calibri" panose="020F0502020204030204" pitchFamily="34" charset="0"/>
                        </a:rPr>
                        <a:t>1 - 5</a:t>
                      </a:r>
                      <a:endParaRPr lang="en-NL"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marL="0" marR="0" lvl="0" indent="0" algn="ctr" defTabSz="685800" rtl="0" eaLnBrk="1" fontAlgn="ctr" latinLnBrk="0" hangingPunct="1">
                        <a:lnSpc>
                          <a:spcPct val="100000"/>
                        </a:lnSpc>
                        <a:spcBef>
                          <a:spcPts val="0"/>
                        </a:spcBef>
                        <a:spcAft>
                          <a:spcPts val="0"/>
                        </a:spcAft>
                        <a:buClrTx/>
                        <a:buSzTx/>
                        <a:buFontTx/>
                        <a:buNone/>
                        <a:tabLst/>
                        <a:defRPr/>
                      </a:pPr>
                      <a:r>
                        <a:rPr lang="en-US" sz="1600" b="0" i="0" u="none" strike="noStrike" dirty="0">
                          <a:solidFill>
                            <a:srgbClr val="002060"/>
                          </a:solidFill>
                          <a:effectLst/>
                          <a:highlight>
                            <a:srgbClr val="FFFFFF"/>
                          </a:highlight>
                          <a:latin typeface="Calibri" panose="020F0502020204030204" pitchFamily="34" charset="0"/>
                        </a:rPr>
                        <a:t>[18],[19]</a:t>
                      </a:r>
                      <a:endParaRPr lang="en-NL"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l" fontAlgn="b"/>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extLst>
                  <a:ext uri="{0D108BD9-81ED-4DB2-BD59-A6C34878D82A}">
                    <a16:rowId xmlns:a16="http://schemas.microsoft.com/office/drawing/2014/main" val="1153316029"/>
                  </a:ext>
                </a:extLst>
              </a:tr>
              <a:tr h="249596">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a:noFill/>
                    </a:lnT>
                    <a:lnB w="6350" cap="flat" cmpd="sng" algn="ctr">
                      <a:solidFill>
                        <a:srgbClr val="000000"/>
                      </a:solidFill>
                      <a:prstDash val="solid"/>
                      <a:round/>
                      <a:headEnd type="none" w="med" len="med"/>
                      <a:tailEnd type="none" w="med" len="med"/>
                    </a:lnB>
                    <a:solidFill>
                      <a:srgbClr val="FFFFFF"/>
                    </a:solidFill>
                  </a:tcPr>
                </a:tc>
                <a:tc>
                  <a:txBody>
                    <a:bodyPr/>
                    <a:lstStyle/>
                    <a:p>
                      <a:pPr algn="l" fontAlgn="b"/>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2073589011"/>
                  </a:ext>
                </a:extLst>
              </a:tr>
            </a:tbl>
          </a:graphicData>
        </a:graphic>
      </p:graphicFrame>
      <p:sp>
        <p:nvSpPr>
          <p:cNvPr id="11" name="CasellaDiTesto 8">
            <a:extLst>
              <a:ext uri="{FF2B5EF4-FFF2-40B4-BE49-F238E27FC236}">
                <a16:creationId xmlns:a16="http://schemas.microsoft.com/office/drawing/2014/main" id="{485F3216-9ADF-4F98-476A-734B4916EB07}"/>
              </a:ext>
            </a:extLst>
          </p:cNvPr>
          <p:cNvSpPr txBox="1"/>
          <p:nvPr/>
        </p:nvSpPr>
        <p:spPr>
          <a:xfrm>
            <a:off x="6344716" y="2615955"/>
            <a:ext cx="2733448" cy="923330"/>
          </a:xfrm>
          <a:prstGeom prst="rect">
            <a:avLst/>
          </a:prstGeom>
          <a:noFill/>
        </p:spPr>
        <p:txBody>
          <a:bodyPr wrap="square" rtlCol="0">
            <a:spAutoFit/>
          </a:bodyPr>
          <a:lstStyle/>
          <a:p>
            <a:pPr marL="285750" indent="-285750">
              <a:buClr>
                <a:srgbClr val="C00000"/>
              </a:buClr>
              <a:buFont typeface="Wingdings" pitchFamily="2" charset="2"/>
              <a:buChar char="ü"/>
            </a:pPr>
            <a:r>
              <a:rPr lang="en-US" b="1" i="1" dirty="0">
                <a:solidFill>
                  <a:srgbClr val="C00000"/>
                </a:solidFill>
              </a:rPr>
              <a:t>SIMPLE</a:t>
            </a:r>
          </a:p>
          <a:p>
            <a:pPr marL="285750" indent="-285750">
              <a:buClr>
                <a:srgbClr val="C00000"/>
              </a:buClr>
              <a:buFont typeface="Wingdings" pitchFamily="2" charset="2"/>
              <a:buChar char="ü"/>
            </a:pPr>
            <a:r>
              <a:rPr lang="en-US" b="1" i="1" dirty="0">
                <a:solidFill>
                  <a:srgbClr val="C00000"/>
                </a:solidFill>
              </a:rPr>
              <a:t>SINGLE-STEP PROCESS</a:t>
            </a:r>
          </a:p>
          <a:p>
            <a:pPr marL="285750" indent="-285750">
              <a:buClr>
                <a:srgbClr val="C00000"/>
              </a:buClr>
              <a:buFont typeface="Wingdings" pitchFamily="2" charset="2"/>
              <a:buChar char="ü"/>
            </a:pPr>
            <a:r>
              <a:rPr lang="en-US" b="1" i="1" dirty="0">
                <a:solidFill>
                  <a:srgbClr val="C00000"/>
                </a:solidFill>
              </a:rPr>
              <a:t>ALLOWS PREPARATION OF NANOSTRUCTURED POWDERS</a:t>
            </a:r>
          </a:p>
        </p:txBody>
      </p:sp>
      <p:cxnSp>
        <p:nvCxnSpPr>
          <p:cNvPr id="18" name="Connector: Elbow 17">
            <a:extLst>
              <a:ext uri="{FF2B5EF4-FFF2-40B4-BE49-F238E27FC236}">
                <a16:creationId xmlns:a16="http://schemas.microsoft.com/office/drawing/2014/main" id="{AD1EFC08-C9B1-901C-FE71-57EC7BE4DE65}"/>
              </a:ext>
            </a:extLst>
          </p:cNvPr>
          <p:cNvCxnSpPr>
            <a:cxnSpLocks/>
            <a:stCxn id="21" idx="3"/>
            <a:endCxn id="11" idx="1"/>
          </p:cNvCxnSpPr>
          <p:nvPr/>
        </p:nvCxnSpPr>
        <p:spPr>
          <a:xfrm flipV="1">
            <a:off x="5735806" y="3077620"/>
            <a:ext cx="608910" cy="687"/>
          </a:xfrm>
          <a:prstGeom prst="bentConnector3">
            <a:avLst>
              <a:gd name="adj1" fmla="val 50000"/>
            </a:avLst>
          </a:prstGeom>
          <a:ln w="19050">
            <a:solidFill>
              <a:srgbClr val="C00000"/>
            </a:solidFill>
            <a:headEnd w="lg" len="sm"/>
            <a:tailEnd type="arrow"/>
          </a:ln>
        </p:spPr>
        <p:style>
          <a:lnRef idx="2">
            <a:schemeClr val="accent5"/>
          </a:lnRef>
          <a:fillRef idx="0">
            <a:schemeClr val="accent5"/>
          </a:fillRef>
          <a:effectRef idx="1">
            <a:schemeClr val="accent5"/>
          </a:effectRef>
          <a:fontRef idx="minor">
            <a:schemeClr val="tx1"/>
          </a:fontRef>
        </p:style>
      </p:cxnSp>
      <p:sp>
        <p:nvSpPr>
          <p:cNvPr id="21" name="Rectangle 20">
            <a:extLst>
              <a:ext uri="{FF2B5EF4-FFF2-40B4-BE49-F238E27FC236}">
                <a16:creationId xmlns:a16="http://schemas.microsoft.com/office/drawing/2014/main" id="{FCBBF732-EDD5-3481-5FF8-41A9598F1177}"/>
              </a:ext>
            </a:extLst>
          </p:cNvPr>
          <p:cNvSpPr/>
          <p:nvPr/>
        </p:nvSpPr>
        <p:spPr>
          <a:xfrm>
            <a:off x="2237232" y="2915135"/>
            <a:ext cx="3498574" cy="326344"/>
          </a:xfrm>
          <a:prstGeom prst="rect">
            <a:avLst/>
          </a:prstGeom>
          <a:ln w="19050">
            <a:solidFill>
              <a:srgbClr val="C00000"/>
            </a:solidFill>
            <a:headEnd w="lg" len="sm"/>
            <a:tailEnd type="arrow"/>
          </a:ln>
        </p:spPr>
        <p:style>
          <a:lnRef idx="2">
            <a:schemeClr val="accent5"/>
          </a:lnRef>
          <a:fillRef idx="0">
            <a:schemeClr val="accent5"/>
          </a:fillRef>
          <a:effectRef idx="1">
            <a:schemeClr val="accent5"/>
          </a:effectRef>
          <a:fontRef idx="minor">
            <a:schemeClr val="tx1"/>
          </a:fontRef>
        </p:style>
        <p:txBody>
          <a:bodyPr rtlCol="0" anchor="ctr"/>
          <a:lstStyle/>
          <a:p>
            <a:pPr algn="ctr"/>
            <a:endParaRPr lang="en-NL"/>
          </a:p>
        </p:txBody>
      </p:sp>
      <p:sp>
        <p:nvSpPr>
          <p:cNvPr id="22" name="Tijdelijke aanduiding voor inhoud 2">
            <a:extLst>
              <a:ext uri="{FF2B5EF4-FFF2-40B4-BE49-F238E27FC236}">
                <a16:creationId xmlns:a16="http://schemas.microsoft.com/office/drawing/2014/main" id="{6228F41F-029C-8057-A433-19F74B5783EC}"/>
              </a:ext>
            </a:extLst>
          </p:cNvPr>
          <p:cNvSpPr txBox="1">
            <a:spLocks/>
          </p:cNvSpPr>
          <p:nvPr/>
        </p:nvSpPr>
        <p:spPr>
          <a:xfrm>
            <a:off x="467544" y="3910956"/>
            <a:ext cx="8477632" cy="677018"/>
          </a:xfrm>
          <a:prstGeom prst="rect">
            <a:avLst/>
          </a:prstGeom>
        </p:spPr>
        <p:txBody>
          <a:bodyPr vert="horz" wrap="square" lIns="0" tIns="0" rIns="0" bIns="0" rtlCol="0">
            <a:no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just" defTabSz="685800" rtl="0" eaLnBrk="1" fontAlgn="auto" latinLnBrk="0" hangingPunct="1">
              <a:lnSpc>
                <a:spcPct val="100000"/>
              </a:lnSpc>
              <a:spcBef>
                <a:spcPts val="0"/>
              </a:spcBef>
              <a:spcAft>
                <a:spcPts val="0"/>
              </a:spcAft>
              <a:buClrTx/>
              <a:buSzTx/>
              <a:buFontTx/>
              <a:buNone/>
              <a:tabLst/>
              <a:defRPr/>
            </a:pPr>
            <a:r>
              <a:rPr kumimoji="0" lang="en-GB" sz="700" b="0" i="0" u="none" strike="noStrike" kern="1200" cap="none" spc="0" normalizeH="0" baseline="0" noProof="0" dirty="0">
                <a:ln>
                  <a:noFill/>
                </a:ln>
                <a:solidFill>
                  <a:srgbClr val="101073"/>
                </a:solidFill>
                <a:effectLst/>
                <a:uLnTx/>
                <a:uFillTx/>
                <a:latin typeface="+mn-lt"/>
                <a:ea typeface="+mn-ea"/>
                <a:cs typeface="+mn-cs"/>
              </a:rPr>
              <a:t>[</a:t>
            </a:r>
            <a:r>
              <a:rPr lang="en-GB" sz="700" kern="0" dirty="0">
                <a:solidFill>
                  <a:srgbClr val="101073"/>
                </a:solidFill>
              </a:rPr>
              <a:t>14</a:t>
            </a:r>
            <a:r>
              <a:rPr kumimoji="0" lang="en-GB" sz="700" b="0" i="0" u="none" strike="noStrike" kern="1200" cap="none" spc="0" normalizeH="0" baseline="0" noProof="0" dirty="0">
                <a:ln>
                  <a:noFill/>
                </a:ln>
                <a:solidFill>
                  <a:srgbClr val="101073"/>
                </a:solidFill>
                <a:effectLst/>
                <a:uLnTx/>
                <a:uFillTx/>
                <a:latin typeface="+mn-lt"/>
                <a:ea typeface="+mn-ea"/>
                <a:cs typeface="+mn-cs"/>
              </a:rPr>
              <a:t>] </a:t>
            </a:r>
            <a:r>
              <a:rPr kumimoji="0" lang="en-GB" sz="700" b="1" i="0" u="none" strike="noStrike" kern="1200" cap="none" spc="0" normalizeH="0" baseline="0" noProof="0" dirty="0">
                <a:ln>
                  <a:noFill/>
                </a:ln>
                <a:solidFill>
                  <a:srgbClr val="101073"/>
                </a:solidFill>
                <a:effectLst/>
                <a:uLnTx/>
                <a:uFillTx/>
                <a:latin typeface="+mn-lt"/>
                <a:ea typeface="+mn-ea"/>
                <a:cs typeface="+mn-cs"/>
              </a:rPr>
              <a:t>Hansen T. W. et al.</a:t>
            </a:r>
            <a:r>
              <a:rPr kumimoji="0" lang="en-GB" sz="700" b="0" i="0" u="none" strike="noStrike" kern="1200" cap="none" spc="0" normalizeH="0" baseline="0" noProof="0" dirty="0">
                <a:ln>
                  <a:noFill/>
                </a:ln>
                <a:solidFill>
                  <a:srgbClr val="101073"/>
                </a:solidFill>
                <a:effectLst/>
                <a:uLnTx/>
                <a:uFillTx/>
                <a:latin typeface="+mn-lt"/>
                <a:ea typeface="+mn-ea"/>
                <a:cs typeface="+mn-cs"/>
              </a:rPr>
              <a:t> – </a:t>
            </a:r>
            <a:r>
              <a:rPr kumimoji="0" lang="en-US" sz="700" b="0" i="1" u="none" strike="noStrike" kern="1200" cap="none" spc="0" normalizeH="0" baseline="0" noProof="0" dirty="0">
                <a:ln>
                  <a:noFill/>
                </a:ln>
                <a:solidFill>
                  <a:srgbClr val="101073"/>
                </a:solidFill>
                <a:effectLst/>
                <a:uLnTx/>
                <a:uFillTx/>
                <a:latin typeface="+mn-lt"/>
                <a:ea typeface="+mn-ea"/>
                <a:cs typeface="+mn-cs"/>
              </a:rPr>
              <a:t>Support effect and active sites on promoted ruthenium catalysts for ammonia synthesis</a:t>
            </a:r>
            <a:r>
              <a:rPr kumimoji="0" lang="en-GB" sz="700" b="0" i="0" u="none" strike="noStrike" kern="1200" cap="none" spc="0" normalizeH="0" baseline="0" noProof="0" dirty="0">
                <a:ln>
                  <a:noFill/>
                </a:ln>
                <a:solidFill>
                  <a:srgbClr val="101073"/>
                </a:solidFill>
                <a:effectLst/>
                <a:uLnTx/>
                <a:uFillTx/>
                <a:latin typeface="+mn-lt"/>
                <a:ea typeface="+mn-ea"/>
                <a:cs typeface="+mn-cs"/>
              </a:rPr>
              <a:t> </a:t>
            </a:r>
            <a:r>
              <a:rPr kumimoji="0" lang="en-US" sz="700" b="0" i="0" u="none" strike="noStrike" kern="1200" cap="none" spc="0" normalizeH="0" baseline="0" noProof="0" dirty="0">
                <a:ln>
                  <a:noFill/>
                </a:ln>
                <a:solidFill>
                  <a:srgbClr val="101073"/>
                </a:solidFill>
                <a:effectLst/>
                <a:uLnTx/>
                <a:uFillTx/>
                <a:latin typeface="+mn-lt"/>
                <a:ea typeface="+mn-ea"/>
                <a:cs typeface="+mn-cs"/>
              </a:rPr>
              <a:t>– Catalysis Letters, v. 84, 7-12 (2002)</a:t>
            </a:r>
          </a:p>
          <a:p>
            <a:pPr marL="0" marR="0" lvl="0" indent="0" algn="just" defTabSz="685800" rtl="0" eaLnBrk="1" fontAlgn="auto" latinLnBrk="0" hangingPunct="1">
              <a:lnSpc>
                <a:spcPct val="100000"/>
              </a:lnSpc>
              <a:spcBef>
                <a:spcPts val="0"/>
              </a:spcBef>
              <a:spcAft>
                <a:spcPts val="0"/>
              </a:spcAft>
              <a:buClrTx/>
              <a:buSzTx/>
              <a:buFontTx/>
              <a:buNone/>
              <a:tabLst/>
              <a:defRPr/>
            </a:pPr>
            <a:r>
              <a:rPr kumimoji="0" lang="en-US" sz="700" i="0" u="none" strike="noStrike" kern="1200" cap="none" spc="0" normalizeH="0" baseline="0" dirty="0">
                <a:ln>
                  <a:noFill/>
                </a:ln>
                <a:solidFill>
                  <a:srgbClr val="101073"/>
                </a:solidFill>
                <a:effectLst/>
                <a:uLnTx/>
                <a:uFillTx/>
                <a:latin typeface="Calibri"/>
                <a:ea typeface="+mn-ea"/>
                <a:cs typeface="+mn-cs"/>
              </a:rPr>
              <a:t>[</a:t>
            </a:r>
            <a:r>
              <a:rPr lang="en-US" sz="700" dirty="0">
                <a:solidFill>
                  <a:srgbClr val="101073"/>
                </a:solidFill>
                <a:latin typeface="Calibri"/>
              </a:rPr>
              <a:t>15</a:t>
            </a:r>
            <a:r>
              <a:rPr kumimoji="0" lang="en-US" sz="700" i="0" u="none" strike="noStrike" kern="1200" cap="none" spc="0" normalizeH="0" baseline="0" dirty="0">
                <a:ln>
                  <a:noFill/>
                </a:ln>
                <a:solidFill>
                  <a:srgbClr val="101073"/>
                </a:solidFill>
                <a:effectLst/>
                <a:uLnTx/>
                <a:uFillTx/>
                <a:latin typeface="Calibri"/>
                <a:ea typeface="+mn-ea"/>
                <a:cs typeface="+mn-cs"/>
              </a:rPr>
              <a:t>] </a:t>
            </a:r>
            <a:r>
              <a:rPr kumimoji="0" lang="en-US" sz="700" b="1" i="0" u="none" strike="noStrike" kern="1200" cap="none" spc="0" normalizeH="0" baseline="0" dirty="0">
                <a:ln>
                  <a:noFill/>
                </a:ln>
                <a:solidFill>
                  <a:srgbClr val="101073"/>
                </a:solidFill>
                <a:effectLst/>
                <a:uLnTx/>
                <a:uFillTx/>
                <a:latin typeface="Calibri"/>
                <a:ea typeface="+mn-ea"/>
                <a:cs typeface="+mn-cs"/>
              </a:rPr>
              <a:t>Liu J. et al. </a:t>
            </a:r>
            <a:r>
              <a:rPr kumimoji="0" lang="en-US" sz="700" b="0" i="0" u="none" strike="noStrike" kern="1200" cap="none" spc="0" normalizeH="0" baseline="0" dirty="0">
                <a:ln>
                  <a:noFill/>
                </a:ln>
                <a:solidFill>
                  <a:srgbClr val="101073"/>
                </a:solidFill>
                <a:effectLst/>
                <a:uLnTx/>
                <a:uFillTx/>
                <a:latin typeface="Calibri"/>
                <a:ea typeface="+mn-ea"/>
                <a:cs typeface="+mn-cs"/>
              </a:rPr>
              <a:t>– </a:t>
            </a:r>
            <a:r>
              <a:rPr kumimoji="0" lang="en-US" sz="700" b="0" i="1" u="none" strike="noStrike" kern="1200" cap="none" spc="0" normalizeH="0" baseline="0" dirty="0">
                <a:ln>
                  <a:noFill/>
                </a:ln>
                <a:solidFill>
                  <a:srgbClr val="101073"/>
                </a:solidFill>
                <a:effectLst/>
                <a:uLnTx/>
                <a:uFillTx/>
                <a:latin typeface="Calibri"/>
                <a:ea typeface="+mn-ea"/>
                <a:cs typeface="+mn-cs"/>
              </a:rPr>
              <a:t>Ru-nanoparticles embedded in mesoporous carbon microfibers: preparation, characterization and catalytic properties in the hydrogenation of D-glucose</a:t>
            </a:r>
            <a:r>
              <a:rPr kumimoji="0" lang="en-US" sz="700" b="0" i="0" u="none" strike="noStrike" kern="1200" cap="none" spc="0" normalizeH="0" baseline="0" dirty="0">
                <a:ln>
                  <a:noFill/>
                </a:ln>
                <a:solidFill>
                  <a:srgbClr val="101073"/>
                </a:solidFill>
                <a:effectLst/>
                <a:uLnTx/>
                <a:uFillTx/>
                <a:latin typeface="Calibri"/>
                <a:ea typeface="+mn-ea"/>
                <a:cs typeface="+mn-cs"/>
              </a:rPr>
              <a:t> – Physical Chemistry Chemical Physics, v. 13, 3758-3763 (2010)</a:t>
            </a:r>
          </a:p>
          <a:p>
            <a:pPr marL="0" marR="0" lvl="0" indent="0" algn="just" defTabSz="685800" rtl="0" eaLnBrk="1" fontAlgn="auto" latinLnBrk="0" hangingPunct="1">
              <a:lnSpc>
                <a:spcPct val="100000"/>
              </a:lnSpc>
              <a:spcBef>
                <a:spcPts val="0"/>
              </a:spcBef>
              <a:spcAft>
                <a:spcPts val="0"/>
              </a:spcAft>
              <a:buClrTx/>
              <a:buSzTx/>
              <a:buFontTx/>
              <a:buNone/>
              <a:tabLst/>
              <a:defRPr/>
            </a:pPr>
            <a:r>
              <a:rPr kumimoji="0" lang="en-US" sz="700" i="0" u="none" strike="noStrike" kern="1200" cap="none" spc="0" normalizeH="0" baseline="0" dirty="0">
                <a:ln>
                  <a:noFill/>
                </a:ln>
                <a:solidFill>
                  <a:srgbClr val="101073"/>
                </a:solidFill>
                <a:effectLst/>
                <a:uLnTx/>
                <a:uFillTx/>
                <a:latin typeface="Calibri"/>
                <a:ea typeface="+mn-ea"/>
                <a:cs typeface="+mn-cs"/>
              </a:rPr>
              <a:t>[</a:t>
            </a:r>
            <a:r>
              <a:rPr lang="en-US" sz="700" dirty="0">
                <a:solidFill>
                  <a:srgbClr val="101073"/>
                </a:solidFill>
                <a:latin typeface="Calibri"/>
              </a:rPr>
              <a:t>16</a:t>
            </a:r>
            <a:r>
              <a:rPr kumimoji="0" lang="en-US" sz="700" i="0" u="none" strike="noStrike" kern="1200" cap="none" spc="0" normalizeH="0" baseline="0" dirty="0">
                <a:ln>
                  <a:noFill/>
                </a:ln>
                <a:solidFill>
                  <a:srgbClr val="101073"/>
                </a:solidFill>
                <a:effectLst/>
                <a:uLnTx/>
                <a:uFillTx/>
                <a:latin typeface="Calibri"/>
                <a:ea typeface="+mn-ea"/>
                <a:cs typeface="+mn-cs"/>
              </a:rPr>
              <a:t>] </a:t>
            </a:r>
            <a:r>
              <a:rPr kumimoji="0" lang="en-US" sz="700" b="1" i="0" u="none" strike="noStrike" kern="1200" cap="none" spc="0" normalizeH="0" baseline="0" dirty="0">
                <a:ln>
                  <a:noFill/>
                </a:ln>
                <a:solidFill>
                  <a:srgbClr val="101073"/>
                </a:solidFill>
                <a:effectLst/>
                <a:uLnTx/>
                <a:uFillTx/>
                <a:latin typeface="Calibri"/>
                <a:ea typeface="+mn-ea"/>
                <a:cs typeface="+mn-cs"/>
              </a:rPr>
              <a:t>Zhang L. et al. </a:t>
            </a:r>
            <a:r>
              <a:rPr kumimoji="0" lang="en-US" sz="700" b="0" i="0" u="none" strike="noStrike" kern="1200" cap="none" spc="0" normalizeH="0" baseline="0" dirty="0">
                <a:ln>
                  <a:noFill/>
                </a:ln>
                <a:solidFill>
                  <a:srgbClr val="101073"/>
                </a:solidFill>
                <a:effectLst/>
                <a:uLnTx/>
                <a:uFillTx/>
                <a:latin typeface="Calibri"/>
                <a:ea typeface="+mn-ea"/>
                <a:cs typeface="+mn-cs"/>
              </a:rPr>
              <a:t>– </a:t>
            </a:r>
            <a:r>
              <a:rPr kumimoji="0" lang="en-US" sz="700" b="0" i="1" u="none" strike="noStrike" kern="1200" cap="none" spc="0" normalizeH="0" baseline="0" dirty="0">
                <a:ln>
                  <a:noFill/>
                </a:ln>
                <a:solidFill>
                  <a:srgbClr val="101073"/>
                </a:solidFill>
                <a:effectLst/>
                <a:uLnTx/>
                <a:uFillTx/>
                <a:latin typeface="Calibri"/>
                <a:ea typeface="+mn-ea"/>
                <a:cs typeface="+mn-cs"/>
              </a:rPr>
              <a:t>Highly efficient Ru/Sm</a:t>
            </a:r>
            <a:r>
              <a:rPr kumimoji="0" lang="en-US" sz="700" b="0" i="1" u="none" strike="noStrike" kern="1200" cap="none" spc="0" normalizeH="0" baseline="-25000" dirty="0">
                <a:ln>
                  <a:noFill/>
                </a:ln>
                <a:solidFill>
                  <a:srgbClr val="101073"/>
                </a:solidFill>
                <a:effectLst/>
                <a:uLnTx/>
                <a:uFillTx/>
                <a:latin typeface="Calibri"/>
                <a:ea typeface="+mn-ea"/>
                <a:cs typeface="+mn-cs"/>
              </a:rPr>
              <a:t>2</a:t>
            </a:r>
            <a:r>
              <a:rPr kumimoji="0" lang="en-US" sz="700" b="0" i="1" u="none" strike="noStrike" kern="1200" cap="none" spc="0" normalizeH="0" baseline="0" dirty="0">
                <a:ln>
                  <a:noFill/>
                </a:ln>
                <a:solidFill>
                  <a:srgbClr val="101073"/>
                </a:solidFill>
                <a:effectLst/>
                <a:uLnTx/>
                <a:uFillTx/>
                <a:latin typeface="Calibri"/>
                <a:ea typeface="+mn-ea"/>
                <a:cs typeface="+mn-cs"/>
              </a:rPr>
              <a:t>O</a:t>
            </a:r>
            <a:r>
              <a:rPr kumimoji="0" lang="en-US" sz="700" b="0" i="1" u="none" strike="noStrike" kern="1200" cap="none" spc="0" normalizeH="0" baseline="-25000" dirty="0">
                <a:ln>
                  <a:noFill/>
                </a:ln>
                <a:solidFill>
                  <a:srgbClr val="101073"/>
                </a:solidFill>
                <a:effectLst/>
                <a:uLnTx/>
                <a:uFillTx/>
                <a:latin typeface="Calibri"/>
                <a:ea typeface="+mn-ea"/>
                <a:cs typeface="+mn-cs"/>
              </a:rPr>
              <a:t>3</a:t>
            </a:r>
            <a:r>
              <a:rPr kumimoji="0" lang="en-US" sz="700" b="0" i="1" u="none" strike="noStrike" kern="1200" cap="none" spc="0" normalizeH="0" baseline="0" dirty="0">
                <a:ln>
                  <a:noFill/>
                </a:ln>
                <a:solidFill>
                  <a:srgbClr val="101073"/>
                </a:solidFill>
                <a:effectLst/>
                <a:uLnTx/>
                <a:uFillTx/>
                <a:latin typeface="Calibri"/>
                <a:ea typeface="+mn-ea"/>
                <a:cs typeface="+mn-cs"/>
              </a:rPr>
              <a:t>-CeO</a:t>
            </a:r>
            <a:r>
              <a:rPr kumimoji="0" lang="en-US" sz="700" b="0" i="1" u="none" strike="noStrike" kern="1200" cap="none" spc="0" normalizeH="0" baseline="-25000" dirty="0">
                <a:ln>
                  <a:noFill/>
                </a:ln>
                <a:solidFill>
                  <a:srgbClr val="101073"/>
                </a:solidFill>
                <a:effectLst/>
                <a:uLnTx/>
                <a:uFillTx/>
                <a:latin typeface="Calibri"/>
                <a:ea typeface="+mn-ea"/>
                <a:cs typeface="+mn-cs"/>
              </a:rPr>
              <a:t>2</a:t>
            </a:r>
            <a:r>
              <a:rPr kumimoji="0" lang="en-US" sz="700" b="0" i="1" u="none" strike="noStrike" kern="1200" cap="none" spc="0" normalizeH="0" baseline="0" dirty="0">
                <a:ln>
                  <a:noFill/>
                </a:ln>
                <a:solidFill>
                  <a:srgbClr val="101073"/>
                </a:solidFill>
                <a:effectLst/>
                <a:uLnTx/>
                <a:uFillTx/>
                <a:latin typeface="Calibri"/>
                <a:ea typeface="+mn-ea"/>
                <a:cs typeface="+mn-cs"/>
              </a:rPr>
              <a:t> catalyst for ammonia synthesis</a:t>
            </a:r>
            <a:r>
              <a:rPr kumimoji="0" lang="en-US" sz="700" b="0" i="0" u="none" strike="noStrike" kern="1200" cap="none" spc="0" normalizeH="0" baseline="0" dirty="0">
                <a:ln>
                  <a:noFill/>
                </a:ln>
                <a:solidFill>
                  <a:srgbClr val="101073"/>
                </a:solidFill>
                <a:effectLst/>
                <a:uLnTx/>
                <a:uFillTx/>
                <a:latin typeface="Calibri"/>
                <a:ea typeface="+mn-ea"/>
                <a:cs typeface="+mn-cs"/>
              </a:rPr>
              <a:t> – Catalysis Communications –  v. 15, 23-26 (2011)</a:t>
            </a:r>
          </a:p>
          <a:p>
            <a:pPr marL="0" marR="0" lvl="0" indent="0" algn="just" defTabSz="685800" rtl="0" eaLnBrk="1" fontAlgn="auto" latinLnBrk="0" hangingPunct="1">
              <a:lnSpc>
                <a:spcPct val="100000"/>
              </a:lnSpc>
              <a:spcBef>
                <a:spcPts val="0"/>
              </a:spcBef>
              <a:spcAft>
                <a:spcPts val="0"/>
              </a:spcAft>
              <a:buClrTx/>
              <a:buSzTx/>
              <a:buFontTx/>
              <a:buNone/>
              <a:tabLst/>
              <a:defRPr/>
            </a:pPr>
            <a:r>
              <a:rPr kumimoji="0" lang="en-US" sz="700" b="0" i="0" u="none" strike="noStrike" kern="1200" cap="none" spc="0" normalizeH="0" baseline="0" noProof="0" dirty="0">
                <a:ln>
                  <a:noFill/>
                </a:ln>
                <a:solidFill>
                  <a:srgbClr val="101073"/>
                </a:solidFill>
                <a:effectLst/>
                <a:uLnTx/>
                <a:uFillTx/>
                <a:latin typeface="+mn-lt"/>
                <a:ea typeface="+mn-ea"/>
                <a:cs typeface="+mn-cs"/>
              </a:rPr>
              <a:t>[</a:t>
            </a:r>
            <a:r>
              <a:rPr lang="en-US" sz="700" kern="0" dirty="0">
                <a:solidFill>
                  <a:srgbClr val="101073"/>
                </a:solidFill>
              </a:rPr>
              <a:t>17</a:t>
            </a:r>
            <a:r>
              <a:rPr kumimoji="0" lang="en-US" sz="700" b="0" i="0" u="none" strike="noStrike" kern="1200" cap="none" spc="0" normalizeH="0" baseline="0" noProof="0" dirty="0">
                <a:ln>
                  <a:noFill/>
                </a:ln>
                <a:solidFill>
                  <a:srgbClr val="101073"/>
                </a:solidFill>
                <a:effectLst/>
                <a:uLnTx/>
                <a:uFillTx/>
                <a:latin typeface="+mn-lt"/>
                <a:ea typeface="+mn-ea"/>
                <a:cs typeface="+mn-cs"/>
              </a:rPr>
              <a:t>] </a:t>
            </a:r>
            <a:r>
              <a:rPr kumimoji="0" lang="en-US" sz="700" b="1" i="0" u="none" strike="noStrike" kern="1200" cap="none" spc="0" normalizeH="0" baseline="0" noProof="0" dirty="0" err="1">
                <a:ln>
                  <a:noFill/>
                </a:ln>
                <a:solidFill>
                  <a:srgbClr val="101073"/>
                </a:solidFill>
                <a:effectLst/>
                <a:uLnTx/>
                <a:uFillTx/>
                <a:latin typeface="+mn-lt"/>
                <a:ea typeface="+mn-ea"/>
                <a:cs typeface="+mn-cs"/>
              </a:rPr>
              <a:t>Komvokis</a:t>
            </a:r>
            <a:r>
              <a:rPr kumimoji="0" lang="en-US" sz="700" b="1" i="0" u="none" strike="noStrike" kern="1200" cap="none" spc="0" normalizeH="0" baseline="0" noProof="0" dirty="0">
                <a:ln>
                  <a:noFill/>
                </a:ln>
                <a:solidFill>
                  <a:srgbClr val="101073"/>
                </a:solidFill>
                <a:effectLst/>
                <a:uLnTx/>
                <a:uFillTx/>
                <a:latin typeface="+mn-lt"/>
                <a:ea typeface="+mn-ea"/>
                <a:cs typeface="+mn-cs"/>
              </a:rPr>
              <a:t> V. G. et al. </a:t>
            </a:r>
            <a:r>
              <a:rPr kumimoji="0" lang="en-US" sz="700" b="0" i="0" u="none" strike="noStrike" kern="1200" cap="none" spc="0" normalizeH="0" baseline="0" noProof="0" dirty="0">
                <a:ln>
                  <a:noFill/>
                </a:ln>
                <a:solidFill>
                  <a:srgbClr val="101073"/>
                </a:solidFill>
                <a:effectLst/>
                <a:uLnTx/>
                <a:uFillTx/>
                <a:latin typeface="+mn-lt"/>
                <a:ea typeface="+mn-ea"/>
                <a:cs typeface="+mn-cs"/>
              </a:rPr>
              <a:t>– </a:t>
            </a:r>
            <a:r>
              <a:rPr kumimoji="0" lang="en-US" sz="700" b="0" i="1" u="none" strike="noStrike" kern="1200" cap="none" spc="0" normalizeH="0" baseline="0" noProof="0" dirty="0">
                <a:ln>
                  <a:noFill/>
                </a:ln>
                <a:solidFill>
                  <a:srgbClr val="101073"/>
                </a:solidFill>
                <a:effectLst/>
                <a:uLnTx/>
                <a:uFillTx/>
                <a:latin typeface="+mn-lt"/>
                <a:ea typeface="+mn-ea"/>
                <a:cs typeface="+mn-cs"/>
              </a:rPr>
              <a:t>Catalytic decomposition of N</a:t>
            </a:r>
            <a:r>
              <a:rPr kumimoji="0" lang="en-US" sz="700" b="0" i="1" u="none" strike="noStrike" kern="1200" cap="none" spc="0" normalizeH="0" baseline="-25000" noProof="0" dirty="0">
                <a:ln>
                  <a:noFill/>
                </a:ln>
                <a:solidFill>
                  <a:srgbClr val="101073"/>
                </a:solidFill>
                <a:effectLst/>
                <a:uLnTx/>
                <a:uFillTx/>
                <a:latin typeface="+mn-lt"/>
                <a:ea typeface="+mn-ea"/>
                <a:cs typeface="+mn-cs"/>
              </a:rPr>
              <a:t>2</a:t>
            </a:r>
            <a:r>
              <a:rPr kumimoji="0" lang="en-US" sz="700" b="0" i="1" u="none" strike="noStrike" kern="1200" cap="none" spc="0" normalizeH="0" baseline="0" noProof="0" dirty="0">
                <a:ln>
                  <a:noFill/>
                </a:ln>
                <a:solidFill>
                  <a:srgbClr val="101073"/>
                </a:solidFill>
                <a:effectLst/>
                <a:uLnTx/>
                <a:uFillTx/>
                <a:latin typeface="+mn-lt"/>
                <a:ea typeface="+mn-ea"/>
                <a:cs typeface="+mn-cs"/>
              </a:rPr>
              <a:t>O over highly active supported Ru nanoparticles (≤3nm) prepared by chemical reduction with ethylene glycol </a:t>
            </a:r>
            <a:r>
              <a:rPr kumimoji="0" lang="en-US" sz="700" b="0" i="0" u="none" strike="noStrike" kern="1200" cap="none" spc="0" normalizeH="0" baseline="0" noProof="0" dirty="0">
                <a:ln>
                  <a:noFill/>
                </a:ln>
                <a:solidFill>
                  <a:srgbClr val="101073"/>
                </a:solidFill>
                <a:effectLst/>
                <a:uLnTx/>
                <a:uFillTx/>
                <a:latin typeface="+mn-lt"/>
                <a:ea typeface="+mn-ea"/>
                <a:cs typeface="+mn-cs"/>
              </a:rPr>
              <a:t>– Applied Catalysis B: </a:t>
            </a:r>
            <a:r>
              <a:rPr kumimoji="0" lang="it-IT" sz="700" b="0" i="0" u="none" strike="noStrike" kern="1200" cap="none" spc="0" normalizeH="0" baseline="0" noProof="0" dirty="0" err="1">
                <a:ln>
                  <a:noFill/>
                </a:ln>
                <a:solidFill>
                  <a:srgbClr val="101073"/>
                </a:solidFill>
                <a:effectLst/>
                <a:uLnTx/>
                <a:uFillTx/>
                <a:latin typeface="+mn-lt"/>
                <a:ea typeface="+mn-ea"/>
                <a:cs typeface="+mn-cs"/>
              </a:rPr>
              <a:t>Environmental</a:t>
            </a:r>
            <a:r>
              <a:rPr kumimoji="0" lang="en-US" sz="700" b="0" i="0" u="none" strike="noStrike" kern="1200" cap="none" spc="0" normalizeH="0" baseline="0" noProof="0" dirty="0">
                <a:ln>
                  <a:noFill/>
                </a:ln>
                <a:solidFill>
                  <a:srgbClr val="101073"/>
                </a:solidFill>
                <a:effectLst/>
                <a:uLnTx/>
                <a:uFillTx/>
                <a:latin typeface="+mn-lt"/>
                <a:ea typeface="+mn-ea"/>
                <a:cs typeface="+mn-cs"/>
              </a:rPr>
              <a:t>, v. 103, 62-71 (2011)</a:t>
            </a:r>
          </a:p>
          <a:p>
            <a:pPr marL="0" marR="0" lvl="0" indent="0" algn="just" defTabSz="685800" rtl="0" eaLnBrk="1" fontAlgn="auto" latinLnBrk="0" hangingPunct="1">
              <a:lnSpc>
                <a:spcPct val="100000"/>
              </a:lnSpc>
              <a:spcBef>
                <a:spcPts val="0"/>
              </a:spcBef>
              <a:spcAft>
                <a:spcPts val="0"/>
              </a:spcAft>
              <a:buClrTx/>
              <a:buSzTx/>
              <a:buFontTx/>
              <a:buNone/>
              <a:tabLst/>
              <a:defRPr/>
            </a:pPr>
            <a:r>
              <a:rPr kumimoji="0" lang="en-US" sz="700" b="0" i="0" u="none" strike="noStrike" kern="1200" cap="none" spc="0" normalizeH="0" baseline="0" noProof="0" dirty="0">
                <a:ln>
                  <a:noFill/>
                </a:ln>
                <a:solidFill>
                  <a:srgbClr val="101073"/>
                </a:solidFill>
                <a:effectLst/>
                <a:uLnTx/>
                <a:uFillTx/>
                <a:latin typeface="+mn-lt"/>
                <a:ea typeface="+mn-ea"/>
                <a:cs typeface="+mn-cs"/>
              </a:rPr>
              <a:t>[</a:t>
            </a:r>
            <a:r>
              <a:rPr lang="en-US" sz="700" dirty="0">
                <a:solidFill>
                  <a:srgbClr val="101073"/>
                </a:solidFill>
              </a:rPr>
              <a:t>18</a:t>
            </a:r>
            <a:r>
              <a:rPr kumimoji="0" lang="en-US" sz="700" b="0" i="0" u="none" strike="noStrike" kern="1200" cap="none" spc="0" normalizeH="0" baseline="0" noProof="0" dirty="0">
                <a:ln>
                  <a:noFill/>
                </a:ln>
                <a:solidFill>
                  <a:srgbClr val="101073"/>
                </a:solidFill>
                <a:effectLst/>
                <a:uLnTx/>
                <a:uFillTx/>
                <a:latin typeface="+mn-lt"/>
                <a:ea typeface="+mn-ea"/>
                <a:cs typeface="+mn-cs"/>
              </a:rPr>
              <a:t>] </a:t>
            </a:r>
            <a:r>
              <a:rPr kumimoji="0" lang="en-US" sz="700" b="1" i="0" u="none" strike="noStrike" kern="1200" cap="none" spc="0" normalizeH="0" baseline="0" noProof="0" dirty="0">
                <a:ln>
                  <a:noFill/>
                </a:ln>
                <a:solidFill>
                  <a:srgbClr val="101073"/>
                </a:solidFill>
                <a:effectLst/>
                <a:uLnTx/>
                <a:uFillTx/>
                <a:latin typeface="+mn-lt"/>
                <a:ea typeface="+mn-ea"/>
                <a:cs typeface="+mn-cs"/>
              </a:rPr>
              <a:t>Miyazaki A. et al. </a:t>
            </a:r>
            <a:r>
              <a:rPr kumimoji="0" lang="en-US" sz="700" b="0" i="0" u="none" strike="noStrike" kern="1200" cap="none" spc="0" normalizeH="0" baseline="0" noProof="0" dirty="0">
                <a:ln>
                  <a:noFill/>
                </a:ln>
                <a:solidFill>
                  <a:srgbClr val="101073"/>
                </a:solidFill>
                <a:effectLst/>
                <a:uLnTx/>
                <a:uFillTx/>
                <a:latin typeface="+mn-lt"/>
                <a:ea typeface="+mn-ea"/>
                <a:cs typeface="+mn-cs"/>
              </a:rPr>
              <a:t>– Preparation of Ru nanoparticles supported on </a:t>
            </a:r>
            <a:r>
              <a:rPr kumimoji="0" lang="el-GR" sz="700" b="0" i="0" u="none" strike="noStrike" kern="1200" cap="none" spc="0" normalizeH="0" baseline="0" noProof="0" dirty="0">
                <a:ln>
                  <a:noFill/>
                </a:ln>
                <a:solidFill>
                  <a:srgbClr val="101073"/>
                </a:solidFill>
                <a:effectLst/>
                <a:uLnTx/>
                <a:uFillTx/>
                <a:latin typeface="+mn-lt"/>
                <a:ea typeface="+mn-ea"/>
                <a:cs typeface="+mn-cs"/>
              </a:rPr>
              <a:t>γ-</a:t>
            </a:r>
            <a:r>
              <a:rPr kumimoji="0" lang="en-US" sz="700" b="0" i="0" u="none" strike="noStrike" kern="1200" cap="none" spc="0" normalizeH="0" baseline="0" noProof="0" dirty="0">
                <a:ln>
                  <a:noFill/>
                </a:ln>
                <a:solidFill>
                  <a:srgbClr val="101073"/>
                </a:solidFill>
                <a:effectLst/>
                <a:uLnTx/>
                <a:uFillTx/>
                <a:latin typeface="+mn-lt"/>
                <a:ea typeface="+mn-ea"/>
                <a:cs typeface="+mn-cs"/>
              </a:rPr>
              <a:t>Al2O3 and its novel catalytic activity for ammonia synthesis – Journal of Catalysis, v. 204, 364-371 (1998)</a:t>
            </a:r>
          </a:p>
          <a:p>
            <a:pPr algn="just">
              <a:defRPr/>
            </a:pPr>
            <a:r>
              <a:rPr lang="en-US" sz="700" dirty="0">
                <a:solidFill>
                  <a:srgbClr val="101073"/>
                </a:solidFill>
              </a:rPr>
              <a:t>[19] </a:t>
            </a:r>
            <a:r>
              <a:rPr lang="en-US" sz="700" b="1" dirty="0" err="1">
                <a:solidFill>
                  <a:srgbClr val="101073"/>
                </a:solidFill>
              </a:rPr>
              <a:t>Fievet</a:t>
            </a:r>
            <a:r>
              <a:rPr lang="en-US" sz="700" b="1" dirty="0">
                <a:solidFill>
                  <a:srgbClr val="101073"/>
                </a:solidFill>
              </a:rPr>
              <a:t> F. et al. – </a:t>
            </a:r>
            <a:r>
              <a:rPr lang="en-US" sz="700" i="1" dirty="0">
                <a:solidFill>
                  <a:srgbClr val="101073"/>
                </a:solidFill>
              </a:rPr>
              <a:t>Preparing Monodisperse Metal Powders in Micrometer and </a:t>
            </a:r>
            <a:r>
              <a:rPr lang="en-US" sz="700" i="1" dirty="0" err="1">
                <a:solidFill>
                  <a:srgbClr val="101073"/>
                </a:solidFill>
              </a:rPr>
              <a:t>Submicrometer</a:t>
            </a:r>
            <a:r>
              <a:rPr lang="en-US" sz="700" i="1" dirty="0">
                <a:solidFill>
                  <a:srgbClr val="101073"/>
                </a:solidFill>
              </a:rPr>
              <a:t> Sizes by the Polyol Process</a:t>
            </a:r>
            <a:r>
              <a:rPr lang="en-US" sz="700" dirty="0">
                <a:solidFill>
                  <a:srgbClr val="101073"/>
                </a:solidFill>
              </a:rPr>
              <a:t>, MRS Bulletin, v. 14, 29-34 (1989)</a:t>
            </a:r>
          </a:p>
          <a:p>
            <a:pPr marL="0" marR="0" lvl="0" indent="0" algn="just" defTabSz="685800" rtl="0" eaLnBrk="1" fontAlgn="auto" latinLnBrk="0" hangingPunct="1">
              <a:lnSpc>
                <a:spcPct val="100000"/>
              </a:lnSpc>
              <a:spcBef>
                <a:spcPts val="0"/>
              </a:spcBef>
              <a:spcAft>
                <a:spcPts val="0"/>
              </a:spcAft>
              <a:buClrTx/>
              <a:buSzTx/>
              <a:buFontTx/>
              <a:buNone/>
              <a:tabLst/>
              <a:defRPr/>
            </a:pPr>
            <a:endParaRPr kumimoji="0" lang="en-US" sz="700" b="0" i="0" u="none" strike="noStrike" kern="1200" cap="none" spc="0" normalizeH="0" baseline="0" noProof="0" dirty="0">
              <a:ln>
                <a:noFill/>
              </a:ln>
              <a:solidFill>
                <a:srgbClr val="101073"/>
              </a:solidFill>
              <a:effectLst/>
              <a:uLnTx/>
              <a:uFillTx/>
              <a:latin typeface="+mn-lt"/>
              <a:ea typeface="+mn-ea"/>
              <a:cs typeface="+mn-cs"/>
            </a:endParaRPr>
          </a:p>
          <a:p>
            <a:pPr marL="0" marR="0" lvl="0" indent="0" algn="just" defTabSz="685800" rtl="0" eaLnBrk="1" fontAlgn="auto" latinLnBrk="0" hangingPunct="1">
              <a:lnSpc>
                <a:spcPct val="100000"/>
              </a:lnSpc>
              <a:spcBef>
                <a:spcPts val="0"/>
              </a:spcBef>
              <a:spcAft>
                <a:spcPts val="0"/>
              </a:spcAft>
              <a:buClrTx/>
              <a:buSzTx/>
              <a:buFontTx/>
              <a:buNone/>
              <a:tabLst/>
              <a:defRPr/>
            </a:pPr>
            <a:endParaRPr kumimoji="0" lang="en-US" sz="700" b="0" i="0" u="none" strike="noStrike" kern="1200" cap="none" spc="0" normalizeH="0" baseline="0" dirty="0">
              <a:ln>
                <a:noFill/>
              </a:ln>
              <a:solidFill>
                <a:srgbClr val="101073"/>
              </a:solidFill>
              <a:effectLst/>
              <a:uLnTx/>
              <a:uFillTx/>
              <a:latin typeface="Calibri"/>
              <a:ea typeface="+mn-ea"/>
              <a:cs typeface="+mn-cs"/>
            </a:endParaRPr>
          </a:p>
        </p:txBody>
      </p:sp>
      <p:cxnSp>
        <p:nvCxnSpPr>
          <p:cNvPr id="23" name="Straight Connector 22">
            <a:extLst>
              <a:ext uri="{FF2B5EF4-FFF2-40B4-BE49-F238E27FC236}">
                <a16:creationId xmlns:a16="http://schemas.microsoft.com/office/drawing/2014/main" id="{E85F0D7E-8801-1E88-C1E3-E9F39764BC33}"/>
              </a:ext>
            </a:extLst>
          </p:cNvPr>
          <p:cNvCxnSpPr>
            <a:cxnSpLocks/>
          </p:cNvCxnSpPr>
          <p:nvPr/>
        </p:nvCxnSpPr>
        <p:spPr>
          <a:xfrm>
            <a:off x="0" y="4568400"/>
            <a:ext cx="9144000" cy="0"/>
          </a:xfrm>
          <a:prstGeom prst="line">
            <a:avLst/>
          </a:prstGeom>
          <a:ln w="19050">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079324606"/>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1" presetClass="entr" presetSubtype="2" fill="hold" grpId="0" nodeType="afterEffect">
                                  <p:stCondLst>
                                    <p:cond delay="0"/>
                                  </p:stCondLst>
                                  <p:childTnLst>
                                    <p:set>
                                      <p:cBhvr>
                                        <p:cTn id="6" dur="1" fill="hold">
                                          <p:stCondLst>
                                            <p:cond delay="0"/>
                                          </p:stCondLst>
                                        </p:cTn>
                                        <p:tgtEl>
                                          <p:spTgt spid="21"/>
                                        </p:tgtEl>
                                        <p:attrNameLst>
                                          <p:attrName>style.visibility</p:attrName>
                                        </p:attrNameLst>
                                      </p:cBhvr>
                                      <p:to>
                                        <p:strVal val="visible"/>
                                      </p:to>
                                    </p:set>
                                    <p:animEffect transition="in" filter="wheel(2)">
                                      <p:cBhvr>
                                        <p:cTn id="7" dur="1500"/>
                                        <p:tgtEl>
                                          <p:spTgt spid="21"/>
                                        </p:tgtEl>
                                      </p:cBhvr>
                                    </p:animEffect>
                                  </p:childTnLst>
                                </p:cTn>
                              </p:par>
                            </p:childTnLst>
                          </p:cTn>
                        </p:par>
                        <p:par>
                          <p:cTn id="8" fill="hold">
                            <p:stCondLst>
                              <p:cond delay="1500"/>
                            </p:stCondLst>
                            <p:childTnLst>
                              <p:par>
                                <p:cTn id="9" presetID="22" presetClass="entr" presetSubtype="8" fill="hold" nodeType="afterEffect">
                                  <p:stCondLst>
                                    <p:cond delay="0"/>
                                  </p:stCondLst>
                                  <p:childTnLst>
                                    <p:set>
                                      <p:cBhvr>
                                        <p:cTn id="10" dur="1" fill="hold">
                                          <p:stCondLst>
                                            <p:cond delay="0"/>
                                          </p:stCondLst>
                                        </p:cTn>
                                        <p:tgtEl>
                                          <p:spTgt spid="18"/>
                                        </p:tgtEl>
                                        <p:attrNameLst>
                                          <p:attrName>style.visibility</p:attrName>
                                        </p:attrNameLst>
                                      </p:cBhvr>
                                      <p:to>
                                        <p:strVal val="visible"/>
                                      </p:to>
                                    </p:set>
                                    <p:animEffect transition="in" filter="wipe(left)">
                                      <p:cBhvr>
                                        <p:cTn id="11" dur="1000"/>
                                        <p:tgtEl>
                                          <p:spTgt spid="18"/>
                                        </p:tgtEl>
                                      </p:cBhvr>
                                    </p:animEffect>
                                  </p:childTnLst>
                                </p:cTn>
                              </p:par>
                            </p:childTnLst>
                          </p:cTn>
                        </p:par>
                        <p:par>
                          <p:cTn id="12" fill="hold">
                            <p:stCondLst>
                              <p:cond delay="2500"/>
                            </p:stCondLst>
                            <p:childTnLst>
                              <p:par>
                                <p:cTn id="13" presetID="22" presetClass="entr" presetSubtype="1" fill="hold" grpId="0" nodeType="afterEffect">
                                  <p:stCondLst>
                                    <p:cond delay="0"/>
                                  </p:stCondLst>
                                  <p:childTnLst>
                                    <p:set>
                                      <p:cBhvr>
                                        <p:cTn id="14" dur="1" fill="hold">
                                          <p:stCondLst>
                                            <p:cond delay="0"/>
                                          </p:stCondLst>
                                        </p:cTn>
                                        <p:tgtEl>
                                          <p:spTgt spid="11">
                                            <p:txEl>
                                              <p:pRg st="0" end="0"/>
                                            </p:txEl>
                                          </p:spTgt>
                                        </p:tgtEl>
                                        <p:attrNameLst>
                                          <p:attrName>style.visibility</p:attrName>
                                        </p:attrNameLst>
                                      </p:cBhvr>
                                      <p:to>
                                        <p:strVal val="visible"/>
                                      </p:to>
                                    </p:set>
                                    <p:animEffect transition="in" filter="wipe(up)">
                                      <p:cBhvr>
                                        <p:cTn id="15" dur="1000"/>
                                        <p:tgtEl>
                                          <p:spTgt spid="11">
                                            <p:txEl>
                                              <p:pRg st="0" end="0"/>
                                            </p:txEl>
                                          </p:spTgt>
                                        </p:tgtEl>
                                      </p:cBhvr>
                                    </p:animEffect>
                                  </p:childTnLst>
                                </p:cTn>
                              </p:par>
                            </p:childTnLst>
                          </p:cTn>
                        </p:par>
                        <p:par>
                          <p:cTn id="16" fill="hold">
                            <p:stCondLst>
                              <p:cond delay="3500"/>
                            </p:stCondLst>
                            <p:childTnLst>
                              <p:par>
                                <p:cTn id="17" presetID="22" presetClass="entr" presetSubtype="1" fill="hold" grpId="0" nodeType="afterEffect">
                                  <p:stCondLst>
                                    <p:cond delay="0"/>
                                  </p:stCondLst>
                                  <p:childTnLst>
                                    <p:set>
                                      <p:cBhvr>
                                        <p:cTn id="18" dur="1" fill="hold">
                                          <p:stCondLst>
                                            <p:cond delay="0"/>
                                          </p:stCondLst>
                                        </p:cTn>
                                        <p:tgtEl>
                                          <p:spTgt spid="11">
                                            <p:txEl>
                                              <p:pRg st="1" end="1"/>
                                            </p:txEl>
                                          </p:spTgt>
                                        </p:tgtEl>
                                        <p:attrNameLst>
                                          <p:attrName>style.visibility</p:attrName>
                                        </p:attrNameLst>
                                      </p:cBhvr>
                                      <p:to>
                                        <p:strVal val="visible"/>
                                      </p:to>
                                    </p:set>
                                    <p:animEffect transition="in" filter="wipe(up)">
                                      <p:cBhvr>
                                        <p:cTn id="19" dur="1000"/>
                                        <p:tgtEl>
                                          <p:spTgt spid="11">
                                            <p:txEl>
                                              <p:pRg st="1" end="1"/>
                                            </p:txEl>
                                          </p:spTgt>
                                        </p:tgtEl>
                                      </p:cBhvr>
                                    </p:animEffect>
                                  </p:childTnLst>
                                </p:cTn>
                              </p:par>
                            </p:childTnLst>
                          </p:cTn>
                        </p:par>
                        <p:par>
                          <p:cTn id="20" fill="hold">
                            <p:stCondLst>
                              <p:cond delay="4500"/>
                            </p:stCondLst>
                            <p:childTnLst>
                              <p:par>
                                <p:cTn id="21" presetID="22" presetClass="entr" presetSubtype="1" fill="hold" grpId="0" nodeType="afterEffect">
                                  <p:stCondLst>
                                    <p:cond delay="0"/>
                                  </p:stCondLst>
                                  <p:childTnLst>
                                    <p:set>
                                      <p:cBhvr>
                                        <p:cTn id="22" dur="1" fill="hold">
                                          <p:stCondLst>
                                            <p:cond delay="0"/>
                                          </p:stCondLst>
                                        </p:cTn>
                                        <p:tgtEl>
                                          <p:spTgt spid="11">
                                            <p:txEl>
                                              <p:pRg st="2" end="2"/>
                                            </p:txEl>
                                          </p:spTgt>
                                        </p:tgtEl>
                                        <p:attrNameLst>
                                          <p:attrName>style.visibility</p:attrName>
                                        </p:attrNameLst>
                                      </p:cBhvr>
                                      <p:to>
                                        <p:strVal val="visible"/>
                                      </p:to>
                                    </p:set>
                                    <p:animEffect transition="in" filter="wipe(up)">
                                      <p:cBhvr>
                                        <p:cTn id="23" dur="1000"/>
                                        <p:tgtEl>
                                          <p:spTgt spid="11">
                                            <p:txEl>
                                              <p:pRg st="2" end="2"/>
                                            </p:txEl>
                                          </p:spTgt>
                                        </p:tgtEl>
                                      </p:cBhvr>
                                    </p:animEffect>
                                  </p:childTnLst>
                                </p:cTn>
                              </p:par>
                            </p:childTnLst>
                          </p:cTn>
                        </p:par>
                        <p:par>
                          <p:cTn id="24" fill="hold">
                            <p:stCondLst>
                              <p:cond delay="5500"/>
                            </p:stCondLst>
                            <p:childTnLst>
                              <p:par>
                                <p:cTn id="25" presetID="22" presetClass="entr" presetSubtype="8" fill="hold" grpId="0" nodeType="afterEffect">
                                  <p:stCondLst>
                                    <p:cond delay="0"/>
                                  </p:stCondLst>
                                  <p:childTnLst>
                                    <p:set>
                                      <p:cBhvr>
                                        <p:cTn id="26" dur="1" fill="hold">
                                          <p:stCondLst>
                                            <p:cond delay="0"/>
                                          </p:stCondLst>
                                        </p:cTn>
                                        <p:tgtEl>
                                          <p:spTgt spid="22"/>
                                        </p:tgtEl>
                                        <p:attrNameLst>
                                          <p:attrName>style.visibility</p:attrName>
                                        </p:attrNameLst>
                                      </p:cBhvr>
                                      <p:to>
                                        <p:strVal val="visible"/>
                                      </p:to>
                                    </p:set>
                                    <p:animEffect transition="in" filter="wipe(left)">
                                      <p:cBhvr>
                                        <p:cTn id="27" dur="1000"/>
                                        <p:tgtEl>
                                          <p:spTgt spid="2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uiExpand="1" build="p"/>
      <p:bldP spid="21" grpId="0" animBg="1"/>
      <p:bldP spid="22"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13</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atalysts for ammonia decomposition </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Polyol Reduction Method</a:t>
            </a:r>
          </a:p>
        </p:txBody>
      </p:sp>
      <p:cxnSp>
        <p:nvCxnSpPr>
          <p:cNvPr id="23" name="Straight Connector 22">
            <a:extLst>
              <a:ext uri="{FF2B5EF4-FFF2-40B4-BE49-F238E27FC236}">
                <a16:creationId xmlns:a16="http://schemas.microsoft.com/office/drawing/2014/main" id="{E85F0D7E-8801-1E88-C1E3-E9F39764BC33}"/>
              </a:ext>
            </a:extLst>
          </p:cNvPr>
          <p:cNvCxnSpPr>
            <a:cxnSpLocks/>
          </p:cNvCxnSpPr>
          <p:nvPr/>
        </p:nvCxnSpPr>
        <p:spPr>
          <a:xfrm>
            <a:off x="0" y="4568400"/>
            <a:ext cx="9144000" cy="0"/>
          </a:xfrm>
          <a:prstGeom prst="line">
            <a:avLst/>
          </a:prstGeom>
          <a:ln w="19050">
            <a:solidFill>
              <a:srgbClr val="002060"/>
            </a:solidFill>
          </a:ln>
        </p:spPr>
        <p:style>
          <a:lnRef idx="1">
            <a:schemeClr val="accent1"/>
          </a:lnRef>
          <a:fillRef idx="0">
            <a:schemeClr val="accent1"/>
          </a:fillRef>
          <a:effectRef idx="0">
            <a:schemeClr val="accent1"/>
          </a:effectRef>
          <a:fontRef idx="minor">
            <a:schemeClr val="tx1"/>
          </a:fontRef>
        </p:style>
      </p:cxnSp>
      <p:pic>
        <p:nvPicPr>
          <p:cNvPr id="1028" name="Picture 4">
            <a:extLst>
              <a:ext uri="{FF2B5EF4-FFF2-40B4-BE49-F238E27FC236}">
                <a16:creationId xmlns:a16="http://schemas.microsoft.com/office/drawing/2014/main" id="{49FE7B92-4F60-79F6-3D7B-F379F1C7513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p:blipFill>
        <p:spPr bwMode="auto">
          <a:xfrm>
            <a:off x="155881" y="2669511"/>
            <a:ext cx="1554888" cy="878410"/>
          </a:xfrm>
          <a:prstGeom prst="rect">
            <a:avLst/>
          </a:prstGeom>
          <a:noFill/>
          <a:extLst>
            <a:ext uri="{909E8E84-426E-40DD-AFC4-6F175D3DCCD1}">
              <a14:hiddenFill xmlns:a14="http://schemas.microsoft.com/office/drawing/2010/main">
                <a:solidFill>
                  <a:srgbClr val="FFFFFF"/>
                </a:solidFill>
              </a14:hiddenFill>
            </a:ext>
          </a:extLst>
        </p:spPr>
      </p:pic>
      <p:sp>
        <p:nvSpPr>
          <p:cNvPr id="7" name="CasellaDiTesto 16">
            <a:extLst>
              <a:ext uri="{FF2B5EF4-FFF2-40B4-BE49-F238E27FC236}">
                <a16:creationId xmlns:a16="http://schemas.microsoft.com/office/drawing/2014/main" id="{6C74CECC-8DB7-9BF1-22D1-87AE82AC8100}"/>
              </a:ext>
            </a:extLst>
          </p:cNvPr>
          <p:cNvSpPr txBox="1"/>
          <p:nvPr/>
        </p:nvSpPr>
        <p:spPr>
          <a:xfrm>
            <a:off x="1126973" y="1301460"/>
            <a:ext cx="1536896" cy="995016"/>
          </a:xfrm>
          <a:prstGeom prst="rect">
            <a:avLst/>
          </a:prstGeom>
          <a:noFill/>
        </p:spPr>
        <p:txBody>
          <a:bodyPr wrap="none" rtlCol="0">
            <a:spAutoFit/>
          </a:bodyPr>
          <a:lstStyle/>
          <a:p>
            <a:pPr>
              <a:lnSpc>
                <a:spcPct val="150000"/>
              </a:lnSpc>
            </a:pPr>
            <a:r>
              <a:rPr lang="en-US" b="1" i="1" dirty="0">
                <a:solidFill>
                  <a:srgbClr val="C00000"/>
                </a:solidFill>
              </a:rPr>
              <a:t>Metal precursors</a:t>
            </a:r>
          </a:p>
          <a:p>
            <a:pPr>
              <a:lnSpc>
                <a:spcPct val="150000"/>
              </a:lnSpc>
            </a:pPr>
            <a:r>
              <a:rPr lang="en-US" b="1" i="1" dirty="0">
                <a:solidFill>
                  <a:srgbClr val="C00000"/>
                </a:solidFill>
              </a:rPr>
              <a:t>Polyhydric Alcohol </a:t>
            </a:r>
          </a:p>
          <a:p>
            <a:pPr>
              <a:lnSpc>
                <a:spcPct val="150000"/>
              </a:lnSpc>
            </a:pPr>
            <a:endParaRPr lang="en-US" i="1" dirty="0">
              <a:solidFill>
                <a:srgbClr val="C00000"/>
              </a:solidFill>
            </a:endParaRPr>
          </a:p>
        </p:txBody>
      </p:sp>
      <p:sp>
        <p:nvSpPr>
          <p:cNvPr id="17" name="CasellaDiTesto 23">
            <a:extLst>
              <a:ext uri="{FF2B5EF4-FFF2-40B4-BE49-F238E27FC236}">
                <a16:creationId xmlns:a16="http://schemas.microsoft.com/office/drawing/2014/main" id="{5A4F351A-4834-6965-4B92-877322B83FB0}"/>
              </a:ext>
            </a:extLst>
          </p:cNvPr>
          <p:cNvSpPr txBox="1"/>
          <p:nvPr/>
        </p:nvSpPr>
        <p:spPr>
          <a:xfrm>
            <a:off x="557214" y="3535372"/>
            <a:ext cx="958852" cy="507831"/>
          </a:xfrm>
          <a:prstGeom prst="rect">
            <a:avLst/>
          </a:prstGeom>
          <a:noFill/>
        </p:spPr>
        <p:txBody>
          <a:bodyPr wrap="none" rtlCol="0">
            <a:spAutoFit/>
          </a:bodyPr>
          <a:lstStyle/>
          <a:p>
            <a:r>
              <a:rPr lang="en-US" b="1" i="1">
                <a:solidFill>
                  <a:srgbClr val="002060"/>
                </a:solidFill>
              </a:rPr>
              <a:t>HEATING </a:t>
            </a:r>
          </a:p>
          <a:p>
            <a:r>
              <a:rPr lang="en-US" b="1" i="1">
                <a:solidFill>
                  <a:srgbClr val="002060"/>
                </a:solidFill>
              </a:rPr>
              <a:t>TO REFLUX</a:t>
            </a:r>
          </a:p>
        </p:txBody>
      </p:sp>
      <p:sp>
        <p:nvSpPr>
          <p:cNvPr id="8" name="CasellaDiTesto 25">
            <a:extLst>
              <a:ext uri="{FF2B5EF4-FFF2-40B4-BE49-F238E27FC236}">
                <a16:creationId xmlns:a16="http://schemas.microsoft.com/office/drawing/2014/main" id="{F9C841E9-C41D-C23E-F373-4497B3B3FB65}"/>
              </a:ext>
            </a:extLst>
          </p:cNvPr>
          <p:cNvSpPr txBox="1"/>
          <p:nvPr/>
        </p:nvSpPr>
        <p:spPr>
          <a:xfrm>
            <a:off x="2302385" y="2642029"/>
            <a:ext cx="1203547" cy="715581"/>
          </a:xfrm>
          <a:prstGeom prst="rect">
            <a:avLst/>
          </a:prstGeom>
          <a:noFill/>
        </p:spPr>
        <p:txBody>
          <a:bodyPr wrap="square" rtlCol="0">
            <a:spAutoFit/>
          </a:bodyPr>
          <a:lstStyle/>
          <a:p>
            <a:r>
              <a:rPr lang="en-US" b="1" i="1" dirty="0">
                <a:solidFill>
                  <a:srgbClr val="002060"/>
                </a:solidFill>
              </a:rPr>
              <a:t>FORMATION OF METALLIC PARTICLES</a:t>
            </a:r>
          </a:p>
        </p:txBody>
      </p:sp>
      <p:pic>
        <p:nvPicPr>
          <p:cNvPr id="9" name="Elemento grafico 29" descr="Freccia a destra contorno">
            <a:extLst>
              <a:ext uri="{FF2B5EF4-FFF2-40B4-BE49-F238E27FC236}">
                <a16:creationId xmlns:a16="http://schemas.microsoft.com/office/drawing/2014/main" id="{FBB12C15-A444-A621-CAB6-509F1244C4BC}"/>
              </a:ext>
            </a:extLst>
          </p:cNvPr>
          <p:cNvPicPr>
            <a:picLocks noChangeAspect="1"/>
          </p:cNvPicPr>
          <p:nvPr/>
        </p:nvPicPr>
        <p:blipFill rotWithShape="1">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rcRect t="26852" b="26384"/>
          <a:stretch/>
        </p:blipFill>
        <p:spPr>
          <a:xfrm rot="5400000">
            <a:off x="777896" y="1492280"/>
            <a:ext cx="577369" cy="270000"/>
          </a:xfrm>
          <a:prstGeom prst="rect">
            <a:avLst/>
          </a:prstGeom>
        </p:spPr>
      </p:pic>
      <p:sp>
        <p:nvSpPr>
          <p:cNvPr id="10" name="Tijdelijke aanduiding voor inhoud 2">
            <a:extLst>
              <a:ext uri="{FF2B5EF4-FFF2-40B4-BE49-F238E27FC236}">
                <a16:creationId xmlns:a16="http://schemas.microsoft.com/office/drawing/2014/main" id="{A68DF16A-7EC2-D86A-A387-80DAA5210F74}"/>
              </a:ext>
            </a:extLst>
          </p:cNvPr>
          <p:cNvSpPr txBox="1">
            <a:spLocks/>
          </p:cNvSpPr>
          <p:nvPr/>
        </p:nvSpPr>
        <p:spPr>
          <a:xfrm>
            <a:off x="232339" y="4114975"/>
            <a:ext cx="8352926" cy="398325"/>
          </a:xfrm>
          <a:prstGeom prst="rect">
            <a:avLst/>
          </a:prstGeom>
        </p:spPr>
        <p:txBody>
          <a:bodyPr vert="horz" lIns="0" tIns="0" rIns="0" bIns="0" rtlCol="0" anchor="t">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marR="0" lvl="0" indent="0" algn="just" defTabSz="685800" rtl="0" eaLnBrk="1" fontAlgn="auto" latinLnBrk="0" hangingPunct="1">
              <a:lnSpc>
                <a:spcPct val="100000"/>
              </a:lnSpc>
              <a:spcBef>
                <a:spcPts val="0"/>
              </a:spcBef>
              <a:spcAft>
                <a:spcPts val="0"/>
              </a:spcAft>
              <a:buClrTx/>
              <a:buSzTx/>
              <a:buFont typeface="Arial" panose="020B0604020202020204" pitchFamily="34" charset="0"/>
              <a:buNone/>
              <a:tabLst/>
              <a:defRPr/>
            </a:pPr>
            <a:r>
              <a:rPr lang="en-US" sz="700" dirty="0">
                <a:solidFill>
                  <a:srgbClr val="101073"/>
                </a:solidFill>
              </a:rPr>
              <a:t>[19] </a:t>
            </a:r>
            <a:r>
              <a:rPr lang="en-US" sz="700" b="1" dirty="0" err="1">
                <a:solidFill>
                  <a:srgbClr val="101073"/>
                </a:solidFill>
              </a:rPr>
              <a:t>Fievet</a:t>
            </a:r>
            <a:r>
              <a:rPr lang="en-US" sz="700" b="1" dirty="0">
                <a:solidFill>
                  <a:srgbClr val="101073"/>
                </a:solidFill>
              </a:rPr>
              <a:t> F. et al. – </a:t>
            </a:r>
            <a:r>
              <a:rPr lang="en-US" sz="700" i="1" dirty="0">
                <a:solidFill>
                  <a:srgbClr val="101073"/>
                </a:solidFill>
              </a:rPr>
              <a:t>Preparing Monodisperse Metal Powders in Micrometer and </a:t>
            </a:r>
            <a:r>
              <a:rPr lang="en-US" sz="700" i="1" dirty="0" err="1">
                <a:solidFill>
                  <a:srgbClr val="101073"/>
                </a:solidFill>
              </a:rPr>
              <a:t>Submicrometer</a:t>
            </a:r>
            <a:r>
              <a:rPr lang="en-US" sz="700" i="1" dirty="0">
                <a:solidFill>
                  <a:srgbClr val="101073"/>
                </a:solidFill>
              </a:rPr>
              <a:t> Sizes by the Polyol Process</a:t>
            </a:r>
            <a:r>
              <a:rPr lang="en-US" sz="700" dirty="0">
                <a:solidFill>
                  <a:srgbClr val="101073"/>
                </a:solidFill>
              </a:rPr>
              <a:t>, MRS Bulletin, v. 14, 29-34 (1989)</a:t>
            </a:r>
          </a:p>
          <a:p>
            <a:pPr algn="just">
              <a:defRPr/>
            </a:pPr>
            <a:r>
              <a:rPr lang="en-US" sz="700" dirty="0">
                <a:solidFill>
                  <a:srgbClr val="101073"/>
                </a:solidFill>
              </a:rPr>
              <a:t>[20] </a:t>
            </a:r>
            <a:r>
              <a:rPr lang="it-IT" sz="700" b="1" dirty="0" err="1">
                <a:solidFill>
                  <a:srgbClr val="101073"/>
                </a:solidFill>
                <a:effectLst/>
              </a:rPr>
              <a:t>Komarneni</a:t>
            </a:r>
            <a:r>
              <a:rPr lang="it-IT" sz="700" b="1" dirty="0">
                <a:solidFill>
                  <a:srgbClr val="101073"/>
                </a:solidFill>
                <a:effectLst/>
              </a:rPr>
              <a:t> S. et al. – </a:t>
            </a:r>
            <a:r>
              <a:rPr lang="it-IT" sz="700" i="1" dirty="0" err="1">
                <a:solidFill>
                  <a:srgbClr val="101073"/>
                </a:solidFill>
                <a:effectLst/>
              </a:rPr>
              <a:t>Microwave-Polyol</a:t>
            </a:r>
            <a:r>
              <a:rPr lang="it-IT" sz="700" i="1" dirty="0">
                <a:solidFill>
                  <a:srgbClr val="101073"/>
                </a:solidFill>
                <a:effectLst/>
              </a:rPr>
              <a:t> </a:t>
            </a:r>
            <a:r>
              <a:rPr lang="it-IT" sz="700" i="1" dirty="0" err="1">
                <a:solidFill>
                  <a:srgbClr val="101073"/>
                </a:solidFill>
                <a:effectLst/>
              </a:rPr>
              <a:t>Process</a:t>
            </a:r>
            <a:r>
              <a:rPr lang="it-IT" sz="700" i="1" dirty="0">
                <a:solidFill>
                  <a:srgbClr val="101073"/>
                </a:solidFill>
                <a:effectLst/>
              </a:rPr>
              <a:t> for </a:t>
            </a:r>
            <a:r>
              <a:rPr lang="it-IT" sz="700" i="1" dirty="0" err="1">
                <a:solidFill>
                  <a:srgbClr val="101073"/>
                </a:solidFill>
                <a:effectLst/>
              </a:rPr>
              <a:t>Pt</a:t>
            </a:r>
            <a:r>
              <a:rPr lang="it-IT" sz="700" i="1" dirty="0">
                <a:solidFill>
                  <a:srgbClr val="101073"/>
                </a:solidFill>
                <a:effectLst/>
              </a:rPr>
              <a:t> and Ag </a:t>
            </a:r>
            <a:r>
              <a:rPr lang="it-IT" sz="700" i="1" dirty="0" err="1">
                <a:solidFill>
                  <a:srgbClr val="101073"/>
                </a:solidFill>
                <a:effectLst/>
              </a:rPr>
              <a:t>Nanoparticles</a:t>
            </a:r>
            <a:r>
              <a:rPr lang="it-IT" sz="700" dirty="0">
                <a:solidFill>
                  <a:srgbClr val="101073"/>
                </a:solidFill>
                <a:effectLst/>
              </a:rPr>
              <a:t>, </a:t>
            </a:r>
            <a:r>
              <a:rPr lang="it-IT" sz="700" dirty="0" err="1">
                <a:solidFill>
                  <a:srgbClr val="101073"/>
                </a:solidFill>
                <a:effectLst/>
              </a:rPr>
              <a:t>Langmuir</a:t>
            </a:r>
            <a:r>
              <a:rPr lang="it-IT" sz="700" dirty="0">
                <a:solidFill>
                  <a:srgbClr val="101073"/>
                </a:solidFill>
                <a:effectLst/>
              </a:rPr>
              <a:t>, v. 18, 5959-5962 (2002)</a:t>
            </a:r>
          </a:p>
          <a:p>
            <a:pPr algn="just">
              <a:defRPr/>
            </a:pPr>
            <a:r>
              <a:rPr lang="en-US" sz="700" dirty="0">
                <a:solidFill>
                  <a:srgbClr val="101073"/>
                </a:solidFill>
              </a:rPr>
              <a:t>[21] </a:t>
            </a:r>
            <a:r>
              <a:rPr lang="en-US" sz="700" b="1" dirty="0" err="1">
                <a:solidFill>
                  <a:srgbClr val="101073"/>
                </a:solidFill>
              </a:rPr>
              <a:t>Saadatjou</a:t>
            </a:r>
            <a:r>
              <a:rPr lang="en-US" sz="700" b="1" dirty="0">
                <a:solidFill>
                  <a:srgbClr val="101073"/>
                </a:solidFill>
              </a:rPr>
              <a:t> N. et al. </a:t>
            </a:r>
            <a:r>
              <a:rPr lang="en-US" sz="700" dirty="0">
                <a:solidFill>
                  <a:srgbClr val="101073"/>
                </a:solidFill>
              </a:rPr>
              <a:t>– </a:t>
            </a:r>
            <a:r>
              <a:rPr lang="en-US" sz="700" i="1" dirty="0">
                <a:solidFill>
                  <a:srgbClr val="101073"/>
                </a:solidFill>
              </a:rPr>
              <a:t>Ruthenium Nanocatalysts for Ammonia Synthesis</a:t>
            </a:r>
            <a:r>
              <a:rPr lang="en-US" sz="700" dirty="0">
                <a:solidFill>
                  <a:srgbClr val="101073"/>
                </a:solidFill>
              </a:rPr>
              <a:t> – A Review, Chemical Engineering Communications, v. 202, 420-448 (2015)</a:t>
            </a:r>
          </a:p>
          <a:p>
            <a:pPr algn="just">
              <a:defRPr/>
            </a:pPr>
            <a:r>
              <a:rPr lang="en-US" sz="700" dirty="0">
                <a:solidFill>
                  <a:srgbClr val="101073"/>
                </a:solidFill>
                <a:effectLst/>
              </a:rPr>
              <a:t>[</a:t>
            </a:r>
            <a:r>
              <a:rPr lang="en-US" sz="700" dirty="0">
                <a:solidFill>
                  <a:srgbClr val="101073"/>
                </a:solidFill>
              </a:rPr>
              <a:t>22</a:t>
            </a:r>
            <a:r>
              <a:rPr lang="en-US" sz="700" dirty="0">
                <a:solidFill>
                  <a:srgbClr val="101073"/>
                </a:solidFill>
                <a:effectLst/>
              </a:rPr>
              <a:t>] </a:t>
            </a:r>
            <a:r>
              <a:rPr lang="en-US" sz="700" b="1" dirty="0" err="1">
                <a:solidFill>
                  <a:srgbClr val="101073"/>
                </a:solidFill>
                <a:effectLst/>
              </a:rPr>
              <a:t>Fiévet</a:t>
            </a:r>
            <a:r>
              <a:rPr lang="en-US" sz="700" b="1" dirty="0">
                <a:solidFill>
                  <a:srgbClr val="101073"/>
                </a:solidFill>
                <a:effectLst/>
              </a:rPr>
              <a:t> F. et al. </a:t>
            </a:r>
            <a:r>
              <a:rPr lang="en-US" sz="700" dirty="0">
                <a:solidFill>
                  <a:srgbClr val="101073"/>
                </a:solidFill>
                <a:effectLst/>
              </a:rPr>
              <a:t>– </a:t>
            </a:r>
            <a:r>
              <a:rPr lang="en-US" sz="700" i="1" dirty="0">
                <a:solidFill>
                  <a:srgbClr val="101073"/>
                </a:solidFill>
                <a:effectLst/>
              </a:rPr>
              <a:t>The polyol process: a unique method for easy access to metal nanoparticles with tailored sizes, shapes and compositions</a:t>
            </a:r>
            <a:r>
              <a:rPr lang="en-US" sz="700" dirty="0">
                <a:solidFill>
                  <a:srgbClr val="101073"/>
                </a:solidFill>
                <a:effectLst/>
              </a:rPr>
              <a:t> – Royal Society of Chemistry, v. 47, 5187-5233 (2018)</a:t>
            </a:r>
          </a:p>
          <a:p>
            <a:pPr algn="just">
              <a:defRPr/>
            </a:pPr>
            <a:endParaRPr lang="it-IT" sz="700" dirty="0">
              <a:solidFill>
                <a:srgbClr val="101073"/>
              </a:solidFill>
              <a:effectLst/>
            </a:endParaRPr>
          </a:p>
          <a:p>
            <a:pPr marL="0" marR="0" lvl="0" indent="0" algn="just" defTabSz="685800" rtl="0" eaLnBrk="1" fontAlgn="auto" latinLnBrk="0" hangingPunct="1">
              <a:lnSpc>
                <a:spcPct val="100000"/>
              </a:lnSpc>
              <a:spcBef>
                <a:spcPts val="0"/>
              </a:spcBef>
              <a:spcAft>
                <a:spcPts val="0"/>
              </a:spcAft>
              <a:buClrTx/>
              <a:buSzTx/>
              <a:buFont typeface="Arial" panose="020B0604020202020204" pitchFamily="34" charset="0"/>
              <a:buNone/>
              <a:tabLst/>
              <a:defRPr/>
            </a:pPr>
            <a:endParaRPr lang="en-US" sz="700" dirty="0">
              <a:solidFill>
                <a:srgbClr val="101073"/>
              </a:solidFill>
            </a:endParaRPr>
          </a:p>
        </p:txBody>
      </p:sp>
      <p:pic>
        <p:nvPicPr>
          <p:cNvPr id="12" name="Picture 11">
            <a:extLst>
              <a:ext uri="{FF2B5EF4-FFF2-40B4-BE49-F238E27FC236}">
                <a16:creationId xmlns:a16="http://schemas.microsoft.com/office/drawing/2014/main" id="{61917323-F931-8C3D-2221-B535F5B7867A}"/>
              </a:ext>
            </a:extLst>
          </p:cNvPr>
          <p:cNvPicPr>
            <a:picLocks noChangeAspect="1"/>
          </p:cNvPicPr>
          <p:nvPr/>
        </p:nvPicPr>
        <p:blipFill>
          <a:blip r:embed="rId8">
            <a:duotone>
              <a:srgbClr val="101073">
                <a:shade val="45000"/>
                <a:satMod val="135000"/>
              </a:srgbClr>
              <a:prstClr val="white"/>
            </a:duotone>
            <a:extLst>
              <a:ext uri="{BEBA8EAE-BF5A-486C-A8C5-ECC9F3942E4B}">
                <a14:imgProps xmlns:a14="http://schemas.microsoft.com/office/drawing/2010/main">
                  <a14:imgLayer r:embed="rId9">
                    <a14:imgEffect>
                      <a14:colorTemperature colorTemp="4700"/>
                    </a14:imgEffect>
                    <a14:imgEffect>
                      <a14:saturation sat="400000"/>
                    </a14:imgEffect>
                  </a14:imgLayer>
                </a14:imgProps>
              </a:ext>
            </a:extLst>
          </a:blip>
          <a:stretch>
            <a:fillRect/>
          </a:stretch>
        </p:blipFill>
        <p:spPr>
          <a:xfrm>
            <a:off x="5527632" y="1962948"/>
            <a:ext cx="1795427" cy="1795427"/>
          </a:xfrm>
          <a:prstGeom prst="rect">
            <a:avLst/>
          </a:prstGeom>
        </p:spPr>
      </p:pic>
      <p:pic>
        <p:nvPicPr>
          <p:cNvPr id="13" name="Picture 12">
            <a:extLst>
              <a:ext uri="{FF2B5EF4-FFF2-40B4-BE49-F238E27FC236}">
                <a16:creationId xmlns:a16="http://schemas.microsoft.com/office/drawing/2014/main" id="{C6269EC0-3F5C-FBFA-E071-CE85ADE50E15}"/>
              </a:ext>
            </a:extLst>
          </p:cNvPr>
          <p:cNvPicPr>
            <a:picLocks noChangeAspect="1"/>
          </p:cNvPicPr>
          <p:nvPr/>
        </p:nvPicPr>
        <p:blipFill>
          <a:blip r:embed="rId10">
            <a:duotone>
              <a:schemeClr val="bg2">
                <a:shade val="45000"/>
                <a:satMod val="135000"/>
              </a:schemeClr>
              <a:prstClr val="white"/>
            </a:duotone>
          </a:blip>
          <a:stretch>
            <a:fillRect/>
          </a:stretch>
        </p:blipFill>
        <p:spPr>
          <a:xfrm>
            <a:off x="7705490" y="2163266"/>
            <a:ext cx="1438510" cy="1438510"/>
          </a:xfrm>
          <a:prstGeom prst="rect">
            <a:avLst/>
          </a:prstGeom>
        </p:spPr>
      </p:pic>
      <p:pic>
        <p:nvPicPr>
          <p:cNvPr id="2050" name="Picture 2">
            <a:extLst>
              <a:ext uri="{FF2B5EF4-FFF2-40B4-BE49-F238E27FC236}">
                <a16:creationId xmlns:a16="http://schemas.microsoft.com/office/drawing/2014/main" id="{4D4C3B37-0DD6-F2B0-8120-BF7089D674A2}"/>
              </a:ext>
            </a:extLst>
          </p:cNvPr>
          <p:cNvPicPr>
            <a:picLocks noChangeAspect="1" noChangeArrowheads="1"/>
          </p:cNvPicPr>
          <p:nvPr/>
        </p:nvPicPr>
        <p:blipFill>
          <a:blip r:embed="rId11">
            <a:extLst>
              <a:ext uri="{28A0092B-C50C-407E-A947-70E740481C1C}">
                <a14:useLocalDpi xmlns:a14="http://schemas.microsoft.com/office/drawing/2010/main" val="0"/>
              </a:ext>
              <a:ext uri="{96DAC541-7B7A-43D3-8B79-37D633B846F1}">
                <asvg:svgBlip xmlns:asvg="http://schemas.microsoft.com/office/drawing/2016/SVG/main" r:embed="rId12"/>
              </a:ext>
            </a:extLst>
          </a:blip>
          <a:srcRect/>
          <a:stretch/>
        </p:blipFill>
        <p:spPr bwMode="auto">
          <a:xfrm>
            <a:off x="442769" y="1785880"/>
            <a:ext cx="1235769" cy="1259999"/>
          </a:xfrm>
          <a:prstGeom prst="rect">
            <a:avLst/>
          </a:prstGeom>
          <a:extLst>
            <a:ext uri="{909E8E84-426E-40DD-AFC4-6F175D3DCCD1}">
              <a14:hiddenFill xmlns:a14="http://schemas.microsoft.com/office/drawing/2010/main">
                <a:solidFill>
                  <a:srgbClr val="FFFFFF"/>
                </a:solidFill>
              </a14:hiddenFill>
            </a:ext>
          </a:extLst>
        </p:spPr>
      </p:pic>
      <p:pic>
        <p:nvPicPr>
          <p:cNvPr id="30" name="Picture 2">
            <a:extLst>
              <a:ext uri="{FF2B5EF4-FFF2-40B4-BE49-F238E27FC236}">
                <a16:creationId xmlns:a16="http://schemas.microsoft.com/office/drawing/2014/main" id="{CD7C6C79-A903-3B56-2D0E-402E693BD278}"/>
              </a:ext>
            </a:extLst>
          </p:cNvPr>
          <p:cNvPicPr>
            <a:picLocks noChangeAspect="1" noChangeArrowheads="1"/>
          </p:cNvPicPr>
          <p:nvPr/>
        </p:nvPicPr>
        <p:blipFill>
          <a:blip r:embed="rId13">
            <a:extLst>
              <a:ext uri="{28A0092B-C50C-407E-A947-70E740481C1C}">
                <a14:useLocalDpi xmlns:a14="http://schemas.microsoft.com/office/drawing/2010/main" val="0"/>
              </a:ext>
              <a:ext uri="{96DAC541-7B7A-43D3-8B79-37D633B846F1}">
                <asvg:svgBlip xmlns:asvg="http://schemas.microsoft.com/office/drawing/2016/SVG/main" r:embed="rId14"/>
              </a:ext>
            </a:extLst>
          </a:blip>
          <a:srcRect/>
          <a:stretch/>
        </p:blipFill>
        <p:spPr bwMode="auto">
          <a:xfrm>
            <a:off x="3953872" y="2369819"/>
            <a:ext cx="1227898" cy="1260000"/>
          </a:xfrm>
          <a:prstGeom prst="rect">
            <a:avLst/>
          </a:prstGeom>
          <a:extLst>
            <a:ext uri="{909E8E84-426E-40DD-AFC4-6F175D3DCCD1}">
              <a14:hiddenFill xmlns:a14="http://schemas.microsoft.com/office/drawing/2010/main">
                <a:solidFill>
                  <a:srgbClr val="FFFFFF"/>
                </a:solidFill>
              </a14:hiddenFill>
            </a:ext>
          </a:extLst>
        </p:spPr>
      </p:pic>
      <p:sp>
        <p:nvSpPr>
          <p:cNvPr id="33" name="CasellaDiTesto 16">
            <a:extLst>
              <a:ext uri="{FF2B5EF4-FFF2-40B4-BE49-F238E27FC236}">
                <a16:creationId xmlns:a16="http://schemas.microsoft.com/office/drawing/2014/main" id="{82280970-684E-F107-4AAB-AEF671802D05}"/>
              </a:ext>
            </a:extLst>
          </p:cNvPr>
          <p:cNvSpPr txBox="1"/>
          <p:nvPr/>
        </p:nvSpPr>
        <p:spPr>
          <a:xfrm>
            <a:off x="4552581" y="1848424"/>
            <a:ext cx="1114792" cy="683392"/>
          </a:xfrm>
          <a:prstGeom prst="rect">
            <a:avLst/>
          </a:prstGeom>
          <a:noFill/>
        </p:spPr>
        <p:txBody>
          <a:bodyPr wrap="none" rtlCol="0">
            <a:spAutoFit/>
          </a:bodyPr>
          <a:lstStyle/>
          <a:p>
            <a:pPr>
              <a:lnSpc>
                <a:spcPct val="150000"/>
              </a:lnSpc>
            </a:pPr>
            <a:r>
              <a:rPr lang="en-US" b="1" i="1" dirty="0">
                <a:solidFill>
                  <a:srgbClr val="C00000"/>
                </a:solidFill>
              </a:rPr>
              <a:t>KOH solution</a:t>
            </a:r>
          </a:p>
          <a:p>
            <a:pPr>
              <a:lnSpc>
                <a:spcPct val="150000"/>
              </a:lnSpc>
            </a:pPr>
            <a:endParaRPr lang="en-US" i="1" dirty="0">
              <a:solidFill>
                <a:srgbClr val="C00000"/>
              </a:solidFill>
            </a:endParaRPr>
          </a:p>
        </p:txBody>
      </p:sp>
      <p:pic>
        <p:nvPicPr>
          <p:cNvPr id="34" name="Elemento grafico 29" descr="Freccia a destra contorno">
            <a:extLst>
              <a:ext uri="{FF2B5EF4-FFF2-40B4-BE49-F238E27FC236}">
                <a16:creationId xmlns:a16="http://schemas.microsoft.com/office/drawing/2014/main" id="{9D482BD0-2B2C-88CF-244E-BC96AC5248C0}"/>
              </a:ext>
            </a:extLst>
          </p:cNvPr>
          <p:cNvPicPr>
            <a:picLocks noChangeAspect="1"/>
          </p:cNvPicPr>
          <p:nvPr/>
        </p:nvPicPr>
        <p:blipFill rotWithShape="1">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rcRect t="26852" b="26384"/>
          <a:stretch/>
        </p:blipFill>
        <p:spPr>
          <a:xfrm rot="5400000">
            <a:off x="4278939" y="1977215"/>
            <a:ext cx="577369" cy="270000"/>
          </a:xfrm>
          <a:prstGeom prst="rect">
            <a:avLst/>
          </a:prstGeom>
        </p:spPr>
      </p:pic>
      <p:sp>
        <p:nvSpPr>
          <p:cNvPr id="35" name="CasellaDiTesto 23">
            <a:extLst>
              <a:ext uri="{FF2B5EF4-FFF2-40B4-BE49-F238E27FC236}">
                <a16:creationId xmlns:a16="http://schemas.microsoft.com/office/drawing/2014/main" id="{E80E5BA8-595F-8C72-9D33-9F78E30FD5C8}"/>
              </a:ext>
            </a:extLst>
          </p:cNvPr>
          <p:cNvSpPr txBox="1"/>
          <p:nvPr/>
        </p:nvSpPr>
        <p:spPr>
          <a:xfrm>
            <a:off x="3952913" y="3535372"/>
            <a:ext cx="1296637" cy="300082"/>
          </a:xfrm>
          <a:prstGeom prst="rect">
            <a:avLst/>
          </a:prstGeom>
          <a:noFill/>
        </p:spPr>
        <p:txBody>
          <a:bodyPr wrap="none" rtlCol="0">
            <a:spAutoFit/>
          </a:bodyPr>
          <a:lstStyle/>
          <a:p>
            <a:r>
              <a:rPr lang="en-US" b="1" i="1">
                <a:solidFill>
                  <a:srgbClr val="002060"/>
                </a:solidFill>
              </a:rPr>
              <a:t>IONS REMOVAL</a:t>
            </a:r>
          </a:p>
        </p:txBody>
      </p:sp>
      <p:sp>
        <p:nvSpPr>
          <p:cNvPr id="36" name="CasellaDiTesto 23">
            <a:extLst>
              <a:ext uri="{FF2B5EF4-FFF2-40B4-BE49-F238E27FC236}">
                <a16:creationId xmlns:a16="http://schemas.microsoft.com/office/drawing/2014/main" id="{EBD30621-B6A1-6222-0352-90CB98FA5ADD}"/>
              </a:ext>
            </a:extLst>
          </p:cNvPr>
          <p:cNvSpPr txBox="1"/>
          <p:nvPr/>
        </p:nvSpPr>
        <p:spPr>
          <a:xfrm>
            <a:off x="5979462" y="3535372"/>
            <a:ext cx="919932" cy="300082"/>
          </a:xfrm>
          <a:prstGeom prst="rect">
            <a:avLst/>
          </a:prstGeom>
          <a:noFill/>
        </p:spPr>
        <p:txBody>
          <a:bodyPr wrap="none" rtlCol="0">
            <a:spAutoFit/>
          </a:bodyPr>
          <a:lstStyle/>
          <a:p>
            <a:r>
              <a:rPr lang="en-US" b="1" i="1">
                <a:solidFill>
                  <a:srgbClr val="002060"/>
                </a:solidFill>
              </a:rPr>
              <a:t>CLEANING</a:t>
            </a:r>
          </a:p>
        </p:txBody>
      </p:sp>
      <p:sp>
        <p:nvSpPr>
          <p:cNvPr id="37" name="CasellaDiTesto 23">
            <a:extLst>
              <a:ext uri="{FF2B5EF4-FFF2-40B4-BE49-F238E27FC236}">
                <a16:creationId xmlns:a16="http://schemas.microsoft.com/office/drawing/2014/main" id="{79C9BA11-5095-BE23-D64A-1C86F9C48088}"/>
              </a:ext>
            </a:extLst>
          </p:cNvPr>
          <p:cNvSpPr txBox="1"/>
          <p:nvPr/>
        </p:nvSpPr>
        <p:spPr>
          <a:xfrm>
            <a:off x="7868460" y="3535372"/>
            <a:ext cx="1148648" cy="300082"/>
          </a:xfrm>
          <a:prstGeom prst="rect">
            <a:avLst/>
          </a:prstGeom>
          <a:noFill/>
        </p:spPr>
        <p:txBody>
          <a:bodyPr wrap="none" rtlCol="0">
            <a:spAutoFit/>
          </a:bodyPr>
          <a:lstStyle/>
          <a:p>
            <a:r>
              <a:rPr lang="en-US" b="1" i="1">
                <a:solidFill>
                  <a:srgbClr val="002060"/>
                </a:solidFill>
              </a:rPr>
              <a:t>CALCINATION</a:t>
            </a:r>
          </a:p>
        </p:txBody>
      </p:sp>
      <p:pic>
        <p:nvPicPr>
          <p:cNvPr id="38" name="Elemento grafico 28" descr="Freccia a destra contorno">
            <a:extLst>
              <a:ext uri="{FF2B5EF4-FFF2-40B4-BE49-F238E27FC236}">
                <a16:creationId xmlns:a16="http://schemas.microsoft.com/office/drawing/2014/main" id="{AF00CC84-CED2-BFAB-FBD8-7C7495A73677}"/>
              </a:ext>
            </a:extLst>
          </p:cNvPr>
          <p:cNvPicPr>
            <a:picLocks noChangeAspect="1"/>
          </p:cNvPicPr>
          <p:nvPr/>
        </p:nvPicPr>
        <p:blipFill rotWithShape="1">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rcRect t="26852" b="26384"/>
          <a:stretch/>
        </p:blipFill>
        <p:spPr>
          <a:xfrm rot="16200000">
            <a:off x="8297972" y="2084852"/>
            <a:ext cx="577369" cy="270000"/>
          </a:xfrm>
          <a:prstGeom prst="rect">
            <a:avLst/>
          </a:prstGeom>
        </p:spPr>
      </p:pic>
      <p:sp>
        <p:nvSpPr>
          <p:cNvPr id="39" name="CasellaDiTesto 23">
            <a:extLst>
              <a:ext uri="{FF2B5EF4-FFF2-40B4-BE49-F238E27FC236}">
                <a16:creationId xmlns:a16="http://schemas.microsoft.com/office/drawing/2014/main" id="{0BCB470C-4A60-F1E6-7D18-882DD619FE5C}"/>
              </a:ext>
            </a:extLst>
          </p:cNvPr>
          <p:cNvSpPr txBox="1"/>
          <p:nvPr/>
        </p:nvSpPr>
        <p:spPr>
          <a:xfrm>
            <a:off x="8202410" y="1654756"/>
            <a:ext cx="765659" cy="300082"/>
          </a:xfrm>
          <a:prstGeom prst="rect">
            <a:avLst/>
          </a:prstGeom>
          <a:noFill/>
        </p:spPr>
        <p:txBody>
          <a:bodyPr wrap="none" rtlCol="0">
            <a:spAutoFit/>
          </a:bodyPr>
          <a:lstStyle/>
          <a:p>
            <a:r>
              <a:rPr lang="en-US" b="1" i="1">
                <a:solidFill>
                  <a:srgbClr val="C00000"/>
                </a:solidFill>
              </a:rPr>
              <a:t>Catalyst</a:t>
            </a:r>
          </a:p>
        </p:txBody>
      </p:sp>
      <p:sp>
        <p:nvSpPr>
          <p:cNvPr id="57" name="CasellaDiTesto 5">
            <a:extLst>
              <a:ext uri="{FF2B5EF4-FFF2-40B4-BE49-F238E27FC236}">
                <a16:creationId xmlns:a16="http://schemas.microsoft.com/office/drawing/2014/main" id="{2CE2EA46-41AC-4743-40DB-65E4AC89B987}"/>
              </a:ext>
            </a:extLst>
          </p:cNvPr>
          <p:cNvSpPr txBox="1"/>
          <p:nvPr/>
        </p:nvSpPr>
        <p:spPr>
          <a:xfrm>
            <a:off x="5131945" y="561548"/>
            <a:ext cx="3534897" cy="923330"/>
          </a:xfrm>
          <a:prstGeom prst="rect">
            <a:avLst/>
          </a:prstGeom>
          <a:noFill/>
        </p:spPr>
        <p:txBody>
          <a:bodyPr wrap="square" rtlCol="0">
            <a:spAutoFit/>
          </a:bodyPr>
          <a:lstStyle/>
          <a:p>
            <a:r>
              <a:rPr lang="en-US" b="1">
                <a:solidFill>
                  <a:srgbClr val="C00000"/>
                </a:solidFill>
              </a:rPr>
              <a:t>ROLE OF ETHYLENE GLYCOL:</a:t>
            </a:r>
          </a:p>
          <a:p>
            <a:pPr marL="285750" indent="-285750">
              <a:buFont typeface="Wingdings" panose="05000000000000000000" pitchFamily="2" charset="2"/>
              <a:buChar char="v"/>
            </a:pPr>
            <a:r>
              <a:rPr lang="en-US" i="1">
                <a:solidFill>
                  <a:srgbClr val="C00000"/>
                </a:solidFill>
              </a:rPr>
              <a:t>Solvent</a:t>
            </a:r>
            <a:r>
              <a:rPr lang="en-US">
                <a:solidFill>
                  <a:srgbClr val="C00000"/>
                </a:solidFill>
              </a:rPr>
              <a:t> for the starting compound</a:t>
            </a:r>
          </a:p>
          <a:p>
            <a:pPr marL="285750" indent="-285750">
              <a:buFont typeface="Wingdings" panose="05000000000000000000" pitchFamily="2" charset="2"/>
              <a:buChar char="v"/>
            </a:pPr>
            <a:r>
              <a:rPr lang="en-US" i="1">
                <a:solidFill>
                  <a:srgbClr val="C00000"/>
                </a:solidFill>
              </a:rPr>
              <a:t>Reducing agent </a:t>
            </a:r>
            <a:r>
              <a:rPr lang="en-US">
                <a:solidFill>
                  <a:srgbClr val="C00000"/>
                </a:solidFill>
              </a:rPr>
              <a:t>for the metal species </a:t>
            </a:r>
          </a:p>
          <a:p>
            <a:pPr marL="285750" indent="-285750">
              <a:buFont typeface="Wingdings" panose="05000000000000000000" pitchFamily="2" charset="2"/>
              <a:buChar char="v"/>
            </a:pPr>
            <a:r>
              <a:rPr lang="en-US" i="1">
                <a:solidFill>
                  <a:srgbClr val="C00000"/>
                </a:solidFill>
              </a:rPr>
              <a:t>Crystal growth medium </a:t>
            </a:r>
            <a:r>
              <a:rPr lang="en-US">
                <a:solidFill>
                  <a:srgbClr val="C00000"/>
                </a:solidFill>
              </a:rPr>
              <a:t>for metal particles</a:t>
            </a:r>
          </a:p>
        </p:txBody>
      </p:sp>
      <p:pic>
        <p:nvPicPr>
          <p:cNvPr id="14" name="Elemento grafico 29" descr="Freccia a destra contorno">
            <a:extLst>
              <a:ext uri="{FF2B5EF4-FFF2-40B4-BE49-F238E27FC236}">
                <a16:creationId xmlns:a16="http://schemas.microsoft.com/office/drawing/2014/main" id="{C2B410F9-F064-6AB5-D4EB-03F7E1993264}"/>
              </a:ext>
            </a:extLst>
          </p:cNvPr>
          <p:cNvPicPr>
            <a:picLocks noChangeAspect="1"/>
          </p:cNvPicPr>
          <p:nvPr/>
        </p:nvPicPr>
        <p:blipFill rotWithShape="1">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rcRect t="26852" b="26384"/>
          <a:stretch/>
        </p:blipFill>
        <p:spPr>
          <a:xfrm>
            <a:off x="1717892" y="2864819"/>
            <a:ext cx="577369" cy="270000"/>
          </a:xfrm>
          <a:prstGeom prst="rect">
            <a:avLst/>
          </a:prstGeom>
        </p:spPr>
      </p:pic>
      <p:pic>
        <p:nvPicPr>
          <p:cNvPr id="15" name="Elemento grafico 29" descr="Freccia a destra contorno">
            <a:extLst>
              <a:ext uri="{FF2B5EF4-FFF2-40B4-BE49-F238E27FC236}">
                <a16:creationId xmlns:a16="http://schemas.microsoft.com/office/drawing/2014/main" id="{B8999A6F-8FD7-A99F-EA29-A556BA67ACCF}"/>
              </a:ext>
            </a:extLst>
          </p:cNvPr>
          <p:cNvPicPr>
            <a:picLocks noChangeAspect="1"/>
          </p:cNvPicPr>
          <p:nvPr/>
        </p:nvPicPr>
        <p:blipFill rotWithShape="1">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rcRect t="26852" b="26384"/>
          <a:stretch/>
        </p:blipFill>
        <p:spPr>
          <a:xfrm>
            <a:off x="3500316" y="2864819"/>
            <a:ext cx="577369" cy="270000"/>
          </a:xfrm>
          <a:prstGeom prst="rect">
            <a:avLst/>
          </a:prstGeom>
        </p:spPr>
      </p:pic>
      <p:pic>
        <p:nvPicPr>
          <p:cNvPr id="16" name="Elemento grafico 29" descr="Freccia a destra contorno">
            <a:extLst>
              <a:ext uri="{FF2B5EF4-FFF2-40B4-BE49-F238E27FC236}">
                <a16:creationId xmlns:a16="http://schemas.microsoft.com/office/drawing/2014/main" id="{DE3849AB-6604-43E0-303D-928789247EB6}"/>
              </a:ext>
            </a:extLst>
          </p:cNvPr>
          <p:cNvPicPr>
            <a:picLocks noChangeAspect="1"/>
          </p:cNvPicPr>
          <p:nvPr/>
        </p:nvPicPr>
        <p:blipFill rotWithShape="1">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rcRect t="26852" b="26384"/>
          <a:stretch/>
        </p:blipFill>
        <p:spPr>
          <a:xfrm>
            <a:off x="5102418" y="2864819"/>
            <a:ext cx="577369" cy="270000"/>
          </a:xfrm>
          <a:prstGeom prst="rect">
            <a:avLst/>
          </a:prstGeom>
        </p:spPr>
      </p:pic>
      <p:pic>
        <p:nvPicPr>
          <p:cNvPr id="24" name="Elemento grafico 29" descr="Freccia a destra contorno">
            <a:extLst>
              <a:ext uri="{FF2B5EF4-FFF2-40B4-BE49-F238E27FC236}">
                <a16:creationId xmlns:a16="http://schemas.microsoft.com/office/drawing/2014/main" id="{158D5F4D-0A3E-7B22-4681-7B1B247D8D61}"/>
              </a:ext>
            </a:extLst>
          </p:cNvPr>
          <p:cNvPicPr>
            <a:picLocks noChangeAspect="1"/>
          </p:cNvPicPr>
          <p:nvPr/>
        </p:nvPicPr>
        <p:blipFill rotWithShape="1">
          <a:blip r:embed="rId6">
            <a:extLst>
              <a:ext uri="{28A0092B-C50C-407E-A947-70E740481C1C}">
                <a14:useLocalDpi xmlns:a14="http://schemas.microsoft.com/office/drawing/2010/main" val="0"/>
              </a:ext>
              <a:ext uri="{96DAC541-7B7A-43D3-8B79-37D633B846F1}">
                <asvg:svgBlip xmlns:asvg="http://schemas.microsoft.com/office/drawing/2016/SVG/main" r:embed="rId7"/>
              </a:ext>
            </a:extLst>
          </a:blip>
          <a:srcRect t="26852" b="26384"/>
          <a:stretch/>
        </p:blipFill>
        <p:spPr>
          <a:xfrm>
            <a:off x="7128121" y="2864819"/>
            <a:ext cx="577369" cy="270000"/>
          </a:xfrm>
          <a:prstGeom prst="rect">
            <a:avLst/>
          </a:prstGeom>
        </p:spPr>
      </p:pic>
    </p:spTree>
    <p:extLst>
      <p:ext uri="{BB962C8B-B14F-4D97-AF65-F5344CB8AC3E}">
        <p14:creationId xmlns:p14="http://schemas.microsoft.com/office/powerpoint/2010/main" val="1576123351"/>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nodeType="afterEffect">
                                  <p:stCondLst>
                                    <p:cond delay="0"/>
                                  </p:stCondLst>
                                  <p:childTnLst>
                                    <p:set>
                                      <p:cBhvr>
                                        <p:cTn id="6" dur="1" fill="hold">
                                          <p:stCondLst>
                                            <p:cond delay="0"/>
                                          </p:stCondLst>
                                        </p:cTn>
                                        <p:tgtEl>
                                          <p:spTgt spid="1028"/>
                                        </p:tgtEl>
                                        <p:attrNameLst>
                                          <p:attrName>style.visibility</p:attrName>
                                        </p:attrNameLst>
                                      </p:cBhvr>
                                      <p:to>
                                        <p:strVal val="visible"/>
                                      </p:to>
                                    </p:set>
                                    <p:animEffect transition="in" filter="wipe(down)">
                                      <p:cBhvr>
                                        <p:cTn id="7" dur="1000"/>
                                        <p:tgtEl>
                                          <p:spTgt spid="1028"/>
                                        </p:tgtEl>
                                      </p:cBhvr>
                                    </p:animEffect>
                                  </p:childTnLst>
                                </p:cTn>
                              </p:par>
                            </p:childTnLst>
                          </p:cTn>
                        </p:par>
                        <p:par>
                          <p:cTn id="8" fill="hold">
                            <p:stCondLst>
                              <p:cond delay="1000"/>
                            </p:stCondLst>
                            <p:childTnLst>
                              <p:par>
                                <p:cTn id="9" presetID="47" presetClass="entr" presetSubtype="0" fill="hold" nodeType="afterEffect">
                                  <p:stCondLst>
                                    <p:cond delay="0"/>
                                  </p:stCondLst>
                                  <p:childTnLst>
                                    <p:set>
                                      <p:cBhvr>
                                        <p:cTn id="10" dur="1" fill="hold">
                                          <p:stCondLst>
                                            <p:cond delay="0"/>
                                          </p:stCondLst>
                                        </p:cTn>
                                        <p:tgtEl>
                                          <p:spTgt spid="2050"/>
                                        </p:tgtEl>
                                        <p:attrNameLst>
                                          <p:attrName>style.visibility</p:attrName>
                                        </p:attrNameLst>
                                      </p:cBhvr>
                                      <p:to>
                                        <p:strVal val="visible"/>
                                      </p:to>
                                    </p:set>
                                    <p:animEffect transition="in" filter="fade">
                                      <p:cBhvr>
                                        <p:cTn id="11" dur="1000"/>
                                        <p:tgtEl>
                                          <p:spTgt spid="2050"/>
                                        </p:tgtEl>
                                      </p:cBhvr>
                                    </p:animEffect>
                                    <p:anim calcmode="lin" valueType="num">
                                      <p:cBhvr>
                                        <p:cTn id="12" dur="1000" fill="hold"/>
                                        <p:tgtEl>
                                          <p:spTgt spid="2050"/>
                                        </p:tgtEl>
                                        <p:attrNameLst>
                                          <p:attrName>ppt_x</p:attrName>
                                        </p:attrNameLst>
                                      </p:cBhvr>
                                      <p:tavLst>
                                        <p:tav tm="0">
                                          <p:val>
                                            <p:strVal val="#ppt_x"/>
                                          </p:val>
                                        </p:tav>
                                        <p:tav tm="100000">
                                          <p:val>
                                            <p:strVal val="#ppt_x"/>
                                          </p:val>
                                        </p:tav>
                                      </p:tavLst>
                                    </p:anim>
                                    <p:anim calcmode="lin" valueType="num">
                                      <p:cBhvr>
                                        <p:cTn id="13" dur="1000" fill="hold"/>
                                        <p:tgtEl>
                                          <p:spTgt spid="2050"/>
                                        </p:tgtEl>
                                        <p:attrNameLst>
                                          <p:attrName>ppt_y</p:attrName>
                                        </p:attrNameLst>
                                      </p:cBhvr>
                                      <p:tavLst>
                                        <p:tav tm="0">
                                          <p:val>
                                            <p:strVal val="#ppt_y-.1"/>
                                          </p:val>
                                        </p:tav>
                                        <p:tav tm="100000">
                                          <p:val>
                                            <p:strVal val="#ppt_y"/>
                                          </p:val>
                                        </p:tav>
                                      </p:tavLst>
                                    </p:anim>
                                  </p:childTnLst>
                                </p:cTn>
                              </p:par>
                            </p:childTnLst>
                          </p:cTn>
                        </p:par>
                        <p:par>
                          <p:cTn id="14" fill="hold">
                            <p:stCondLst>
                              <p:cond delay="2000"/>
                            </p:stCondLst>
                            <p:childTnLst>
                              <p:par>
                                <p:cTn id="15" presetID="22" presetClass="entr" presetSubtype="1" fill="hold" grpId="0" nodeType="afterEffect">
                                  <p:stCondLst>
                                    <p:cond delay="0"/>
                                  </p:stCondLst>
                                  <p:childTnLst>
                                    <p:set>
                                      <p:cBhvr>
                                        <p:cTn id="16" dur="1" fill="hold">
                                          <p:stCondLst>
                                            <p:cond delay="0"/>
                                          </p:stCondLst>
                                        </p:cTn>
                                        <p:tgtEl>
                                          <p:spTgt spid="7">
                                            <p:txEl>
                                              <p:pRg st="0" end="0"/>
                                            </p:txEl>
                                          </p:spTgt>
                                        </p:tgtEl>
                                        <p:attrNameLst>
                                          <p:attrName>style.visibility</p:attrName>
                                        </p:attrNameLst>
                                      </p:cBhvr>
                                      <p:to>
                                        <p:strVal val="visible"/>
                                      </p:to>
                                    </p:set>
                                    <p:animEffect transition="in" filter="wipe(up)">
                                      <p:cBhvr>
                                        <p:cTn id="17" dur="1000"/>
                                        <p:tgtEl>
                                          <p:spTgt spid="7">
                                            <p:txEl>
                                              <p:pRg st="0" end="0"/>
                                            </p:txEl>
                                          </p:spTgt>
                                        </p:tgtEl>
                                      </p:cBhvr>
                                    </p:animEffect>
                                  </p:childTnLst>
                                </p:cTn>
                              </p:par>
                            </p:childTnLst>
                          </p:cTn>
                        </p:par>
                        <p:par>
                          <p:cTn id="18" fill="hold">
                            <p:stCondLst>
                              <p:cond delay="3000"/>
                            </p:stCondLst>
                            <p:childTnLst>
                              <p:par>
                                <p:cTn id="19" presetID="22" presetClass="entr" presetSubtype="1" fill="hold" nodeType="afterEffect">
                                  <p:stCondLst>
                                    <p:cond delay="0"/>
                                  </p:stCondLst>
                                  <p:childTnLst>
                                    <p:set>
                                      <p:cBhvr>
                                        <p:cTn id="20" dur="1" fill="hold">
                                          <p:stCondLst>
                                            <p:cond delay="0"/>
                                          </p:stCondLst>
                                        </p:cTn>
                                        <p:tgtEl>
                                          <p:spTgt spid="7">
                                            <p:txEl>
                                              <p:pRg st="1" end="1"/>
                                            </p:txEl>
                                          </p:spTgt>
                                        </p:tgtEl>
                                        <p:attrNameLst>
                                          <p:attrName>style.visibility</p:attrName>
                                        </p:attrNameLst>
                                      </p:cBhvr>
                                      <p:to>
                                        <p:strVal val="visible"/>
                                      </p:to>
                                    </p:set>
                                    <p:animEffect transition="in" filter="wipe(up)">
                                      <p:cBhvr>
                                        <p:cTn id="21" dur="1000"/>
                                        <p:tgtEl>
                                          <p:spTgt spid="7">
                                            <p:txEl>
                                              <p:pRg st="1" end="1"/>
                                            </p:txEl>
                                          </p:spTgt>
                                        </p:tgtEl>
                                      </p:cBhvr>
                                    </p:animEffect>
                                  </p:childTnLst>
                                </p:cTn>
                              </p:par>
                            </p:childTnLst>
                          </p:cTn>
                        </p:par>
                        <p:par>
                          <p:cTn id="22" fill="hold">
                            <p:stCondLst>
                              <p:cond delay="4000"/>
                            </p:stCondLst>
                            <p:childTnLst>
                              <p:par>
                                <p:cTn id="23" presetID="22" presetClass="entr" presetSubtype="1" fill="hold" nodeType="afterEffect">
                                  <p:stCondLst>
                                    <p:cond delay="0"/>
                                  </p:stCondLst>
                                  <p:childTnLst>
                                    <p:set>
                                      <p:cBhvr>
                                        <p:cTn id="24" dur="1" fill="hold">
                                          <p:stCondLst>
                                            <p:cond delay="0"/>
                                          </p:stCondLst>
                                        </p:cTn>
                                        <p:tgtEl>
                                          <p:spTgt spid="9"/>
                                        </p:tgtEl>
                                        <p:attrNameLst>
                                          <p:attrName>style.visibility</p:attrName>
                                        </p:attrNameLst>
                                      </p:cBhvr>
                                      <p:to>
                                        <p:strVal val="visible"/>
                                      </p:to>
                                    </p:set>
                                    <p:animEffect transition="in" filter="wipe(up)">
                                      <p:cBhvr>
                                        <p:cTn id="25" dur="500"/>
                                        <p:tgtEl>
                                          <p:spTgt spid="9"/>
                                        </p:tgtEl>
                                      </p:cBhvr>
                                    </p:animEffect>
                                  </p:childTnLst>
                                </p:cTn>
                              </p:par>
                            </p:childTnLst>
                          </p:cTn>
                        </p:par>
                        <p:par>
                          <p:cTn id="26" fill="hold">
                            <p:stCondLst>
                              <p:cond delay="4500"/>
                            </p:stCondLst>
                            <p:childTnLst>
                              <p:par>
                                <p:cTn id="27" presetID="22" presetClass="entr" presetSubtype="8" fill="hold" grpId="0" nodeType="afterEffect">
                                  <p:stCondLst>
                                    <p:cond delay="0"/>
                                  </p:stCondLst>
                                  <p:childTnLst>
                                    <p:set>
                                      <p:cBhvr>
                                        <p:cTn id="28" dur="1" fill="hold">
                                          <p:stCondLst>
                                            <p:cond delay="0"/>
                                          </p:stCondLst>
                                        </p:cTn>
                                        <p:tgtEl>
                                          <p:spTgt spid="17"/>
                                        </p:tgtEl>
                                        <p:attrNameLst>
                                          <p:attrName>style.visibility</p:attrName>
                                        </p:attrNameLst>
                                      </p:cBhvr>
                                      <p:to>
                                        <p:strVal val="visible"/>
                                      </p:to>
                                    </p:set>
                                    <p:animEffect transition="in" filter="wipe(left)">
                                      <p:cBhvr>
                                        <p:cTn id="29" dur="1000"/>
                                        <p:tgtEl>
                                          <p:spTgt spid="17"/>
                                        </p:tgtEl>
                                      </p:cBhvr>
                                    </p:animEffect>
                                  </p:childTnLst>
                                </p:cTn>
                              </p:par>
                            </p:childTnLst>
                          </p:cTn>
                        </p:par>
                        <p:par>
                          <p:cTn id="30" fill="hold">
                            <p:stCondLst>
                              <p:cond delay="5500"/>
                            </p:stCondLst>
                            <p:childTnLst>
                              <p:par>
                                <p:cTn id="31" presetID="22" presetClass="entr" presetSubtype="1" fill="hold" nodeType="afterEffect">
                                  <p:stCondLst>
                                    <p:cond delay="0"/>
                                  </p:stCondLst>
                                  <p:childTnLst>
                                    <p:set>
                                      <p:cBhvr>
                                        <p:cTn id="32" dur="1" fill="hold">
                                          <p:stCondLst>
                                            <p:cond delay="0"/>
                                          </p:stCondLst>
                                        </p:cTn>
                                        <p:tgtEl>
                                          <p:spTgt spid="14"/>
                                        </p:tgtEl>
                                        <p:attrNameLst>
                                          <p:attrName>style.visibility</p:attrName>
                                        </p:attrNameLst>
                                      </p:cBhvr>
                                      <p:to>
                                        <p:strVal val="visible"/>
                                      </p:to>
                                    </p:set>
                                    <p:animEffect transition="in" filter="wipe(up)">
                                      <p:cBhvr>
                                        <p:cTn id="33" dur="500"/>
                                        <p:tgtEl>
                                          <p:spTgt spid="14"/>
                                        </p:tgtEl>
                                      </p:cBhvr>
                                    </p:animEffect>
                                  </p:childTnLst>
                                </p:cTn>
                              </p:par>
                            </p:childTnLst>
                          </p:cTn>
                        </p:par>
                        <p:par>
                          <p:cTn id="34" fill="hold">
                            <p:stCondLst>
                              <p:cond delay="6000"/>
                            </p:stCondLst>
                            <p:childTnLst>
                              <p:par>
                                <p:cTn id="35" presetID="22" presetClass="entr" presetSubtype="8" fill="hold" grpId="0" nodeType="afterEffect">
                                  <p:stCondLst>
                                    <p:cond delay="0"/>
                                  </p:stCondLst>
                                  <p:childTnLst>
                                    <p:set>
                                      <p:cBhvr>
                                        <p:cTn id="36" dur="1" fill="hold">
                                          <p:stCondLst>
                                            <p:cond delay="0"/>
                                          </p:stCondLst>
                                        </p:cTn>
                                        <p:tgtEl>
                                          <p:spTgt spid="8"/>
                                        </p:tgtEl>
                                        <p:attrNameLst>
                                          <p:attrName>style.visibility</p:attrName>
                                        </p:attrNameLst>
                                      </p:cBhvr>
                                      <p:to>
                                        <p:strVal val="visible"/>
                                      </p:to>
                                    </p:set>
                                    <p:animEffect transition="in" filter="wipe(left)">
                                      <p:cBhvr>
                                        <p:cTn id="37" dur="1000"/>
                                        <p:tgtEl>
                                          <p:spTgt spid="8"/>
                                        </p:tgtEl>
                                      </p:cBhvr>
                                    </p:animEffect>
                                  </p:childTnLst>
                                </p:cTn>
                              </p:par>
                            </p:childTnLst>
                          </p:cTn>
                        </p:par>
                        <p:par>
                          <p:cTn id="38" fill="hold">
                            <p:stCondLst>
                              <p:cond delay="7000"/>
                            </p:stCondLst>
                            <p:childTnLst>
                              <p:par>
                                <p:cTn id="39" presetID="22" presetClass="entr" presetSubtype="1" fill="hold" nodeType="afterEffect">
                                  <p:stCondLst>
                                    <p:cond delay="0"/>
                                  </p:stCondLst>
                                  <p:childTnLst>
                                    <p:set>
                                      <p:cBhvr>
                                        <p:cTn id="40" dur="1" fill="hold">
                                          <p:stCondLst>
                                            <p:cond delay="0"/>
                                          </p:stCondLst>
                                        </p:cTn>
                                        <p:tgtEl>
                                          <p:spTgt spid="15"/>
                                        </p:tgtEl>
                                        <p:attrNameLst>
                                          <p:attrName>style.visibility</p:attrName>
                                        </p:attrNameLst>
                                      </p:cBhvr>
                                      <p:to>
                                        <p:strVal val="visible"/>
                                      </p:to>
                                    </p:set>
                                    <p:animEffect transition="in" filter="wipe(up)">
                                      <p:cBhvr>
                                        <p:cTn id="41" dur="500"/>
                                        <p:tgtEl>
                                          <p:spTgt spid="15"/>
                                        </p:tgtEl>
                                      </p:cBhvr>
                                    </p:animEffect>
                                  </p:childTnLst>
                                </p:cTn>
                              </p:par>
                            </p:childTnLst>
                          </p:cTn>
                        </p:par>
                        <p:par>
                          <p:cTn id="42" fill="hold">
                            <p:stCondLst>
                              <p:cond delay="7500"/>
                            </p:stCondLst>
                            <p:childTnLst>
                              <p:par>
                                <p:cTn id="43" presetID="22" presetClass="entr" presetSubtype="8" fill="hold" nodeType="afterEffect">
                                  <p:stCondLst>
                                    <p:cond delay="0"/>
                                  </p:stCondLst>
                                  <p:childTnLst>
                                    <p:set>
                                      <p:cBhvr>
                                        <p:cTn id="44" dur="1" fill="hold">
                                          <p:stCondLst>
                                            <p:cond delay="0"/>
                                          </p:stCondLst>
                                        </p:cTn>
                                        <p:tgtEl>
                                          <p:spTgt spid="30"/>
                                        </p:tgtEl>
                                        <p:attrNameLst>
                                          <p:attrName>style.visibility</p:attrName>
                                        </p:attrNameLst>
                                      </p:cBhvr>
                                      <p:to>
                                        <p:strVal val="visible"/>
                                      </p:to>
                                    </p:set>
                                    <p:animEffect transition="in" filter="wipe(left)">
                                      <p:cBhvr>
                                        <p:cTn id="45" dur="500"/>
                                        <p:tgtEl>
                                          <p:spTgt spid="30"/>
                                        </p:tgtEl>
                                      </p:cBhvr>
                                    </p:animEffect>
                                  </p:childTnLst>
                                </p:cTn>
                              </p:par>
                            </p:childTnLst>
                          </p:cTn>
                        </p:par>
                        <p:par>
                          <p:cTn id="46" fill="hold">
                            <p:stCondLst>
                              <p:cond delay="8000"/>
                            </p:stCondLst>
                            <p:childTnLst>
                              <p:par>
                                <p:cTn id="47" presetID="22" presetClass="entr" presetSubtype="1" fill="hold" grpId="0" nodeType="afterEffect">
                                  <p:stCondLst>
                                    <p:cond delay="0"/>
                                  </p:stCondLst>
                                  <p:childTnLst>
                                    <p:set>
                                      <p:cBhvr>
                                        <p:cTn id="48" dur="1" fill="hold">
                                          <p:stCondLst>
                                            <p:cond delay="0"/>
                                          </p:stCondLst>
                                        </p:cTn>
                                        <p:tgtEl>
                                          <p:spTgt spid="33">
                                            <p:txEl>
                                              <p:pRg st="0" end="0"/>
                                            </p:txEl>
                                          </p:spTgt>
                                        </p:tgtEl>
                                        <p:attrNameLst>
                                          <p:attrName>style.visibility</p:attrName>
                                        </p:attrNameLst>
                                      </p:cBhvr>
                                      <p:to>
                                        <p:strVal val="visible"/>
                                      </p:to>
                                    </p:set>
                                    <p:animEffect transition="in" filter="wipe(up)">
                                      <p:cBhvr>
                                        <p:cTn id="49" dur="1000"/>
                                        <p:tgtEl>
                                          <p:spTgt spid="33">
                                            <p:txEl>
                                              <p:pRg st="0" end="0"/>
                                            </p:txEl>
                                          </p:spTgt>
                                        </p:tgtEl>
                                      </p:cBhvr>
                                    </p:animEffect>
                                  </p:childTnLst>
                                </p:cTn>
                              </p:par>
                            </p:childTnLst>
                          </p:cTn>
                        </p:par>
                        <p:par>
                          <p:cTn id="50" fill="hold">
                            <p:stCondLst>
                              <p:cond delay="9000"/>
                            </p:stCondLst>
                            <p:childTnLst>
                              <p:par>
                                <p:cTn id="51" presetID="22" presetClass="entr" presetSubtype="1" fill="hold" nodeType="afterEffect">
                                  <p:stCondLst>
                                    <p:cond delay="0"/>
                                  </p:stCondLst>
                                  <p:childTnLst>
                                    <p:set>
                                      <p:cBhvr>
                                        <p:cTn id="52" dur="1" fill="hold">
                                          <p:stCondLst>
                                            <p:cond delay="0"/>
                                          </p:stCondLst>
                                        </p:cTn>
                                        <p:tgtEl>
                                          <p:spTgt spid="34"/>
                                        </p:tgtEl>
                                        <p:attrNameLst>
                                          <p:attrName>style.visibility</p:attrName>
                                        </p:attrNameLst>
                                      </p:cBhvr>
                                      <p:to>
                                        <p:strVal val="visible"/>
                                      </p:to>
                                    </p:set>
                                    <p:animEffect transition="in" filter="wipe(up)">
                                      <p:cBhvr>
                                        <p:cTn id="53" dur="500"/>
                                        <p:tgtEl>
                                          <p:spTgt spid="34"/>
                                        </p:tgtEl>
                                      </p:cBhvr>
                                    </p:animEffect>
                                  </p:childTnLst>
                                </p:cTn>
                              </p:par>
                            </p:childTnLst>
                          </p:cTn>
                        </p:par>
                        <p:par>
                          <p:cTn id="54" fill="hold">
                            <p:stCondLst>
                              <p:cond delay="9500"/>
                            </p:stCondLst>
                            <p:childTnLst>
                              <p:par>
                                <p:cTn id="55" presetID="22" presetClass="entr" presetSubtype="8" fill="hold" grpId="0" nodeType="afterEffect">
                                  <p:stCondLst>
                                    <p:cond delay="0"/>
                                  </p:stCondLst>
                                  <p:childTnLst>
                                    <p:set>
                                      <p:cBhvr>
                                        <p:cTn id="56" dur="1" fill="hold">
                                          <p:stCondLst>
                                            <p:cond delay="0"/>
                                          </p:stCondLst>
                                        </p:cTn>
                                        <p:tgtEl>
                                          <p:spTgt spid="35"/>
                                        </p:tgtEl>
                                        <p:attrNameLst>
                                          <p:attrName>style.visibility</p:attrName>
                                        </p:attrNameLst>
                                      </p:cBhvr>
                                      <p:to>
                                        <p:strVal val="visible"/>
                                      </p:to>
                                    </p:set>
                                    <p:animEffect transition="in" filter="wipe(left)">
                                      <p:cBhvr>
                                        <p:cTn id="57" dur="1000"/>
                                        <p:tgtEl>
                                          <p:spTgt spid="35"/>
                                        </p:tgtEl>
                                      </p:cBhvr>
                                    </p:animEffect>
                                  </p:childTnLst>
                                </p:cTn>
                              </p:par>
                            </p:childTnLst>
                          </p:cTn>
                        </p:par>
                        <p:par>
                          <p:cTn id="58" fill="hold">
                            <p:stCondLst>
                              <p:cond delay="10500"/>
                            </p:stCondLst>
                            <p:childTnLst>
                              <p:par>
                                <p:cTn id="59" presetID="22" presetClass="entr" presetSubtype="1" fill="hold" nodeType="afterEffect">
                                  <p:stCondLst>
                                    <p:cond delay="0"/>
                                  </p:stCondLst>
                                  <p:childTnLst>
                                    <p:set>
                                      <p:cBhvr>
                                        <p:cTn id="60" dur="1" fill="hold">
                                          <p:stCondLst>
                                            <p:cond delay="0"/>
                                          </p:stCondLst>
                                        </p:cTn>
                                        <p:tgtEl>
                                          <p:spTgt spid="16"/>
                                        </p:tgtEl>
                                        <p:attrNameLst>
                                          <p:attrName>style.visibility</p:attrName>
                                        </p:attrNameLst>
                                      </p:cBhvr>
                                      <p:to>
                                        <p:strVal val="visible"/>
                                      </p:to>
                                    </p:set>
                                    <p:animEffect transition="in" filter="wipe(up)">
                                      <p:cBhvr>
                                        <p:cTn id="61" dur="500"/>
                                        <p:tgtEl>
                                          <p:spTgt spid="16"/>
                                        </p:tgtEl>
                                      </p:cBhvr>
                                    </p:animEffect>
                                  </p:childTnLst>
                                </p:cTn>
                              </p:par>
                            </p:childTnLst>
                          </p:cTn>
                        </p:par>
                        <p:par>
                          <p:cTn id="62" fill="hold">
                            <p:stCondLst>
                              <p:cond delay="11000"/>
                            </p:stCondLst>
                            <p:childTnLst>
                              <p:par>
                                <p:cTn id="63" presetID="22" presetClass="entr" presetSubtype="8" fill="hold" nodeType="afterEffect">
                                  <p:stCondLst>
                                    <p:cond delay="0"/>
                                  </p:stCondLst>
                                  <p:childTnLst>
                                    <p:set>
                                      <p:cBhvr>
                                        <p:cTn id="64" dur="1" fill="hold">
                                          <p:stCondLst>
                                            <p:cond delay="0"/>
                                          </p:stCondLst>
                                        </p:cTn>
                                        <p:tgtEl>
                                          <p:spTgt spid="12"/>
                                        </p:tgtEl>
                                        <p:attrNameLst>
                                          <p:attrName>style.visibility</p:attrName>
                                        </p:attrNameLst>
                                      </p:cBhvr>
                                      <p:to>
                                        <p:strVal val="visible"/>
                                      </p:to>
                                    </p:set>
                                    <p:animEffect transition="in" filter="wipe(left)">
                                      <p:cBhvr>
                                        <p:cTn id="65" dur="500"/>
                                        <p:tgtEl>
                                          <p:spTgt spid="12"/>
                                        </p:tgtEl>
                                      </p:cBhvr>
                                    </p:animEffect>
                                  </p:childTnLst>
                                </p:cTn>
                              </p:par>
                            </p:childTnLst>
                          </p:cTn>
                        </p:par>
                        <p:par>
                          <p:cTn id="66" fill="hold">
                            <p:stCondLst>
                              <p:cond delay="11500"/>
                            </p:stCondLst>
                            <p:childTnLst>
                              <p:par>
                                <p:cTn id="67" presetID="22" presetClass="entr" presetSubtype="8" fill="hold" grpId="0" nodeType="afterEffect">
                                  <p:stCondLst>
                                    <p:cond delay="0"/>
                                  </p:stCondLst>
                                  <p:childTnLst>
                                    <p:set>
                                      <p:cBhvr>
                                        <p:cTn id="68" dur="1" fill="hold">
                                          <p:stCondLst>
                                            <p:cond delay="0"/>
                                          </p:stCondLst>
                                        </p:cTn>
                                        <p:tgtEl>
                                          <p:spTgt spid="36"/>
                                        </p:tgtEl>
                                        <p:attrNameLst>
                                          <p:attrName>style.visibility</p:attrName>
                                        </p:attrNameLst>
                                      </p:cBhvr>
                                      <p:to>
                                        <p:strVal val="visible"/>
                                      </p:to>
                                    </p:set>
                                    <p:animEffect transition="in" filter="wipe(left)">
                                      <p:cBhvr>
                                        <p:cTn id="69" dur="1000"/>
                                        <p:tgtEl>
                                          <p:spTgt spid="36"/>
                                        </p:tgtEl>
                                      </p:cBhvr>
                                    </p:animEffect>
                                  </p:childTnLst>
                                </p:cTn>
                              </p:par>
                            </p:childTnLst>
                          </p:cTn>
                        </p:par>
                        <p:par>
                          <p:cTn id="70" fill="hold">
                            <p:stCondLst>
                              <p:cond delay="12500"/>
                            </p:stCondLst>
                            <p:childTnLst>
                              <p:par>
                                <p:cTn id="71" presetID="22" presetClass="entr" presetSubtype="1" fill="hold" nodeType="afterEffect">
                                  <p:stCondLst>
                                    <p:cond delay="0"/>
                                  </p:stCondLst>
                                  <p:childTnLst>
                                    <p:set>
                                      <p:cBhvr>
                                        <p:cTn id="72" dur="1" fill="hold">
                                          <p:stCondLst>
                                            <p:cond delay="0"/>
                                          </p:stCondLst>
                                        </p:cTn>
                                        <p:tgtEl>
                                          <p:spTgt spid="24"/>
                                        </p:tgtEl>
                                        <p:attrNameLst>
                                          <p:attrName>style.visibility</p:attrName>
                                        </p:attrNameLst>
                                      </p:cBhvr>
                                      <p:to>
                                        <p:strVal val="visible"/>
                                      </p:to>
                                    </p:set>
                                    <p:animEffect transition="in" filter="wipe(up)">
                                      <p:cBhvr>
                                        <p:cTn id="73" dur="500"/>
                                        <p:tgtEl>
                                          <p:spTgt spid="24"/>
                                        </p:tgtEl>
                                      </p:cBhvr>
                                    </p:animEffect>
                                  </p:childTnLst>
                                </p:cTn>
                              </p:par>
                            </p:childTnLst>
                          </p:cTn>
                        </p:par>
                        <p:par>
                          <p:cTn id="74" fill="hold">
                            <p:stCondLst>
                              <p:cond delay="13000"/>
                            </p:stCondLst>
                            <p:childTnLst>
                              <p:par>
                                <p:cTn id="75" presetID="22" presetClass="entr" presetSubtype="8" fill="hold" nodeType="afterEffect">
                                  <p:stCondLst>
                                    <p:cond delay="0"/>
                                  </p:stCondLst>
                                  <p:childTnLst>
                                    <p:set>
                                      <p:cBhvr>
                                        <p:cTn id="76" dur="1" fill="hold">
                                          <p:stCondLst>
                                            <p:cond delay="0"/>
                                          </p:stCondLst>
                                        </p:cTn>
                                        <p:tgtEl>
                                          <p:spTgt spid="13"/>
                                        </p:tgtEl>
                                        <p:attrNameLst>
                                          <p:attrName>style.visibility</p:attrName>
                                        </p:attrNameLst>
                                      </p:cBhvr>
                                      <p:to>
                                        <p:strVal val="visible"/>
                                      </p:to>
                                    </p:set>
                                    <p:animEffect transition="in" filter="wipe(left)">
                                      <p:cBhvr>
                                        <p:cTn id="77" dur="500"/>
                                        <p:tgtEl>
                                          <p:spTgt spid="13"/>
                                        </p:tgtEl>
                                      </p:cBhvr>
                                    </p:animEffect>
                                  </p:childTnLst>
                                </p:cTn>
                              </p:par>
                            </p:childTnLst>
                          </p:cTn>
                        </p:par>
                        <p:par>
                          <p:cTn id="78" fill="hold">
                            <p:stCondLst>
                              <p:cond delay="13500"/>
                            </p:stCondLst>
                            <p:childTnLst>
                              <p:par>
                                <p:cTn id="79" presetID="22" presetClass="entr" presetSubtype="8" fill="hold" grpId="0" nodeType="afterEffect">
                                  <p:stCondLst>
                                    <p:cond delay="0"/>
                                  </p:stCondLst>
                                  <p:childTnLst>
                                    <p:set>
                                      <p:cBhvr>
                                        <p:cTn id="80" dur="1" fill="hold">
                                          <p:stCondLst>
                                            <p:cond delay="0"/>
                                          </p:stCondLst>
                                        </p:cTn>
                                        <p:tgtEl>
                                          <p:spTgt spid="37"/>
                                        </p:tgtEl>
                                        <p:attrNameLst>
                                          <p:attrName>style.visibility</p:attrName>
                                        </p:attrNameLst>
                                      </p:cBhvr>
                                      <p:to>
                                        <p:strVal val="visible"/>
                                      </p:to>
                                    </p:set>
                                    <p:animEffect transition="in" filter="wipe(left)">
                                      <p:cBhvr>
                                        <p:cTn id="81" dur="1000"/>
                                        <p:tgtEl>
                                          <p:spTgt spid="37"/>
                                        </p:tgtEl>
                                      </p:cBhvr>
                                    </p:animEffect>
                                  </p:childTnLst>
                                </p:cTn>
                              </p:par>
                            </p:childTnLst>
                          </p:cTn>
                        </p:par>
                        <p:par>
                          <p:cTn id="82" fill="hold">
                            <p:stCondLst>
                              <p:cond delay="14500"/>
                            </p:stCondLst>
                            <p:childTnLst>
                              <p:par>
                                <p:cTn id="83" presetID="22" presetClass="entr" presetSubtype="4" fill="hold" nodeType="afterEffect">
                                  <p:stCondLst>
                                    <p:cond delay="0"/>
                                  </p:stCondLst>
                                  <p:childTnLst>
                                    <p:set>
                                      <p:cBhvr>
                                        <p:cTn id="84" dur="1" fill="hold">
                                          <p:stCondLst>
                                            <p:cond delay="0"/>
                                          </p:stCondLst>
                                        </p:cTn>
                                        <p:tgtEl>
                                          <p:spTgt spid="38"/>
                                        </p:tgtEl>
                                        <p:attrNameLst>
                                          <p:attrName>style.visibility</p:attrName>
                                        </p:attrNameLst>
                                      </p:cBhvr>
                                      <p:to>
                                        <p:strVal val="visible"/>
                                      </p:to>
                                    </p:set>
                                    <p:animEffect transition="in" filter="wipe(down)">
                                      <p:cBhvr>
                                        <p:cTn id="85" dur="500"/>
                                        <p:tgtEl>
                                          <p:spTgt spid="38"/>
                                        </p:tgtEl>
                                      </p:cBhvr>
                                    </p:animEffect>
                                  </p:childTnLst>
                                </p:cTn>
                              </p:par>
                            </p:childTnLst>
                          </p:cTn>
                        </p:par>
                        <p:par>
                          <p:cTn id="86" fill="hold">
                            <p:stCondLst>
                              <p:cond delay="15000"/>
                            </p:stCondLst>
                            <p:childTnLst>
                              <p:par>
                                <p:cTn id="87" presetID="22" presetClass="entr" presetSubtype="8" fill="hold" grpId="0" nodeType="afterEffect">
                                  <p:stCondLst>
                                    <p:cond delay="0"/>
                                  </p:stCondLst>
                                  <p:childTnLst>
                                    <p:set>
                                      <p:cBhvr>
                                        <p:cTn id="88" dur="1" fill="hold">
                                          <p:stCondLst>
                                            <p:cond delay="0"/>
                                          </p:stCondLst>
                                        </p:cTn>
                                        <p:tgtEl>
                                          <p:spTgt spid="39"/>
                                        </p:tgtEl>
                                        <p:attrNameLst>
                                          <p:attrName>style.visibility</p:attrName>
                                        </p:attrNameLst>
                                      </p:cBhvr>
                                      <p:to>
                                        <p:strVal val="visible"/>
                                      </p:to>
                                    </p:set>
                                    <p:animEffect transition="in" filter="wipe(left)">
                                      <p:cBhvr>
                                        <p:cTn id="89" dur="1000"/>
                                        <p:tgtEl>
                                          <p:spTgt spid="39"/>
                                        </p:tgtEl>
                                      </p:cBhvr>
                                    </p:animEffect>
                                  </p:childTnLst>
                                </p:cTn>
                              </p:par>
                            </p:childTnLst>
                          </p:cTn>
                        </p:par>
                        <p:par>
                          <p:cTn id="90" fill="hold">
                            <p:stCondLst>
                              <p:cond delay="16000"/>
                            </p:stCondLst>
                            <p:childTnLst>
                              <p:par>
                                <p:cTn id="91" presetID="22" presetClass="entr" presetSubtype="1" fill="hold" grpId="0" nodeType="afterEffect">
                                  <p:stCondLst>
                                    <p:cond delay="0"/>
                                  </p:stCondLst>
                                  <p:childTnLst>
                                    <p:set>
                                      <p:cBhvr>
                                        <p:cTn id="92" dur="1" fill="hold">
                                          <p:stCondLst>
                                            <p:cond delay="0"/>
                                          </p:stCondLst>
                                        </p:cTn>
                                        <p:tgtEl>
                                          <p:spTgt spid="57">
                                            <p:txEl>
                                              <p:pRg st="0" end="0"/>
                                            </p:txEl>
                                          </p:spTgt>
                                        </p:tgtEl>
                                        <p:attrNameLst>
                                          <p:attrName>style.visibility</p:attrName>
                                        </p:attrNameLst>
                                      </p:cBhvr>
                                      <p:to>
                                        <p:strVal val="visible"/>
                                      </p:to>
                                    </p:set>
                                    <p:animEffect transition="in" filter="wipe(up)">
                                      <p:cBhvr>
                                        <p:cTn id="93" dur="1000"/>
                                        <p:tgtEl>
                                          <p:spTgt spid="57">
                                            <p:txEl>
                                              <p:pRg st="0" end="0"/>
                                            </p:txEl>
                                          </p:spTgt>
                                        </p:tgtEl>
                                      </p:cBhvr>
                                    </p:animEffect>
                                  </p:childTnLst>
                                </p:cTn>
                              </p:par>
                            </p:childTnLst>
                          </p:cTn>
                        </p:par>
                        <p:par>
                          <p:cTn id="94" fill="hold">
                            <p:stCondLst>
                              <p:cond delay="17000"/>
                            </p:stCondLst>
                            <p:childTnLst>
                              <p:par>
                                <p:cTn id="95" presetID="22" presetClass="entr" presetSubtype="1" fill="hold" grpId="0" nodeType="afterEffect">
                                  <p:stCondLst>
                                    <p:cond delay="0"/>
                                  </p:stCondLst>
                                  <p:childTnLst>
                                    <p:set>
                                      <p:cBhvr>
                                        <p:cTn id="96" dur="1" fill="hold">
                                          <p:stCondLst>
                                            <p:cond delay="0"/>
                                          </p:stCondLst>
                                        </p:cTn>
                                        <p:tgtEl>
                                          <p:spTgt spid="57">
                                            <p:txEl>
                                              <p:pRg st="1" end="1"/>
                                            </p:txEl>
                                          </p:spTgt>
                                        </p:tgtEl>
                                        <p:attrNameLst>
                                          <p:attrName>style.visibility</p:attrName>
                                        </p:attrNameLst>
                                      </p:cBhvr>
                                      <p:to>
                                        <p:strVal val="visible"/>
                                      </p:to>
                                    </p:set>
                                    <p:animEffect transition="in" filter="wipe(up)">
                                      <p:cBhvr>
                                        <p:cTn id="97" dur="1000"/>
                                        <p:tgtEl>
                                          <p:spTgt spid="57">
                                            <p:txEl>
                                              <p:pRg st="1" end="1"/>
                                            </p:txEl>
                                          </p:spTgt>
                                        </p:tgtEl>
                                      </p:cBhvr>
                                    </p:animEffect>
                                  </p:childTnLst>
                                </p:cTn>
                              </p:par>
                            </p:childTnLst>
                          </p:cTn>
                        </p:par>
                        <p:par>
                          <p:cTn id="98" fill="hold">
                            <p:stCondLst>
                              <p:cond delay="18000"/>
                            </p:stCondLst>
                            <p:childTnLst>
                              <p:par>
                                <p:cTn id="99" presetID="22" presetClass="entr" presetSubtype="1" fill="hold" grpId="0" nodeType="afterEffect">
                                  <p:stCondLst>
                                    <p:cond delay="0"/>
                                  </p:stCondLst>
                                  <p:childTnLst>
                                    <p:set>
                                      <p:cBhvr>
                                        <p:cTn id="100" dur="1" fill="hold">
                                          <p:stCondLst>
                                            <p:cond delay="0"/>
                                          </p:stCondLst>
                                        </p:cTn>
                                        <p:tgtEl>
                                          <p:spTgt spid="57">
                                            <p:txEl>
                                              <p:pRg st="2" end="2"/>
                                            </p:txEl>
                                          </p:spTgt>
                                        </p:tgtEl>
                                        <p:attrNameLst>
                                          <p:attrName>style.visibility</p:attrName>
                                        </p:attrNameLst>
                                      </p:cBhvr>
                                      <p:to>
                                        <p:strVal val="visible"/>
                                      </p:to>
                                    </p:set>
                                    <p:animEffect transition="in" filter="wipe(up)">
                                      <p:cBhvr>
                                        <p:cTn id="101" dur="1000"/>
                                        <p:tgtEl>
                                          <p:spTgt spid="57">
                                            <p:txEl>
                                              <p:pRg st="2" end="2"/>
                                            </p:txEl>
                                          </p:spTgt>
                                        </p:tgtEl>
                                      </p:cBhvr>
                                    </p:animEffect>
                                  </p:childTnLst>
                                </p:cTn>
                              </p:par>
                            </p:childTnLst>
                          </p:cTn>
                        </p:par>
                        <p:par>
                          <p:cTn id="102" fill="hold">
                            <p:stCondLst>
                              <p:cond delay="19000"/>
                            </p:stCondLst>
                            <p:childTnLst>
                              <p:par>
                                <p:cTn id="103" presetID="22" presetClass="entr" presetSubtype="1" fill="hold" grpId="0" nodeType="afterEffect">
                                  <p:stCondLst>
                                    <p:cond delay="0"/>
                                  </p:stCondLst>
                                  <p:childTnLst>
                                    <p:set>
                                      <p:cBhvr>
                                        <p:cTn id="104" dur="1" fill="hold">
                                          <p:stCondLst>
                                            <p:cond delay="0"/>
                                          </p:stCondLst>
                                        </p:cTn>
                                        <p:tgtEl>
                                          <p:spTgt spid="57">
                                            <p:txEl>
                                              <p:pRg st="3" end="3"/>
                                            </p:txEl>
                                          </p:spTgt>
                                        </p:tgtEl>
                                        <p:attrNameLst>
                                          <p:attrName>style.visibility</p:attrName>
                                        </p:attrNameLst>
                                      </p:cBhvr>
                                      <p:to>
                                        <p:strVal val="visible"/>
                                      </p:to>
                                    </p:set>
                                    <p:animEffect transition="in" filter="wipe(up)">
                                      <p:cBhvr>
                                        <p:cTn id="105" dur="1000"/>
                                        <p:tgtEl>
                                          <p:spTgt spid="57">
                                            <p:txEl>
                                              <p:pRg st="3" end="3"/>
                                            </p:txEl>
                                          </p:spTgt>
                                        </p:tgtEl>
                                      </p:cBhvr>
                                    </p:animEffect>
                                  </p:childTnLst>
                                </p:cTn>
                              </p:par>
                            </p:childTnLst>
                          </p:cTn>
                        </p:par>
                        <p:par>
                          <p:cTn id="106" fill="hold">
                            <p:stCondLst>
                              <p:cond delay="20000"/>
                            </p:stCondLst>
                            <p:childTnLst>
                              <p:par>
                                <p:cTn id="107" presetID="22" presetClass="entr" presetSubtype="8" fill="hold" grpId="0" nodeType="afterEffect">
                                  <p:stCondLst>
                                    <p:cond delay="0"/>
                                  </p:stCondLst>
                                  <p:childTnLst>
                                    <p:set>
                                      <p:cBhvr>
                                        <p:cTn id="108" dur="1" fill="hold">
                                          <p:stCondLst>
                                            <p:cond delay="0"/>
                                          </p:stCondLst>
                                        </p:cTn>
                                        <p:tgtEl>
                                          <p:spTgt spid="10"/>
                                        </p:tgtEl>
                                        <p:attrNameLst>
                                          <p:attrName>style.visibility</p:attrName>
                                        </p:attrNameLst>
                                      </p:cBhvr>
                                      <p:to>
                                        <p:strVal val="visible"/>
                                      </p:to>
                                    </p:set>
                                    <p:animEffect transition="in" filter="wipe(left)">
                                      <p:cBhvr>
                                        <p:cTn id="109" dur="10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uiExpand="1" build="p"/>
      <p:bldP spid="17" grpId="0"/>
      <p:bldP spid="8" grpId="0"/>
      <p:bldP spid="10" grpId="0"/>
      <p:bldP spid="33" grpId="0" build="p"/>
      <p:bldP spid="35" grpId="0"/>
      <p:bldP spid="36" grpId="0"/>
      <p:bldP spid="37" grpId="0"/>
      <p:bldP spid="39" grpId="0"/>
      <p:bldP spid="57" grpId="0" build="p"/>
    </p:bld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14</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atalysts for ammonia decomposition </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Catalysts list</a:t>
            </a:r>
          </a:p>
        </p:txBody>
      </p:sp>
      <p:graphicFrame>
        <p:nvGraphicFramePr>
          <p:cNvPr id="18" name="Table 17">
            <a:extLst>
              <a:ext uri="{FF2B5EF4-FFF2-40B4-BE49-F238E27FC236}">
                <a16:creationId xmlns:a16="http://schemas.microsoft.com/office/drawing/2014/main" id="{7DE3A7E3-E10C-493D-CEE5-5BEB8EF78E0F}"/>
              </a:ext>
            </a:extLst>
          </p:cNvPr>
          <p:cNvGraphicFramePr>
            <a:graphicFrameLocks noGrp="1"/>
          </p:cNvGraphicFramePr>
          <p:nvPr>
            <p:extLst>
              <p:ext uri="{D42A27DB-BD31-4B8C-83A1-F6EECF244321}">
                <p14:modId xmlns:p14="http://schemas.microsoft.com/office/powerpoint/2010/main" val="3690643384"/>
              </p:ext>
            </p:extLst>
          </p:nvPr>
        </p:nvGraphicFramePr>
        <p:xfrm>
          <a:off x="1528762" y="1098083"/>
          <a:ext cx="6086475" cy="2805840"/>
        </p:xfrm>
        <a:graphic>
          <a:graphicData uri="http://schemas.openxmlformats.org/drawingml/2006/table">
            <a:tbl>
              <a:tblPr/>
              <a:tblGrid>
                <a:gridCol w="271905">
                  <a:extLst>
                    <a:ext uri="{9D8B030D-6E8A-4147-A177-3AD203B41FA5}">
                      <a16:colId xmlns:a16="http://schemas.microsoft.com/office/drawing/2014/main" val="3320949361"/>
                    </a:ext>
                  </a:extLst>
                </a:gridCol>
                <a:gridCol w="1652343">
                  <a:extLst>
                    <a:ext uri="{9D8B030D-6E8A-4147-A177-3AD203B41FA5}">
                      <a16:colId xmlns:a16="http://schemas.microsoft.com/office/drawing/2014/main" val="2757119354"/>
                    </a:ext>
                  </a:extLst>
                </a:gridCol>
                <a:gridCol w="1296774">
                  <a:extLst>
                    <a:ext uri="{9D8B030D-6E8A-4147-A177-3AD203B41FA5}">
                      <a16:colId xmlns:a16="http://schemas.microsoft.com/office/drawing/2014/main" val="1836686424"/>
                    </a:ext>
                  </a:extLst>
                </a:gridCol>
                <a:gridCol w="1296774">
                  <a:extLst>
                    <a:ext uri="{9D8B030D-6E8A-4147-A177-3AD203B41FA5}">
                      <a16:colId xmlns:a16="http://schemas.microsoft.com/office/drawing/2014/main" val="540105299"/>
                    </a:ext>
                  </a:extLst>
                </a:gridCol>
                <a:gridCol w="1296774">
                  <a:extLst>
                    <a:ext uri="{9D8B030D-6E8A-4147-A177-3AD203B41FA5}">
                      <a16:colId xmlns:a16="http://schemas.microsoft.com/office/drawing/2014/main" val="2659544564"/>
                    </a:ext>
                  </a:extLst>
                </a:gridCol>
                <a:gridCol w="271905">
                  <a:extLst>
                    <a:ext uri="{9D8B030D-6E8A-4147-A177-3AD203B41FA5}">
                      <a16:colId xmlns:a16="http://schemas.microsoft.com/office/drawing/2014/main" val="2205135803"/>
                    </a:ext>
                  </a:extLst>
                </a:gridCol>
              </a:tblGrid>
              <a:tr h="218025">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w="12700" cap="flat" cmpd="sng" algn="ctr">
                      <a:solidFill>
                        <a:srgbClr val="00206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w="12700" cap="flat" cmpd="sng" algn="ctr">
                      <a:solidFill>
                        <a:srgbClr val="00206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w="12700" cap="flat" cmpd="sng" algn="ctr">
                      <a:solidFill>
                        <a:srgbClr val="00206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w="12700" cap="flat" cmpd="sng" algn="ctr">
                      <a:solidFill>
                        <a:srgbClr val="00206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w="12700" cap="flat" cmpd="sng" algn="ctr">
                      <a:solidFill>
                        <a:srgbClr val="002060"/>
                      </a:solidFill>
                      <a:prstDash val="solid"/>
                      <a:round/>
                      <a:headEnd type="none" w="med" len="med"/>
                      <a:tailEnd type="none" w="med" len="med"/>
                    </a:lnT>
                    <a:lnB>
                      <a:noFill/>
                    </a:lnB>
                    <a:solidFill>
                      <a:srgbClr val="FFFFFF"/>
                    </a:solidFill>
                  </a:tcPr>
                </a:tc>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w="12700" cap="flat" cmpd="sng" algn="ctr">
                      <a:solidFill>
                        <a:srgbClr val="002060"/>
                      </a:solidFill>
                      <a:prstDash val="solid"/>
                      <a:round/>
                      <a:headEnd type="none" w="med" len="med"/>
                      <a:tailEnd type="none" w="med" len="med"/>
                    </a:lnT>
                    <a:lnB>
                      <a:noFill/>
                    </a:lnB>
                    <a:solidFill>
                      <a:srgbClr val="FFFFFF"/>
                    </a:solidFill>
                  </a:tcPr>
                </a:tc>
                <a:extLst>
                  <a:ext uri="{0D108BD9-81ED-4DB2-BD59-A6C34878D82A}">
                    <a16:rowId xmlns:a16="http://schemas.microsoft.com/office/drawing/2014/main" val="443796885"/>
                  </a:ext>
                </a:extLst>
              </a:tr>
              <a:tr h="227505">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tc rowSpan="2">
                  <a:txBody>
                    <a:bodyPr/>
                    <a:lstStyle/>
                    <a:p>
                      <a:pPr algn="ctr" fontAlgn="ctr"/>
                      <a:r>
                        <a:rPr lang="en-US" sz="1600" b="1" i="0" u="none" strike="noStrike" noProof="0" dirty="0">
                          <a:solidFill>
                            <a:srgbClr val="002060"/>
                          </a:solidFill>
                          <a:effectLst/>
                          <a:highlight>
                            <a:srgbClr val="FFFFFF"/>
                          </a:highlight>
                          <a:latin typeface="Calibri" panose="020F0502020204030204" pitchFamily="34" charset="0"/>
                        </a:rPr>
                        <a:t>Catalyst</a:t>
                      </a:r>
                    </a:p>
                  </a:txBody>
                  <a:tcPr marL="7620" marR="7620" marT="7620" marB="0" anchor="ctr">
                    <a:lnL>
                      <a:noFill/>
                    </a:lnL>
                    <a:lnR>
                      <a:noFill/>
                    </a:lnR>
                    <a:lnT>
                      <a:noFill/>
                    </a:lnT>
                    <a:lnB>
                      <a:noFill/>
                    </a:lnB>
                    <a:solidFill>
                      <a:srgbClr val="FFFFFF"/>
                    </a:solidFill>
                  </a:tcPr>
                </a:tc>
                <a:tc>
                  <a:txBody>
                    <a:bodyPr/>
                    <a:lstStyle/>
                    <a:p>
                      <a:pPr algn="ctr" fontAlgn="ctr"/>
                      <a:r>
                        <a:rPr lang="en-US" sz="1600" b="1" i="0" u="none" strike="noStrike" noProof="0" dirty="0">
                          <a:solidFill>
                            <a:srgbClr val="002060"/>
                          </a:solidFill>
                          <a:effectLst/>
                          <a:highlight>
                            <a:srgbClr val="FFFFFF"/>
                          </a:highlight>
                          <a:latin typeface="Calibri" panose="020F0502020204030204" pitchFamily="34" charset="0"/>
                        </a:rPr>
                        <a:t>Cs loading</a:t>
                      </a:r>
                    </a:p>
                  </a:txBody>
                  <a:tcPr marL="7620" marR="7620" marT="7620" marB="0" anchor="ctr">
                    <a:lnL>
                      <a:noFill/>
                    </a:lnL>
                    <a:lnR>
                      <a:noFill/>
                    </a:lnR>
                    <a:lnT>
                      <a:noFill/>
                    </a:lnT>
                    <a:lnB>
                      <a:noFill/>
                    </a:lnB>
                    <a:solidFill>
                      <a:srgbClr val="FFFFFF"/>
                    </a:solidFill>
                  </a:tcPr>
                </a:tc>
                <a:tc>
                  <a:txBody>
                    <a:bodyPr/>
                    <a:lstStyle/>
                    <a:p>
                      <a:pPr algn="ctr" fontAlgn="ctr"/>
                      <a:r>
                        <a:rPr lang="en-US" sz="1600" b="1" i="0" u="none" strike="noStrike" noProof="0" dirty="0">
                          <a:solidFill>
                            <a:srgbClr val="002060"/>
                          </a:solidFill>
                          <a:effectLst/>
                          <a:highlight>
                            <a:srgbClr val="FFFFFF"/>
                          </a:highlight>
                          <a:latin typeface="Calibri" panose="020F0502020204030204" pitchFamily="34" charset="0"/>
                        </a:rPr>
                        <a:t>Ru loading</a:t>
                      </a:r>
                    </a:p>
                  </a:txBody>
                  <a:tcPr marL="7620" marR="7620" marT="7620" marB="0" anchor="ctr">
                    <a:lnL>
                      <a:noFill/>
                    </a:lnL>
                    <a:lnR>
                      <a:noFill/>
                    </a:lnR>
                    <a:lnT>
                      <a:noFill/>
                    </a:lnT>
                    <a:lnB>
                      <a:noFill/>
                    </a:lnB>
                    <a:solidFill>
                      <a:srgbClr val="FFFFFF"/>
                    </a:solidFill>
                  </a:tcPr>
                </a:tc>
                <a:tc>
                  <a:txBody>
                    <a:bodyPr/>
                    <a:lstStyle/>
                    <a:p>
                      <a:pPr algn="ctr" fontAlgn="ctr"/>
                      <a:r>
                        <a:rPr lang="en-US" sz="1600" b="1" i="0" u="none" strike="noStrike" noProof="0" dirty="0">
                          <a:solidFill>
                            <a:srgbClr val="002060"/>
                          </a:solidFill>
                          <a:effectLst/>
                          <a:highlight>
                            <a:srgbClr val="FFFFFF"/>
                          </a:highlight>
                          <a:latin typeface="Calibri" panose="020F0502020204030204" pitchFamily="34" charset="0"/>
                        </a:rPr>
                        <a:t>Cs/Ru ratio</a:t>
                      </a:r>
                    </a:p>
                  </a:txBody>
                  <a:tcPr marL="7620" marR="7620" marT="7620" marB="0" anchor="ctr">
                    <a:lnL>
                      <a:noFill/>
                    </a:lnL>
                    <a:lnR>
                      <a:noFill/>
                    </a:lnR>
                    <a:lnT>
                      <a:noFill/>
                    </a:lnT>
                    <a:lnB>
                      <a:noFill/>
                    </a:lnB>
                    <a:solidFill>
                      <a:srgbClr val="FFFFFF"/>
                    </a:solidFill>
                  </a:tcPr>
                </a:tc>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extLst>
                  <a:ext uri="{0D108BD9-81ED-4DB2-BD59-A6C34878D82A}">
                    <a16:rowId xmlns:a16="http://schemas.microsoft.com/office/drawing/2014/main" val="3106098117"/>
                  </a:ext>
                </a:extLst>
              </a:tr>
              <a:tr h="227505">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tc vMerge="1">
                  <a:txBody>
                    <a:bodyPr/>
                    <a:lstStyle/>
                    <a:p>
                      <a:endParaRPr lang="en-NL"/>
                    </a:p>
                  </a:txBody>
                  <a:tcPr/>
                </a:tc>
                <a:tc>
                  <a:txBody>
                    <a:bodyPr/>
                    <a:lstStyle/>
                    <a:p>
                      <a:pPr algn="ctr" fontAlgn="ctr"/>
                      <a:r>
                        <a:rPr lang="en-US" sz="1600" b="0" i="0" u="none" strike="noStrike" noProof="0" dirty="0" err="1">
                          <a:solidFill>
                            <a:srgbClr val="002060"/>
                          </a:solidFill>
                          <a:effectLst/>
                          <a:highlight>
                            <a:srgbClr val="FFFFFF"/>
                          </a:highlight>
                          <a:latin typeface="Calibri" panose="020F0502020204030204" pitchFamily="34" charset="0"/>
                        </a:rPr>
                        <a:t>wt</a:t>
                      </a:r>
                      <a:r>
                        <a:rPr lang="en-US" sz="1600" b="0" i="0" u="none" strike="noStrike" noProof="0" dirty="0">
                          <a:solidFill>
                            <a:srgbClr val="002060"/>
                          </a:solidFill>
                          <a:effectLst/>
                          <a:highlight>
                            <a:srgbClr val="FFFFFF"/>
                          </a:highlight>
                          <a:latin typeface="Calibri" panose="020F0502020204030204" pitchFamily="34" charset="0"/>
                        </a:rPr>
                        <a:t>%</a:t>
                      </a:r>
                    </a:p>
                  </a:txBody>
                  <a:tcPr marL="7620" marR="7620" marT="7620" marB="0" anchor="ctr">
                    <a:lnL>
                      <a:noFill/>
                    </a:lnL>
                    <a:lnR>
                      <a:noFill/>
                    </a:lnR>
                    <a:lnT>
                      <a:noFill/>
                    </a:lnT>
                    <a:lnB>
                      <a:noFill/>
                    </a:lnB>
                    <a:solidFill>
                      <a:srgbClr val="FFFFFF"/>
                    </a:solidFill>
                  </a:tcPr>
                </a:tc>
                <a:tc>
                  <a:txBody>
                    <a:bodyPr/>
                    <a:lstStyle/>
                    <a:p>
                      <a:pPr algn="ctr" fontAlgn="ctr"/>
                      <a:r>
                        <a:rPr lang="en-US" sz="1600" b="0" i="0" u="none" strike="noStrike" noProof="0" dirty="0" err="1">
                          <a:solidFill>
                            <a:srgbClr val="002060"/>
                          </a:solidFill>
                          <a:effectLst/>
                          <a:highlight>
                            <a:srgbClr val="FFFFFF"/>
                          </a:highlight>
                          <a:latin typeface="Calibri" panose="020F0502020204030204" pitchFamily="34" charset="0"/>
                        </a:rPr>
                        <a:t>wt</a:t>
                      </a:r>
                      <a:r>
                        <a:rPr lang="en-US" sz="1600" b="0" i="0" u="none" strike="noStrike" noProof="0" dirty="0">
                          <a:solidFill>
                            <a:srgbClr val="002060"/>
                          </a:solidFill>
                          <a:effectLst/>
                          <a:highlight>
                            <a:srgbClr val="FFFFFF"/>
                          </a:highlight>
                          <a:latin typeface="Calibri" panose="020F0502020204030204" pitchFamily="34" charset="0"/>
                        </a:rPr>
                        <a:t>%</a:t>
                      </a:r>
                    </a:p>
                  </a:txBody>
                  <a:tcPr marL="7620" marR="7620" marT="7620" marB="0" anchor="ctr">
                    <a:lnL>
                      <a:noFill/>
                    </a:lnL>
                    <a:lnR>
                      <a:noFill/>
                    </a:lnR>
                    <a:lnT>
                      <a:noFill/>
                    </a:lnT>
                    <a:lnB>
                      <a:noFill/>
                    </a:lnB>
                    <a:solidFill>
                      <a:srgbClr val="FFFFFF"/>
                    </a:solidFill>
                  </a:tcPr>
                </a:tc>
                <a:tc>
                  <a:txBody>
                    <a:bodyPr/>
                    <a:lstStyle/>
                    <a:p>
                      <a:pPr algn="ctr" fontAlgn="ctr"/>
                      <a:r>
                        <a:rPr lang="en-US" sz="1600" b="0" i="0" u="none" strike="noStrike" noProof="0" dirty="0">
                          <a:solidFill>
                            <a:srgbClr val="002060"/>
                          </a:solidFill>
                          <a:effectLst/>
                          <a:highlight>
                            <a:srgbClr val="FFFFFF"/>
                          </a:highlight>
                          <a:latin typeface="Calibri" panose="020F0502020204030204" pitchFamily="34" charset="0"/>
                        </a:rPr>
                        <a:t>w/w</a:t>
                      </a:r>
                    </a:p>
                  </a:txBody>
                  <a:tcPr marL="7620" marR="7620" marT="7620" marB="0" anchor="ctr">
                    <a:lnL>
                      <a:noFill/>
                    </a:lnL>
                    <a:lnR>
                      <a:noFill/>
                    </a:lnR>
                    <a:lnT>
                      <a:noFill/>
                    </a:lnT>
                    <a:lnB>
                      <a:noFill/>
                    </a:lnB>
                    <a:solidFill>
                      <a:srgbClr val="FFFFFF"/>
                    </a:solidFill>
                  </a:tcPr>
                </a:tc>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extLst>
                  <a:ext uri="{0D108BD9-81ED-4DB2-BD59-A6C34878D82A}">
                    <a16:rowId xmlns:a16="http://schemas.microsoft.com/office/drawing/2014/main" val="1537860393"/>
                  </a:ext>
                </a:extLst>
              </a:tr>
              <a:tr h="89658">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w="12700" cap="flat" cmpd="sng" algn="ctr">
                      <a:solidFill>
                        <a:srgbClr val="002060"/>
                      </a:solidFill>
                      <a:prstDash val="solid"/>
                      <a:round/>
                      <a:headEnd type="none" w="med" len="med"/>
                      <a:tailEnd type="none" w="med" len="med"/>
                    </a:lnB>
                    <a:solidFill>
                      <a:srgbClr val="FFFFFF"/>
                    </a:solidFill>
                  </a:tcPr>
                </a:tc>
                <a:tc>
                  <a:txBody>
                    <a:bodyPr/>
                    <a:lstStyle/>
                    <a:p>
                      <a:pPr algn="ctr" fontAlgn="ctr"/>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a:noFill/>
                    </a:lnT>
                    <a:lnB w="12700" cap="flat" cmpd="sng" algn="ctr">
                      <a:solidFill>
                        <a:srgbClr val="002060"/>
                      </a:solidFill>
                      <a:prstDash val="solid"/>
                      <a:round/>
                      <a:headEnd type="none" w="med" len="med"/>
                      <a:tailEnd type="none" w="med" len="med"/>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a:noFill/>
                    </a:lnT>
                    <a:lnB w="12700" cap="flat" cmpd="sng" algn="ctr">
                      <a:solidFill>
                        <a:srgbClr val="002060"/>
                      </a:solidFill>
                      <a:prstDash val="solid"/>
                      <a:round/>
                      <a:headEnd type="none" w="med" len="med"/>
                      <a:tailEnd type="none" w="med" len="med"/>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a:noFill/>
                    </a:lnT>
                    <a:lnB w="12700" cap="flat" cmpd="sng" algn="ctr">
                      <a:solidFill>
                        <a:srgbClr val="002060"/>
                      </a:solidFill>
                      <a:prstDash val="solid"/>
                      <a:round/>
                      <a:headEnd type="none" w="med" len="med"/>
                      <a:tailEnd type="none" w="med" len="med"/>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ctr">
                    <a:lnL>
                      <a:noFill/>
                    </a:lnL>
                    <a:lnR>
                      <a:noFill/>
                    </a:lnR>
                    <a:lnT>
                      <a:noFill/>
                    </a:lnT>
                    <a:lnB w="12700" cap="flat" cmpd="sng" algn="ctr">
                      <a:solidFill>
                        <a:srgbClr val="002060"/>
                      </a:solidFill>
                      <a:prstDash val="solid"/>
                      <a:round/>
                      <a:headEnd type="none" w="med" len="med"/>
                      <a:tailEnd type="none" w="med" len="med"/>
                    </a:lnB>
                    <a:solidFill>
                      <a:srgbClr val="FFFFFF"/>
                    </a:solidFill>
                  </a:tcPr>
                </a:tc>
                <a:tc>
                  <a:txBody>
                    <a:bodyPr/>
                    <a:lstStyle/>
                    <a:p>
                      <a:pPr algn="l" fontAlgn="b"/>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w="12700" cap="flat" cmpd="sng" algn="ctr">
                      <a:solidFill>
                        <a:srgbClr val="002060"/>
                      </a:solidFill>
                      <a:prstDash val="solid"/>
                      <a:round/>
                      <a:headEnd type="none" w="med" len="med"/>
                      <a:tailEnd type="none" w="med" len="med"/>
                    </a:lnB>
                    <a:solidFill>
                      <a:srgbClr val="FFFFFF"/>
                    </a:solidFill>
                  </a:tcPr>
                </a:tc>
                <a:extLst>
                  <a:ext uri="{0D108BD9-81ED-4DB2-BD59-A6C34878D82A}">
                    <a16:rowId xmlns:a16="http://schemas.microsoft.com/office/drawing/2014/main" val="2733090793"/>
                  </a:ext>
                </a:extLst>
              </a:tr>
              <a:tr h="360000">
                <a:tc>
                  <a:txBody>
                    <a:bodyPr/>
                    <a:lstStyle/>
                    <a:p>
                      <a:pPr algn="l" fontAlgn="b"/>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w="12700" cap="flat" cmpd="sng" algn="ctr">
                      <a:solidFill>
                        <a:srgbClr val="002060"/>
                      </a:solidFill>
                      <a:prstDash val="solid"/>
                      <a:round/>
                      <a:headEnd type="none" w="med" len="med"/>
                      <a:tailEnd type="none" w="med" len="med"/>
                    </a:lnT>
                    <a:lnB>
                      <a:noFill/>
                    </a:lnB>
                    <a:solidFill>
                      <a:srgbClr val="FFFFFF"/>
                    </a:solidFill>
                  </a:tcPr>
                </a:tc>
                <a:tc>
                  <a:txBody>
                    <a:bodyPr/>
                    <a:lstStyle/>
                    <a:p>
                      <a:pPr algn="ctr" fontAlgn="ctr"/>
                      <a:r>
                        <a:rPr lang="it-IT" sz="1600" b="0" i="0" u="none" strike="noStrike" dirty="0">
                          <a:solidFill>
                            <a:srgbClr val="002060"/>
                          </a:solidFill>
                          <a:effectLst/>
                          <a:highlight>
                            <a:srgbClr val="FFFFFF"/>
                          </a:highlight>
                          <a:latin typeface="Calibri" panose="020F0502020204030204" pitchFamily="34" charset="0"/>
                        </a:rPr>
                        <a:t>3RuCeO</a:t>
                      </a:r>
                      <a:r>
                        <a:rPr lang="it-IT" sz="1600" b="0" i="0" u="none" strike="noStrike" baseline="-25000" dirty="0">
                          <a:solidFill>
                            <a:srgbClr val="002060"/>
                          </a:solidFill>
                          <a:effectLst/>
                          <a:highlight>
                            <a:srgbClr val="FFFFFF"/>
                          </a:highlight>
                          <a:latin typeface="Calibri" panose="020F0502020204030204" pitchFamily="34" charset="0"/>
                        </a:rPr>
                        <a:t>2</a:t>
                      </a:r>
                      <a:endParaRPr lang="it-IT"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w="12700" cap="flat" cmpd="sng" algn="ctr">
                      <a:solidFill>
                        <a:srgbClr val="00206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a:t>
                      </a:r>
                    </a:p>
                  </a:txBody>
                  <a:tcPr marL="7620" marR="7620" marT="7620" marB="0" anchor="ctr">
                    <a:lnL>
                      <a:noFill/>
                    </a:lnL>
                    <a:lnR>
                      <a:noFill/>
                    </a:lnR>
                    <a:lnT w="12700" cap="flat" cmpd="sng" algn="ctr">
                      <a:solidFill>
                        <a:srgbClr val="00206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3</a:t>
                      </a:r>
                    </a:p>
                  </a:txBody>
                  <a:tcPr marL="7620" marR="7620" marT="7620" marB="0" anchor="ctr">
                    <a:lnL>
                      <a:noFill/>
                    </a:lnL>
                    <a:lnR>
                      <a:noFill/>
                    </a:lnR>
                    <a:lnT w="12700" cap="flat" cmpd="sng" algn="ctr">
                      <a:solidFill>
                        <a:srgbClr val="002060"/>
                      </a:solidFill>
                      <a:prstDash val="solid"/>
                      <a:round/>
                      <a:headEnd type="none" w="med" len="med"/>
                      <a:tailEnd type="none" w="med" len="med"/>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a:t>
                      </a:r>
                    </a:p>
                  </a:txBody>
                  <a:tcPr marL="7620" marR="7620" marT="7620" marB="0" anchor="ctr">
                    <a:lnL>
                      <a:noFill/>
                    </a:lnL>
                    <a:lnR>
                      <a:noFill/>
                    </a:lnR>
                    <a:lnT w="12700" cap="flat" cmpd="sng" algn="ctr">
                      <a:solidFill>
                        <a:srgbClr val="002060"/>
                      </a:solidFill>
                      <a:prstDash val="solid"/>
                      <a:round/>
                      <a:headEnd type="none" w="med" len="med"/>
                      <a:tailEnd type="none" w="med" len="med"/>
                    </a:lnT>
                    <a:lnB>
                      <a:noFill/>
                    </a:lnB>
                    <a:solidFill>
                      <a:srgbClr val="FFFFFF"/>
                    </a:solidFill>
                  </a:tcPr>
                </a:tc>
                <a:tc>
                  <a:txBody>
                    <a:bodyPr/>
                    <a:lstStyle/>
                    <a:p>
                      <a:pPr algn="l" fontAlgn="b"/>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w="12700" cap="flat" cmpd="sng" algn="ctr">
                      <a:solidFill>
                        <a:srgbClr val="002060"/>
                      </a:solidFill>
                      <a:prstDash val="solid"/>
                      <a:round/>
                      <a:headEnd type="none" w="med" len="med"/>
                      <a:tailEnd type="none" w="med" len="med"/>
                    </a:lnT>
                    <a:lnB>
                      <a:noFill/>
                    </a:lnB>
                    <a:solidFill>
                      <a:srgbClr val="FFFFFF"/>
                    </a:solidFill>
                  </a:tcPr>
                </a:tc>
                <a:extLst>
                  <a:ext uri="{0D108BD9-81ED-4DB2-BD59-A6C34878D82A}">
                    <a16:rowId xmlns:a16="http://schemas.microsoft.com/office/drawing/2014/main" val="4009089898"/>
                  </a:ext>
                </a:extLst>
              </a:tr>
              <a:tr h="360000">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tc>
                  <a:txBody>
                    <a:bodyPr/>
                    <a:lstStyle/>
                    <a:p>
                      <a:pPr algn="ctr" fontAlgn="ctr"/>
                      <a:r>
                        <a:rPr lang="it-IT" sz="1600" b="0" i="0" u="none" strike="noStrike" dirty="0">
                          <a:solidFill>
                            <a:srgbClr val="002060"/>
                          </a:solidFill>
                          <a:effectLst/>
                          <a:highlight>
                            <a:srgbClr val="FFFFFF"/>
                          </a:highlight>
                          <a:latin typeface="Calibri" panose="020F0502020204030204" pitchFamily="34" charset="0"/>
                        </a:rPr>
                        <a:t>5RuCeO</a:t>
                      </a:r>
                      <a:r>
                        <a:rPr lang="it-IT" sz="1600" b="0" i="0" u="none" strike="noStrike" baseline="-25000" dirty="0">
                          <a:solidFill>
                            <a:srgbClr val="002060"/>
                          </a:solidFill>
                          <a:effectLst/>
                          <a:highlight>
                            <a:srgbClr val="FFFFFF"/>
                          </a:highlight>
                          <a:latin typeface="Calibri" panose="020F0502020204030204" pitchFamily="34" charset="0"/>
                        </a:rPr>
                        <a:t>2</a:t>
                      </a:r>
                      <a:endParaRPr lang="it-IT"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a:t>
                      </a:r>
                    </a:p>
                  </a:txBody>
                  <a:tcPr marL="7620" marR="7620" marT="7620" marB="0" anchor="ctr">
                    <a:lnL>
                      <a:noFill/>
                    </a:lnL>
                    <a:lnR>
                      <a:noFill/>
                    </a:lnR>
                    <a:lnT>
                      <a:noFill/>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5</a:t>
                      </a:r>
                    </a:p>
                  </a:txBody>
                  <a:tcPr marL="7620" marR="7620" marT="7620" marB="0" anchor="ctr">
                    <a:lnL>
                      <a:noFill/>
                    </a:lnL>
                    <a:lnR>
                      <a:noFill/>
                    </a:lnR>
                    <a:lnT>
                      <a:noFill/>
                    </a:lnT>
                    <a:lnB>
                      <a:noFill/>
                    </a:lnB>
                    <a:solidFill>
                      <a:srgbClr val="FFFFFF"/>
                    </a:solidFill>
                  </a:tcPr>
                </a:tc>
                <a:tc>
                  <a:txBody>
                    <a:bodyPr/>
                    <a:lstStyle/>
                    <a:p>
                      <a:pPr algn="ctr" fontAlgn="ctr"/>
                      <a:r>
                        <a:rPr lang="en-NL" sz="1600" b="0" i="0" u="none" strike="noStrike">
                          <a:solidFill>
                            <a:srgbClr val="002060"/>
                          </a:solidFill>
                          <a:effectLst/>
                          <a:highlight>
                            <a:srgbClr val="FFFFFF"/>
                          </a:highlight>
                          <a:latin typeface="Calibri" panose="020F0502020204030204" pitchFamily="34" charset="0"/>
                        </a:rPr>
                        <a:t>-</a:t>
                      </a:r>
                    </a:p>
                  </a:txBody>
                  <a:tcPr marL="7620" marR="7620" marT="7620" marB="0" anchor="ctr">
                    <a:lnL>
                      <a:noFill/>
                    </a:lnL>
                    <a:lnR>
                      <a:noFill/>
                    </a:lnR>
                    <a:lnT>
                      <a:noFill/>
                    </a:lnT>
                    <a:lnB>
                      <a:noFill/>
                    </a:lnB>
                    <a:solidFill>
                      <a:srgbClr val="FFFFFF"/>
                    </a:solidFill>
                  </a:tcPr>
                </a:tc>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extLst>
                  <a:ext uri="{0D108BD9-81ED-4DB2-BD59-A6C34878D82A}">
                    <a16:rowId xmlns:a16="http://schemas.microsoft.com/office/drawing/2014/main" val="1271647851"/>
                  </a:ext>
                </a:extLst>
              </a:tr>
              <a:tr h="360000">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tc>
                  <a:txBody>
                    <a:bodyPr/>
                    <a:lstStyle/>
                    <a:p>
                      <a:pPr algn="ctr" fontAlgn="ctr"/>
                      <a:r>
                        <a:rPr lang="it-IT" sz="1600" b="0" i="0" u="none" strike="noStrike">
                          <a:solidFill>
                            <a:srgbClr val="002060"/>
                          </a:solidFill>
                          <a:effectLst/>
                          <a:highlight>
                            <a:srgbClr val="FFFFFF"/>
                          </a:highlight>
                          <a:latin typeface="Calibri" panose="020F0502020204030204" pitchFamily="34" charset="0"/>
                        </a:rPr>
                        <a:t>7RuCeO</a:t>
                      </a:r>
                      <a:r>
                        <a:rPr lang="it-IT" sz="1600" b="0" i="0" u="none" strike="noStrike" baseline="-25000">
                          <a:solidFill>
                            <a:srgbClr val="002060"/>
                          </a:solidFill>
                          <a:effectLst/>
                          <a:highlight>
                            <a:srgbClr val="FFFFFF"/>
                          </a:highlight>
                          <a:latin typeface="Calibri" panose="020F0502020204030204" pitchFamily="34" charset="0"/>
                        </a:rPr>
                        <a:t>2</a:t>
                      </a:r>
                      <a:endParaRPr lang="it-IT" sz="1600" b="0" i="0" u="none" strike="noStrike">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a:t>
                      </a:r>
                    </a:p>
                  </a:txBody>
                  <a:tcPr marL="7620" marR="7620" marT="7620" marB="0" anchor="ctr">
                    <a:lnL>
                      <a:noFill/>
                    </a:lnL>
                    <a:lnR>
                      <a:noFill/>
                    </a:lnR>
                    <a:lnT>
                      <a:noFill/>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7</a:t>
                      </a:r>
                    </a:p>
                  </a:txBody>
                  <a:tcPr marL="7620" marR="7620" marT="7620" marB="0" anchor="ctr">
                    <a:lnL>
                      <a:noFill/>
                    </a:lnL>
                    <a:lnR>
                      <a:noFill/>
                    </a:lnR>
                    <a:lnT>
                      <a:noFill/>
                    </a:lnT>
                    <a:lnB>
                      <a:noFill/>
                    </a:lnB>
                    <a:solidFill>
                      <a:srgbClr val="FFFFFF"/>
                    </a:solidFill>
                  </a:tcPr>
                </a:tc>
                <a:tc>
                  <a:txBody>
                    <a:bodyPr/>
                    <a:lstStyle/>
                    <a:p>
                      <a:pPr algn="ctr" fontAlgn="ctr"/>
                      <a:r>
                        <a:rPr lang="en-US" sz="1600" b="0" i="0" u="none" strike="noStrike" dirty="0">
                          <a:solidFill>
                            <a:srgbClr val="002060"/>
                          </a:solidFill>
                          <a:effectLst/>
                          <a:highlight>
                            <a:srgbClr val="FFFFFF"/>
                          </a:highlight>
                          <a:latin typeface="Calibri" panose="020F0502020204030204" pitchFamily="34" charset="0"/>
                        </a:rPr>
                        <a:t>-</a:t>
                      </a:r>
                      <a:endParaRPr lang="en-NL" sz="1600" b="0" i="0" u="none" strike="noStrike" dirty="0">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extLst>
                  <a:ext uri="{0D108BD9-81ED-4DB2-BD59-A6C34878D82A}">
                    <a16:rowId xmlns:a16="http://schemas.microsoft.com/office/drawing/2014/main" val="2212896907"/>
                  </a:ext>
                </a:extLst>
              </a:tr>
              <a:tr h="360000">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tc>
                  <a:txBody>
                    <a:bodyPr/>
                    <a:lstStyle/>
                    <a:p>
                      <a:pPr algn="ctr" fontAlgn="ctr"/>
                      <a:r>
                        <a:rPr lang="it-IT" sz="1600" b="0" i="0" u="none" strike="noStrike">
                          <a:solidFill>
                            <a:srgbClr val="002060"/>
                          </a:solidFill>
                          <a:effectLst/>
                          <a:highlight>
                            <a:srgbClr val="FFFFFF"/>
                          </a:highlight>
                          <a:latin typeface="Calibri" panose="020F0502020204030204" pitchFamily="34" charset="0"/>
                        </a:rPr>
                        <a:t>2Cs-5RuCeO</a:t>
                      </a:r>
                      <a:r>
                        <a:rPr lang="it-IT" sz="1600" b="0" i="0" u="none" strike="noStrike" baseline="-25000">
                          <a:solidFill>
                            <a:srgbClr val="002060"/>
                          </a:solidFill>
                          <a:effectLst/>
                          <a:highlight>
                            <a:srgbClr val="FFFFFF"/>
                          </a:highlight>
                          <a:latin typeface="Calibri" panose="020F0502020204030204" pitchFamily="34" charset="0"/>
                        </a:rPr>
                        <a:t>2</a:t>
                      </a:r>
                      <a:endParaRPr lang="it-IT" sz="1600" b="0" i="0" u="none" strike="noStrike">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2</a:t>
                      </a:r>
                    </a:p>
                  </a:txBody>
                  <a:tcPr marL="7620" marR="7620" marT="7620" marB="0" anchor="ctr">
                    <a:lnL>
                      <a:noFill/>
                    </a:lnL>
                    <a:lnR>
                      <a:noFill/>
                    </a:lnR>
                    <a:lnT>
                      <a:noFill/>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5</a:t>
                      </a:r>
                    </a:p>
                  </a:txBody>
                  <a:tcPr marL="7620" marR="7620" marT="7620" marB="0" anchor="ctr">
                    <a:lnL>
                      <a:noFill/>
                    </a:lnL>
                    <a:lnR>
                      <a:noFill/>
                    </a:lnR>
                    <a:lnT>
                      <a:noFill/>
                    </a:lnT>
                    <a:lnB>
                      <a:noFill/>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0.4</a:t>
                      </a:r>
                    </a:p>
                  </a:txBody>
                  <a:tcPr marL="7620" marR="7620" marT="7620" marB="0" anchor="ctr">
                    <a:lnL>
                      <a:noFill/>
                    </a:lnL>
                    <a:lnR>
                      <a:noFill/>
                    </a:lnR>
                    <a:lnT>
                      <a:noFill/>
                    </a:lnT>
                    <a:lnB>
                      <a:noFill/>
                    </a:lnB>
                    <a:solidFill>
                      <a:srgbClr val="FFFFFF"/>
                    </a:solidFill>
                  </a:tcPr>
                </a:tc>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a:noFill/>
                    </a:lnB>
                    <a:solidFill>
                      <a:srgbClr val="FFFFFF"/>
                    </a:solidFill>
                  </a:tcPr>
                </a:tc>
                <a:extLst>
                  <a:ext uri="{0D108BD9-81ED-4DB2-BD59-A6C34878D82A}">
                    <a16:rowId xmlns:a16="http://schemas.microsoft.com/office/drawing/2014/main" val="145764707"/>
                  </a:ext>
                </a:extLst>
              </a:tr>
              <a:tr h="360000">
                <a:tc>
                  <a:txBody>
                    <a:bodyPr/>
                    <a:lstStyle/>
                    <a:p>
                      <a:pPr algn="l" fontAlgn="b"/>
                      <a:r>
                        <a:rPr lang="en-NL" sz="1600" b="0" i="0" u="none" strike="noStrike">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w="12700" cap="flat" cmpd="sng" algn="ctr">
                      <a:solidFill>
                        <a:srgbClr val="002060"/>
                      </a:solidFill>
                      <a:prstDash val="solid"/>
                      <a:round/>
                      <a:headEnd type="none" w="med" len="med"/>
                      <a:tailEnd type="none" w="med" len="med"/>
                    </a:lnB>
                    <a:solidFill>
                      <a:srgbClr val="FFFFFF"/>
                    </a:solidFill>
                  </a:tcPr>
                </a:tc>
                <a:tc>
                  <a:txBody>
                    <a:bodyPr/>
                    <a:lstStyle/>
                    <a:p>
                      <a:pPr algn="ctr" fontAlgn="ctr"/>
                      <a:r>
                        <a:rPr lang="it-IT" sz="1600" b="0" i="0" u="none" strike="noStrike">
                          <a:solidFill>
                            <a:srgbClr val="002060"/>
                          </a:solidFill>
                          <a:effectLst/>
                          <a:highlight>
                            <a:srgbClr val="FFFFFF"/>
                          </a:highlight>
                          <a:latin typeface="Calibri" panose="020F0502020204030204" pitchFamily="34" charset="0"/>
                        </a:rPr>
                        <a:t>10Cs-5RuCeO</a:t>
                      </a:r>
                      <a:r>
                        <a:rPr lang="it-IT" sz="1600" b="0" i="0" u="none" strike="noStrike" baseline="-25000">
                          <a:solidFill>
                            <a:srgbClr val="002060"/>
                          </a:solidFill>
                          <a:effectLst/>
                          <a:highlight>
                            <a:srgbClr val="FFFFFF"/>
                          </a:highlight>
                          <a:latin typeface="Calibri" panose="020F0502020204030204" pitchFamily="34" charset="0"/>
                        </a:rPr>
                        <a:t>2</a:t>
                      </a:r>
                      <a:endParaRPr lang="it-IT" sz="1600" b="0" i="0" u="none" strike="noStrike">
                        <a:solidFill>
                          <a:srgbClr val="002060"/>
                        </a:solidFill>
                        <a:effectLst/>
                        <a:highlight>
                          <a:srgbClr val="FFFFFF"/>
                        </a:highlight>
                        <a:latin typeface="Calibri" panose="020F0502020204030204" pitchFamily="34" charset="0"/>
                      </a:endParaRPr>
                    </a:p>
                  </a:txBody>
                  <a:tcPr marL="7620" marR="7620" marT="7620" marB="0" anchor="ctr">
                    <a:lnL>
                      <a:noFill/>
                    </a:lnL>
                    <a:lnR>
                      <a:noFill/>
                    </a:lnR>
                    <a:lnT>
                      <a:noFill/>
                    </a:lnT>
                    <a:lnB w="12700" cap="flat" cmpd="sng" algn="ctr">
                      <a:solidFill>
                        <a:srgbClr val="002060"/>
                      </a:solidFill>
                      <a:prstDash val="solid"/>
                      <a:round/>
                      <a:headEnd type="none" w="med" len="med"/>
                      <a:tailEnd type="none" w="med" len="med"/>
                    </a:lnB>
                    <a:solidFill>
                      <a:srgbClr val="FFFFFF"/>
                    </a:solidFill>
                  </a:tcPr>
                </a:tc>
                <a:tc>
                  <a:txBody>
                    <a:bodyPr/>
                    <a:lstStyle/>
                    <a:p>
                      <a:pPr algn="ctr" fontAlgn="ctr"/>
                      <a:r>
                        <a:rPr lang="en-NL" sz="1600" b="0" i="0" u="none" strike="noStrike">
                          <a:solidFill>
                            <a:srgbClr val="002060"/>
                          </a:solidFill>
                          <a:effectLst/>
                          <a:highlight>
                            <a:srgbClr val="FFFFFF"/>
                          </a:highlight>
                          <a:latin typeface="Calibri" panose="020F0502020204030204" pitchFamily="34" charset="0"/>
                        </a:rPr>
                        <a:t>10</a:t>
                      </a:r>
                    </a:p>
                  </a:txBody>
                  <a:tcPr marL="7620" marR="7620" marT="7620" marB="0" anchor="ctr">
                    <a:lnL>
                      <a:noFill/>
                    </a:lnL>
                    <a:lnR>
                      <a:noFill/>
                    </a:lnR>
                    <a:lnT>
                      <a:noFill/>
                    </a:lnT>
                    <a:lnB w="12700" cap="flat" cmpd="sng" algn="ctr">
                      <a:solidFill>
                        <a:srgbClr val="002060"/>
                      </a:solidFill>
                      <a:prstDash val="solid"/>
                      <a:round/>
                      <a:headEnd type="none" w="med" len="med"/>
                      <a:tailEnd type="none" w="med" len="med"/>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5</a:t>
                      </a:r>
                    </a:p>
                  </a:txBody>
                  <a:tcPr marL="7620" marR="7620" marT="7620" marB="0" anchor="ctr">
                    <a:lnL>
                      <a:noFill/>
                    </a:lnL>
                    <a:lnR>
                      <a:noFill/>
                    </a:lnR>
                    <a:lnT>
                      <a:noFill/>
                    </a:lnT>
                    <a:lnB w="12700" cap="flat" cmpd="sng" algn="ctr">
                      <a:solidFill>
                        <a:srgbClr val="002060"/>
                      </a:solidFill>
                      <a:prstDash val="solid"/>
                      <a:round/>
                      <a:headEnd type="none" w="med" len="med"/>
                      <a:tailEnd type="none" w="med" len="med"/>
                    </a:lnB>
                    <a:solidFill>
                      <a:srgbClr val="FFFFFF"/>
                    </a:solidFill>
                  </a:tcPr>
                </a:tc>
                <a:tc>
                  <a:txBody>
                    <a:bodyPr/>
                    <a:lstStyle/>
                    <a:p>
                      <a:pPr algn="ctr" fontAlgn="ctr"/>
                      <a:r>
                        <a:rPr lang="en-NL" sz="1600" b="0" i="0" u="none" strike="noStrike" dirty="0">
                          <a:solidFill>
                            <a:srgbClr val="002060"/>
                          </a:solidFill>
                          <a:effectLst/>
                          <a:highlight>
                            <a:srgbClr val="FFFFFF"/>
                          </a:highlight>
                          <a:latin typeface="Calibri" panose="020F0502020204030204" pitchFamily="34" charset="0"/>
                        </a:rPr>
                        <a:t>2</a:t>
                      </a:r>
                    </a:p>
                  </a:txBody>
                  <a:tcPr marL="7620" marR="7620" marT="7620" marB="0" anchor="ctr">
                    <a:lnL>
                      <a:noFill/>
                    </a:lnL>
                    <a:lnR>
                      <a:noFill/>
                    </a:lnR>
                    <a:lnT>
                      <a:noFill/>
                    </a:lnT>
                    <a:lnB w="12700" cap="flat" cmpd="sng" algn="ctr">
                      <a:solidFill>
                        <a:srgbClr val="002060"/>
                      </a:solidFill>
                      <a:prstDash val="solid"/>
                      <a:round/>
                      <a:headEnd type="none" w="med" len="med"/>
                      <a:tailEnd type="none" w="med" len="med"/>
                    </a:lnB>
                    <a:solidFill>
                      <a:srgbClr val="FFFFFF"/>
                    </a:solidFill>
                  </a:tcPr>
                </a:tc>
                <a:tc>
                  <a:txBody>
                    <a:bodyPr/>
                    <a:lstStyle/>
                    <a:p>
                      <a:pPr algn="l" fontAlgn="b"/>
                      <a:r>
                        <a:rPr lang="en-NL" sz="1600" b="0" i="0" u="none" strike="noStrike" dirty="0">
                          <a:solidFill>
                            <a:srgbClr val="002060"/>
                          </a:solidFill>
                          <a:effectLst/>
                          <a:highlight>
                            <a:srgbClr val="FFFFFF"/>
                          </a:highlight>
                          <a:latin typeface="Calibri" panose="020F0502020204030204" pitchFamily="34" charset="0"/>
                        </a:rPr>
                        <a:t> </a:t>
                      </a:r>
                    </a:p>
                  </a:txBody>
                  <a:tcPr marL="7620" marR="7620" marT="7620" marB="0" anchor="b">
                    <a:lnL>
                      <a:noFill/>
                    </a:lnL>
                    <a:lnR>
                      <a:noFill/>
                    </a:lnR>
                    <a:lnT>
                      <a:noFill/>
                    </a:lnT>
                    <a:lnB w="12700" cap="flat" cmpd="sng" algn="ctr">
                      <a:solidFill>
                        <a:srgbClr val="002060"/>
                      </a:solidFill>
                      <a:prstDash val="solid"/>
                      <a:round/>
                      <a:headEnd type="none" w="med" len="med"/>
                      <a:tailEnd type="none" w="med" len="med"/>
                    </a:lnB>
                    <a:solidFill>
                      <a:srgbClr val="FFFFFF"/>
                    </a:solidFill>
                  </a:tcPr>
                </a:tc>
                <a:extLst>
                  <a:ext uri="{0D108BD9-81ED-4DB2-BD59-A6C34878D82A}">
                    <a16:rowId xmlns:a16="http://schemas.microsoft.com/office/drawing/2014/main" val="1153316029"/>
                  </a:ext>
                </a:extLst>
              </a:tr>
            </a:tbl>
          </a:graphicData>
        </a:graphic>
      </p:graphicFrame>
      <p:sp>
        <p:nvSpPr>
          <p:cNvPr id="6" name="Right Brace 5">
            <a:extLst>
              <a:ext uri="{FF2B5EF4-FFF2-40B4-BE49-F238E27FC236}">
                <a16:creationId xmlns:a16="http://schemas.microsoft.com/office/drawing/2014/main" id="{3F32322F-D41E-787A-D18D-A3F41EFCBF7A}"/>
              </a:ext>
            </a:extLst>
          </p:cNvPr>
          <p:cNvSpPr/>
          <p:nvPr/>
        </p:nvSpPr>
        <p:spPr>
          <a:xfrm rot="10800000">
            <a:off x="1371600" y="2194560"/>
            <a:ext cx="426720" cy="975360"/>
          </a:xfrm>
          <a:prstGeom prst="rightBrace">
            <a:avLst/>
          </a:prstGeom>
          <a:ln w="28575"/>
        </p:spPr>
        <p:style>
          <a:lnRef idx="1">
            <a:schemeClr val="accent1"/>
          </a:lnRef>
          <a:fillRef idx="0">
            <a:schemeClr val="accent1"/>
          </a:fillRef>
          <a:effectRef idx="0">
            <a:schemeClr val="accent1"/>
          </a:effectRef>
          <a:fontRef idx="minor">
            <a:schemeClr val="tx1"/>
          </a:fontRef>
        </p:style>
        <p:txBody>
          <a:bodyPr rtlCol="0" anchor="ctr"/>
          <a:lstStyle/>
          <a:p>
            <a:pPr algn="ctr"/>
            <a:endParaRPr lang="en-NL"/>
          </a:p>
        </p:txBody>
      </p:sp>
      <p:sp>
        <p:nvSpPr>
          <p:cNvPr id="11" name="Titel 1">
            <a:extLst>
              <a:ext uri="{FF2B5EF4-FFF2-40B4-BE49-F238E27FC236}">
                <a16:creationId xmlns:a16="http://schemas.microsoft.com/office/drawing/2014/main" id="{1966EDE3-72A2-0096-C84C-1A0F96552693}"/>
              </a:ext>
            </a:extLst>
          </p:cNvPr>
          <p:cNvSpPr txBox="1">
            <a:spLocks/>
          </p:cNvSpPr>
          <p:nvPr/>
        </p:nvSpPr>
        <p:spPr>
          <a:xfrm>
            <a:off x="467544" y="2272252"/>
            <a:ext cx="1666239" cy="1139373"/>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2000" i="1" baseline="-25000" dirty="0">
                <a:solidFill>
                  <a:srgbClr val="C00000"/>
                </a:solidFill>
              </a:rPr>
              <a:t>Ru-loading investigation</a:t>
            </a:r>
          </a:p>
        </p:txBody>
      </p:sp>
      <p:sp>
        <p:nvSpPr>
          <p:cNvPr id="21" name="Right Brace 20">
            <a:extLst>
              <a:ext uri="{FF2B5EF4-FFF2-40B4-BE49-F238E27FC236}">
                <a16:creationId xmlns:a16="http://schemas.microsoft.com/office/drawing/2014/main" id="{24696646-B3A7-7522-32DA-770176AE697F}"/>
              </a:ext>
            </a:extLst>
          </p:cNvPr>
          <p:cNvSpPr/>
          <p:nvPr/>
        </p:nvSpPr>
        <p:spPr>
          <a:xfrm>
            <a:off x="7401877" y="2849552"/>
            <a:ext cx="426720" cy="975360"/>
          </a:xfrm>
          <a:prstGeom prst="rightBrace">
            <a:avLst/>
          </a:prstGeom>
          <a:ln w="28575"/>
        </p:spPr>
        <p:style>
          <a:lnRef idx="1">
            <a:schemeClr val="accent1"/>
          </a:lnRef>
          <a:fillRef idx="0">
            <a:schemeClr val="accent1"/>
          </a:fillRef>
          <a:effectRef idx="0">
            <a:schemeClr val="accent1"/>
          </a:effectRef>
          <a:fontRef idx="minor">
            <a:schemeClr val="tx1"/>
          </a:fontRef>
        </p:style>
        <p:txBody>
          <a:bodyPr rtlCol="0" anchor="ctr"/>
          <a:lstStyle/>
          <a:p>
            <a:pPr algn="ctr"/>
            <a:endParaRPr lang="en-NL"/>
          </a:p>
        </p:txBody>
      </p:sp>
      <p:sp>
        <p:nvSpPr>
          <p:cNvPr id="22" name="Titel 1">
            <a:extLst>
              <a:ext uri="{FF2B5EF4-FFF2-40B4-BE49-F238E27FC236}">
                <a16:creationId xmlns:a16="http://schemas.microsoft.com/office/drawing/2014/main" id="{DA85022F-A8FD-D7C0-23A0-39D7CB71D50E}"/>
              </a:ext>
            </a:extLst>
          </p:cNvPr>
          <p:cNvSpPr txBox="1">
            <a:spLocks/>
          </p:cNvSpPr>
          <p:nvPr/>
        </p:nvSpPr>
        <p:spPr>
          <a:xfrm>
            <a:off x="7843335" y="2872739"/>
            <a:ext cx="1666239" cy="1139373"/>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2000" i="1" baseline="-25000" dirty="0">
                <a:solidFill>
                  <a:srgbClr val="C00000"/>
                </a:solidFill>
              </a:rPr>
              <a:t>Cs/Ru mass ratio investigation</a:t>
            </a:r>
          </a:p>
        </p:txBody>
      </p:sp>
    </p:spTree>
    <p:extLst>
      <p:ext uri="{BB962C8B-B14F-4D97-AF65-F5344CB8AC3E}">
        <p14:creationId xmlns:p14="http://schemas.microsoft.com/office/powerpoint/2010/main" val="4002744997"/>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afterEffect">
                                  <p:stCondLst>
                                    <p:cond delay="0"/>
                                  </p:stCondLst>
                                  <p:childTnLst>
                                    <p:set>
                                      <p:cBhvr>
                                        <p:cTn id="6" dur="1" fill="hold">
                                          <p:stCondLst>
                                            <p:cond delay="0"/>
                                          </p:stCondLst>
                                        </p:cTn>
                                        <p:tgtEl>
                                          <p:spTgt spid="18"/>
                                        </p:tgtEl>
                                        <p:attrNameLst>
                                          <p:attrName>style.visibility</p:attrName>
                                        </p:attrNameLst>
                                      </p:cBhvr>
                                      <p:to>
                                        <p:strVal val="visible"/>
                                      </p:to>
                                    </p:set>
                                    <p:animEffect transition="in" filter="fade">
                                      <p:cBhvr>
                                        <p:cTn id="7" dur="500"/>
                                        <p:tgtEl>
                                          <p:spTgt spid="18"/>
                                        </p:tgtEl>
                                      </p:cBhvr>
                                    </p:animEffect>
                                  </p:childTnLst>
                                </p:cTn>
                              </p:par>
                            </p:childTnLst>
                          </p:cTn>
                        </p:par>
                        <p:par>
                          <p:cTn id="8" fill="hold">
                            <p:stCondLst>
                              <p:cond delay="500"/>
                            </p:stCondLst>
                            <p:childTnLst>
                              <p:par>
                                <p:cTn id="9" presetID="22" presetClass="entr" presetSubtype="1" fill="hold" nodeType="afterEffect">
                                  <p:stCondLst>
                                    <p:cond delay="500"/>
                                  </p:stCondLst>
                                  <p:childTnLst>
                                    <p:set>
                                      <p:cBhvr>
                                        <p:cTn id="10" dur="1" fill="hold">
                                          <p:stCondLst>
                                            <p:cond delay="0"/>
                                          </p:stCondLst>
                                        </p:cTn>
                                        <p:tgtEl>
                                          <p:spTgt spid="11">
                                            <p:txEl>
                                              <p:pRg st="0" end="0"/>
                                            </p:txEl>
                                          </p:spTgt>
                                        </p:tgtEl>
                                        <p:attrNameLst>
                                          <p:attrName>style.visibility</p:attrName>
                                        </p:attrNameLst>
                                      </p:cBhvr>
                                      <p:to>
                                        <p:strVal val="visible"/>
                                      </p:to>
                                    </p:set>
                                    <p:animEffect transition="in" filter="wipe(up)">
                                      <p:cBhvr>
                                        <p:cTn id="11" dur="1000"/>
                                        <p:tgtEl>
                                          <p:spTgt spid="11">
                                            <p:txEl>
                                              <p:pRg st="0" end="0"/>
                                            </p:txEl>
                                          </p:spTgt>
                                        </p:tgtEl>
                                      </p:cBhvr>
                                    </p:animEffect>
                                  </p:childTnLst>
                                </p:cTn>
                              </p:par>
                              <p:par>
                                <p:cTn id="12" presetID="22" presetClass="entr" presetSubtype="1" fill="hold" grpId="0" nodeType="withEffect">
                                  <p:stCondLst>
                                    <p:cond delay="500"/>
                                  </p:stCondLst>
                                  <p:childTnLst>
                                    <p:set>
                                      <p:cBhvr>
                                        <p:cTn id="13" dur="1" fill="hold">
                                          <p:stCondLst>
                                            <p:cond delay="0"/>
                                          </p:stCondLst>
                                        </p:cTn>
                                        <p:tgtEl>
                                          <p:spTgt spid="6"/>
                                        </p:tgtEl>
                                        <p:attrNameLst>
                                          <p:attrName>style.visibility</p:attrName>
                                        </p:attrNameLst>
                                      </p:cBhvr>
                                      <p:to>
                                        <p:strVal val="visible"/>
                                      </p:to>
                                    </p:set>
                                    <p:animEffect transition="in" filter="wipe(up)">
                                      <p:cBhvr>
                                        <p:cTn id="14" dur="1000"/>
                                        <p:tgtEl>
                                          <p:spTgt spid="6"/>
                                        </p:tgtEl>
                                      </p:cBhvr>
                                    </p:animEffect>
                                  </p:childTnLst>
                                </p:cTn>
                              </p:par>
                            </p:childTnLst>
                          </p:cTn>
                        </p:par>
                        <p:par>
                          <p:cTn id="15" fill="hold">
                            <p:stCondLst>
                              <p:cond delay="2000"/>
                            </p:stCondLst>
                            <p:childTnLst>
                              <p:par>
                                <p:cTn id="16" presetID="22" presetClass="entr" presetSubtype="1" fill="hold" nodeType="afterEffect">
                                  <p:stCondLst>
                                    <p:cond delay="500"/>
                                  </p:stCondLst>
                                  <p:childTnLst>
                                    <p:set>
                                      <p:cBhvr>
                                        <p:cTn id="17" dur="1" fill="hold">
                                          <p:stCondLst>
                                            <p:cond delay="0"/>
                                          </p:stCondLst>
                                        </p:cTn>
                                        <p:tgtEl>
                                          <p:spTgt spid="22">
                                            <p:txEl>
                                              <p:pRg st="0" end="0"/>
                                            </p:txEl>
                                          </p:spTgt>
                                        </p:tgtEl>
                                        <p:attrNameLst>
                                          <p:attrName>style.visibility</p:attrName>
                                        </p:attrNameLst>
                                      </p:cBhvr>
                                      <p:to>
                                        <p:strVal val="visible"/>
                                      </p:to>
                                    </p:set>
                                    <p:animEffect transition="in" filter="wipe(up)">
                                      <p:cBhvr>
                                        <p:cTn id="18" dur="1000"/>
                                        <p:tgtEl>
                                          <p:spTgt spid="22">
                                            <p:txEl>
                                              <p:pRg st="0" end="0"/>
                                            </p:txEl>
                                          </p:spTgt>
                                        </p:tgtEl>
                                      </p:cBhvr>
                                    </p:animEffect>
                                  </p:childTnLst>
                                </p:cTn>
                              </p:par>
                              <p:par>
                                <p:cTn id="19" presetID="22" presetClass="entr" presetSubtype="1" fill="hold" grpId="0" nodeType="withEffect">
                                  <p:stCondLst>
                                    <p:cond delay="500"/>
                                  </p:stCondLst>
                                  <p:childTnLst>
                                    <p:set>
                                      <p:cBhvr>
                                        <p:cTn id="20" dur="1" fill="hold">
                                          <p:stCondLst>
                                            <p:cond delay="0"/>
                                          </p:stCondLst>
                                        </p:cTn>
                                        <p:tgtEl>
                                          <p:spTgt spid="21"/>
                                        </p:tgtEl>
                                        <p:attrNameLst>
                                          <p:attrName>style.visibility</p:attrName>
                                        </p:attrNameLst>
                                      </p:cBhvr>
                                      <p:to>
                                        <p:strVal val="visible"/>
                                      </p:to>
                                    </p:set>
                                    <p:animEffect transition="in" filter="wipe(up)">
                                      <p:cBhvr>
                                        <p:cTn id="21" dur="1000"/>
                                        <p:tgtEl>
                                          <p:spTgt spid="2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P spid="21" grpId="0" animBg="1"/>
    </p:bld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15</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Experimental Setup</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Activity tests</a:t>
            </a:r>
          </a:p>
        </p:txBody>
      </p:sp>
      <p:pic>
        <p:nvPicPr>
          <p:cNvPr id="6" name="Picture 5">
            <a:extLst>
              <a:ext uri="{FF2B5EF4-FFF2-40B4-BE49-F238E27FC236}">
                <a16:creationId xmlns:a16="http://schemas.microsoft.com/office/drawing/2014/main" id="{71279B37-A577-F501-B883-91F3EDC96A78}"/>
              </a:ext>
            </a:extLst>
          </p:cNvPr>
          <p:cNvPicPr>
            <a:picLocks noChangeAspect="1"/>
          </p:cNvPicPr>
          <p:nvPr/>
        </p:nvPicPr>
        <p:blipFill>
          <a:blip r:embed="rId5"/>
          <a:stretch>
            <a:fillRect/>
          </a:stretch>
        </p:blipFill>
        <p:spPr>
          <a:xfrm>
            <a:off x="4490086" y="645170"/>
            <a:ext cx="4414206" cy="3810272"/>
          </a:xfrm>
          <a:prstGeom prst="rect">
            <a:avLst/>
          </a:prstGeom>
        </p:spPr>
      </p:pic>
      <p:sp>
        <p:nvSpPr>
          <p:cNvPr id="7" name="Tijdelijke aanduiding voor inhoud 2">
            <a:extLst>
              <a:ext uri="{FF2B5EF4-FFF2-40B4-BE49-F238E27FC236}">
                <a16:creationId xmlns:a16="http://schemas.microsoft.com/office/drawing/2014/main" id="{898350F7-0712-B341-A217-BDA2CC6924DE}"/>
              </a:ext>
            </a:extLst>
          </p:cNvPr>
          <p:cNvSpPr txBox="1">
            <a:spLocks/>
          </p:cNvSpPr>
          <p:nvPr/>
        </p:nvSpPr>
        <p:spPr>
          <a:xfrm>
            <a:off x="467545" y="1167717"/>
            <a:ext cx="3936816" cy="3174766"/>
          </a:xfrm>
          <a:prstGeom prst="rect">
            <a:avLst/>
          </a:prstGeom>
        </p:spPr>
        <p:txBody>
          <a:bodyPr vert="horz" lIns="0" tIns="0" rIns="0" bIns="0" rtlCol="0" anchor="ctr">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360000" marR="0" lvl="0" indent="-360000" algn="just" defTabSz="685800" rtl="0" eaLnBrk="1" fontAlgn="auto" latinLnBrk="0" hangingPunct="1">
              <a:spcBef>
                <a:spcPts val="1800"/>
              </a:spcBef>
              <a:spcAft>
                <a:spcPts val="0"/>
              </a:spcAft>
              <a:buClrTx/>
              <a:buSzTx/>
              <a:buFont typeface="Wingdings" panose="05000000000000000000" pitchFamily="2" charset="2"/>
              <a:buChar char="Ø"/>
              <a:tabLst/>
              <a:defRPr/>
            </a:pPr>
            <a:r>
              <a:rPr kumimoji="0" lang="en-US" sz="1500" b="0" i="1" u="none" strike="noStrike" kern="1200" cap="none" spc="0" normalizeH="0" baseline="0" noProof="0" dirty="0">
                <a:ln>
                  <a:noFill/>
                </a:ln>
                <a:solidFill>
                  <a:srgbClr val="101073"/>
                </a:solidFill>
                <a:effectLst/>
                <a:uLnTx/>
                <a:uFillTx/>
                <a:latin typeface="Calibri"/>
              </a:rPr>
              <a:t>Amount of catalyst: </a:t>
            </a:r>
            <a:r>
              <a:rPr kumimoji="0" lang="en-US" sz="1500" b="1" i="1" u="none" strike="noStrike" kern="1200" cap="none" spc="0" normalizeH="0" baseline="0" noProof="0" dirty="0">
                <a:ln>
                  <a:noFill/>
                </a:ln>
                <a:solidFill>
                  <a:srgbClr val="101073"/>
                </a:solidFill>
                <a:effectLst/>
                <a:uLnTx/>
                <a:uFillTx/>
                <a:latin typeface="Calibri"/>
              </a:rPr>
              <a:t>1 g</a:t>
            </a:r>
          </a:p>
          <a:p>
            <a:pPr marL="360000" marR="0" lvl="0" indent="-360000" algn="just" defTabSz="685800" rtl="0" eaLnBrk="1" fontAlgn="auto" latinLnBrk="0" hangingPunct="1">
              <a:spcBef>
                <a:spcPts val="1800"/>
              </a:spcBef>
              <a:spcAft>
                <a:spcPts val="0"/>
              </a:spcAft>
              <a:buClrTx/>
              <a:buSzTx/>
              <a:buFont typeface="Wingdings" panose="05000000000000000000" pitchFamily="2" charset="2"/>
              <a:buChar char="Ø"/>
              <a:tabLst/>
              <a:defRPr/>
            </a:pPr>
            <a:r>
              <a:rPr kumimoji="0" lang="en-US" sz="1500" b="0" i="1" u="none" strike="noStrike" kern="1200" cap="none" spc="0" normalizeH="0" baseline="0" noProof="0" dirty="0">
                <a:ln>
                  <a:noFill/>
                </a:ln>
                <a:solidFill>
                  <a:srgbClr val="101073"/>
                </a:solidFill>
                <a:effectLst/>
                <a:uLnTx/>
                <a:uFillTx/>
                <a:latin typeface="Calibri"/>
              </a:rPr>
              <a:t>Amount of Silicon Carbide:</a:t>
            </a:r>
            <a:r>
              <a:rPr kumimoji="0" lang="en-US" sz="1500" b="1" i="1" u="none" strike="noStrike" kern="1200" cap="none" spc="0" normalizeH="0" baseline="0" noProof="0" dirty="0">
                <a:ln>
                  <a:noFill/>
                </a:ln>
                <a:solidFill>
                  <a:srgbClr val="101073"/>
                </a:solidFill>
                <a:effectLst/>
                <a:uLnTx/>
                <a:uFillTx/>
                <a:latin typeface="Calibri"/>
              </a:rPr>
              <a:t> 5 g</a:t>
            </a:r>
          </a:p>
          <a:p>
            <a:pPr marL="360000" marR="0" lvl="0" indent="-360000" algn="just" defTabSz="685800" rtl="0" eaLnBrk="1" fontAlgn="auto" latinLnBrk="0" hangingPunct="1">
              <a:spcBef>
                <a:spcPts val="1800"/>
              </a:spcBef>
              <a:spcAft>
                <a:spcPts val="0"/>
              </a:spcAft>
              <a:buClrTx/>
              <a:buSzTx/>
              <a:buFont typeface="Wingdings" panose="05000000000000000000" pitchFamily="2" charset="2"/>
              <a:buChar char="Ø"/>
              <a:tabLst/>
              <a:defRPr/>
            </a:pPr>
            <a:r>
              <a:rPr kumimoji="0" lang="en-US" sz="1500" b="0" i="1" u="none" strike="noStrike" kern="1200" cap="none" spc="0" normalizeH="0" baseline="0" noProof="0" dirty="0">
                <a:ln>
                  <a:noFill/>
                </a:ln>
                <a:solidFill>
                  <a:srgbClr val="101073"/>
                </a:solidFill>
                <a:effectLst/>
                <a:uLnTx/>
                <a:uFillTx/>
                <a:latin typeface="Calibri"/>
              </a:rPr>
              <a:t>Particle Size Distribution: </a:t>
            </a:r>
            <a:r>
              <a:rPr kumimoji="0" lang="en-US" sz="1500" b="1" i="1" u="none" strike="noStrike" kern="1200" cap="none" spc="0" normalizeH="0" baseline="0" noProof="0" dirty="0">
                <a:ln>
                  <a:noFill/>
                </a:ln>
                <a:solidFill>
                  <a:srgbClr val="101073"/>
                </a:solidFill>
                <a:effectLst/>
                <a:uLnTx/>
                <a:uFillTx/>
                <a:latin typeface="Calibri"/>
              </a:rPr>
              <a:t>150 – </a:t>
            </a:r>
            <a:r>
              <a:rPr lang="en-US" sz="1500" b="1" i="1" dirty="0">
                <a:solidFill>
                  <a:srgbClr val="101073"/>
                </a:solidFill>
                <a:latin typeface="Calibri"/>
              </a:rPr>
              <a:t>2</a:t>
            </a:r>
            <a:r>
              <a:rPr kumimoji="0" lang="en-US" sz="1500" b="1" i="1" u="none" strike="noStrike" kern="1200" cap="none" spc="0" normalizeH="0" baseline="0" noProof="0" dirty="0">
                <a:ln>
                  <a:noFill/>
                </a:ln>
                <a:solidFill>
                  <a:srgbClr val="101073"/>
                </a:solidFill>
                <a:effectLst/>
                <a:uLnTx/>
                <a:uFillTx/>
                <a:latin typeface="Calibri"/>
              </a:rPr>
              <a:t>50 </a:t>
            </a:r>
            <a:r>
              <a:rPr kumimoji="0" lang="el-GR" sz="1500" b="1" i="1" u="none" strike="noStrike" kern="1200" cap="none" spc="0" normalizeH="0" baseline="0" noProof="0" dirty="0">
                <a:ln>
                  <a:noFill/>
                </a:ln>
                <a:solidFill>
                  <a:srgbClr val="101073"/>
                </a:solidFill>
                <a:effectLst/>
                <a:uLnTx/>
                <a:uFillTx/>
                <a:latin typeface="Calibri"/>
              </a:rPr>
              <a:t>μ</a:t>
            </a:r>
            <a:r>
              <a:rPr kumimoji="0" lang="en-US" sz="1500" b="1" i="1" u="none" strike="noStrike" kern="1200" cap="none" spc="0" normalizeH="0" baseline="0" noProof="0" dirty="0">
                <a:ln>
                  <a:noFill/>
                </a:ln>
                <a:solidFill>
                  <a:srgbClr val="101073"/>
                </a:solidFill>
                <a:effectLst/>
                <a:uLnTx/>
                <a:uFillTx/>
                <a:latin typeface="Calibri"/>
              </a:rPr>
              <a:t>m</a:t>
            </a:r>
          </a:p>
          <a:p>
            <a:pPr marL="360000" marR="0" lvl="0" indent="-360000" algn="just" defTabSz="685800" rtl="0" eaLnBrk="1" fontAlgn="auto" latinLnBrk="0" hangingPunct="1">
              <a:spcBef>
                <a:spcPts val="1800"/>
              </a:spcBef>
              <a:spcAft>
                <a:spcPts val="0"/>
              </a:spcAft>
              <a:buClrTx/>
              <a:buSzTx/>
              <a:buFont typeface="Wingdings" panose="05000000000000000000" pitchFamily="2" charset="2"/>
              <a:buChar char="Ø"/>
              <a:tabLst/>
              <a:defRPr/>
            </a:pPr>
            <a:r>
              <a:rPr kumimoji="0" lang="en-US" sz="1500" b="0" i="1" u="none" strike="noStrike" kern="1200" cap="none" spc="0" normalizeH="0" baseline="0" noProof="0" dirty="0">
                <a:ln>
                  <a:noFill/>
                </a:ln>
                <a:solidFill>
                  <a:srgbClr val="101073"/>
                </a:solidFill>
                <a:effectLst/>
                <a:uLnTx/>
                <a:uFillTx/>
                <a:latin typeface="Calibri"/>
              </a:rPr>
              <a:t>Reactor Inner Diameter: </a:t>
            </a:r>
            <a:r>
              <a:rPr kumimoji="0" lang="en-US" sz="1500" b="1" i="1" u="none" strike="noStrike" kern="1200" cap="none" spc="0" normalizeH="0" baseline="0" noProof="0" dirty="0">
                <a:ln>
                  <a:noFill/>
                </a:ln>
                <a:solidFill>
                  <a:srgbClr val="101073"/>
                </a:solidFill>
                <a:effectLst/>
                <a:uLnTx/>
                <a:uFillTx/>
                <a:latin typeface="Calibri"/>
              </a:rPr>
              <a:t>10 mm</a:t>
            </a:r>
          </a:p>
          <a:p>
            <a:pPr marL="360000" marR="0" lvl="0" indent="-360000" algn="just" defTabSz="685800" rtl="0" eaLnBrk="1" fontAlgn="auto" latinLnBrk="0" hangingPunct="1">
              <a:spcBef>
                <a:spcPts val="1800"/>
              </a:spcBef>
              <a:spcAft>
                <a:spcPts val="0"/>
              </a:spcAft>
              <a:buClrTx/>
              <a:buSzTx/>
              <a:buFont typeface="Wingdings" panose="05000000000000000000" pitchFamily="2" charset="2"/>
              <a:buChar char="Ø"/>
              <a:tabLst/>
              <a:defRPr/>
            </a:pPr>
            <a:r>
              <a:rPr kumimoji="0" lang="en-US" sz="1500" b="0" i="1" u="none" strike="noStrike" kern="1200" cap="none" spc="0" normalizeH="0" baseline="0" noProof="0" dirty="0">
                <a:ln>
                  <a:noFill/>
                </a:ln>
                <a:solidFill>
                  <a:srgbClr val="101073"/>
                </a:solidFill>
                <a:effectLst/>
                <a:uLnTx/>
                <a:uFillTx/>
                <a:latin typeface="Calibri"/>
              </a:rPr>
              <a:t>Reactor Length: </a:t>
            </a:r>
            <a:r>
              <a:rPr kumimoji="0" lang="en-US" sz="1500" b="1" i="1" u="none" strike="noStrike" kern="1200" cap="none" spc="0" normalizeH="0" baseline="0" noProof="0" dirty="0">
                <a:ln>
                  <a:noFill/>
                </a:ln>
                <a:solidFill>
                  <a:srgbClr val="101073"/>
                </a:solidFill>
                <a:effectLst/>
                <a:uLnTx/>
                <a:uFillTx/>
                <a:latin typeface="Calibri"/>
              </a:rPr>
              <a:t>~</a:t>
            </a:r>
            <a:r>
              <a:rPr kumimoji="0" lang="en-US" sz="1500" b="0" i="1" u="none" strike="noStrike" kern="1200" cap="none" spc="0" normalizeH="0" baseline="0" noProof="0" dirty="0">
                <a:ln>
                  <a:noFill/>
                </a:ln>
                <a:solidFill>
                  <a:srgbClr val="101073"/>
                </a:solidFill>
                <a:effectLst/>
                <a:uLnTx/>
                <a:uFillTx/>
                <a:latin typeface="Calibri"/>
              </a:rPr>
              <a:t> </a:t>
            </a:r>
            <a:r>
              <a:rPr lang="en-US" sz="1500" b="1" i="1" dirty="0">
                <a:solidFill>
                  <a:srgbClr val="101073"/>
                </a:solidFill>
                <a:latin typeface="Calibri"/>
              </a:rPr>
              <a:t>5</a:t>
            </a:r>
            <a:r>
              <a:rPr kumimoji="0" lang="en-US" sz="1500" b="1" i="1" u="none" strike="noStrike" kern="1200" cap="none" spc="0" normalizeH="0" baseline="0" noProof="0" dirty="0">
                <a:ln>
                  <a:noFill/>
                </a:ln>
                <a:solidFill>
                  <a:srgbClr val="101073"/>
                </a:solidFill>
                <a:effectLst/>
                <a:uLnTx/>
                <a:uFillTx/>
                <a:latin typeface="Calibri"/>
              </a:rPr>
              <a:t>0 mm</a:t>
            </a:r>
          </a:p>
          <a:p>
            <a:pPr marL="360000" lvl="0" indent="-360000" algn="just">
              <a:spcBef>
                <a:spcPts val="1800"/>
              </a:spcBef>
              <a:buFont typeface="Wingdings" panose="05000000000000000000" pitchFamily="2" charset="2"/>
              <a:buChar char="Ø"/>
              <a:defRPr/>
            </a:pPr>
            <a:r>
              <a:rPr kumimoji="0" lang="en-US" sz="1500" b="0" i="1" u="none" strike="noStrike" kern="1200" cap="none" spc="0" normalizeH="0" baseline="0" noProof="0" dirty="0">
                <a:ln>
                  <a:noFill/>
                </a:ln>
                <a:solidFill>
                  <a:srgbClr val="101073"/>
                </a:solidFill>
                <a:effectLst/>
                <a:uLnTx/>
                <a:uFillTx/>
                <a:latin typeface="Calibri"/>
              </a:rPr>
              <a:t>GHSV</a:t>
            </a:r>
            <a:r>
              <a:rPr kumimoji="0" lang="en-US" sz="1500" b="0" i="1" u="none" strike="noStrike" kern="1200" cap="none" spc="0" normalizeH="0" baseline="0" noProof="0" dirty="0">
                <a:ln>
                  <a:noFill/>
                </a:ln>
                <a:solidFill>
                  <a:srgbClr val="101073"/>
                </a:solidFill>
                <a:effectLst/>
                <a:uLnTx/>
                <a:uFillTx/>
                <a:latin typeface="Calibri "/>
              </a:rPr>
              <a:t>: </a:t>
            </a:r>
            <a:r>
              <a:rPr lang="en-US" sz="1500" b="1" i="1" dirty="0">
                <a:solidFill>
                  <a:srgbClr val="101073"/>
                </a:solidFill>
                <a:latin typeface="Calibri "/>
              </a:rPr>
              <a:t>6 000</a:t>
            </a:r>
            <a:r>
              <a:rPr kumimoji="0" lang="en-US" sz="1500" b="1" i="1" u="none" strike="noStrike" kern="1200" cap="none" spc="0" normalizeH="0" baseline="0" noProof="0" dirty="0">
                <a:ln>
                  <a:noFill/>
                </a:ln>
                <a:solidFill>
                  <a:srgbClr val="101073"/>
                </a:solidFill>
                <a:effectLst/>
                <a:uLnTx/>
                <a:uFillTx/>
                <a:latin typeface="Calibri "/>
              </a:rPr>
              <a:t> – 30 000 </a:t>
            </a:r>
            <a:r>
              <a:rPr lang="en-US" sz="1600" b="1" i="1" dirty="0" err="1">
                <a:solidFill>
                  <a:srgbClr val="002060"/>
                </a:solidFill>
                <a:latin typeface="Calibri "/>
              </a:rPr>
              <a:t>Nml</a:t>
            </a:r>
            <a:r>
              <a:rPr lang="en-US" sz="1600" b="1" i="1" dirty="0">
                <a:solidFill>
                  <a:srgbClr val="002060"/>
                </a:solidFill>
                <a:latin typeface="Calibri "/>
              </a:rPr>
              <a:t> </a:t>
            </a:r>
            <a:r>
              <a:rPr lang="en-US" sz="1600" b="1" i="1" dirty="0" err="1">
                <a:solidFill>
                  <a:srgbClr val="002060"/>
                </a:solidFill>
                <a:latin typeface="Calibri "/>
              </a:rPr>
              <a:t>g</a:t>
            </a:r>
            <a:r>
              <a:rPr lang="en-US" sz="1600" b="1" i="1" baseline="-25000" dirty="0" err="1">
                <a:solidFill>
                  <a:srgbClr val="002060"/>
                </a:solidFill>
                <a:latin typeface="Calibri "/>
              </a:rPr>
              <a:t>cat</a:t>
            </a:r>
            <a:r>
              <a:rPr lang="en-US" sz="1600" b="1" i="1" dirty="0">
                <a:solidFill>
                  <a:srgbClr val="002060"/>
                </a:solidFill>
                <a:latin typeface="Calibri "/>
              </a:rPr>
              <a:t> h</a:t>
            </a:r>
            <a:r>
              <a:rPr lang="en-US" sz="1600" b="1" i="1" baseline="30000" dirty="0">
                <a:solidFill>
                  <a:srgbClr val="002060"/>
                </a:solidFill>
                <a:latin typeface="Calibri "/>
              </a:rPr>
              <a:t>-1</a:t>
            </a:r>
            <a:endParaRPr kumimoji="0" lang="en-US" sz="1500" b="1" i="1" u="none" strike="noStrike" kern="1200" cap="none" spc="0" normalizeH="0" baseline="30000" noProof="0" dirty="0">
              <a:ln>
                <a:noFill/>
              </a:ln>
              <a:solidFill>
                <a:srgbClr val="101073"/>
              </a:solidFill>
              <a:effectLst/>
              <a:uLnTx/>
              <a:uFillTx/>
              <a:latin typeface="Calibri "/>
            </a:endParaRPr>
          </a:p>
        </p:txBody>
      </p:sp>
    </p:spTree>
    <p:extLst>
      <p:ext uri="{BB962C8B-B14F-4D97-AF65-F5344CB8AC3E}">
        <p14:creationId xmlns:p14="http://schemas.microsoft.com/office/powerpoint/2010/main" val="1585432164"/>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after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500"/>
                                        <p:tgtEl>
                                          <p:spTgt spid="6"/>
                                        </p:tgtEl>
                                      </p:cBhvr>
                                    </p:animEffect>
                                  </p:childTnLst>
                                </p:cTn>
                              </p:par>
                            </p:childTnLst>
                          </p:cTn>
                        </p:par>
                        <p:par>
                          <p:cTn id="8" fill="hold">
                            <p:stCondLst>
                              <p:cond delay="500"/>
                            </p:stCondLst>
                            <p:childTnLst>
                              <p:par>
                                <p:cTn id="9" presetID="42" presetClass="entr" presetSubtype="0" fill="hold" nodeType="afterEffect">
                                  <p:stCondLst>
                                    <p:cond delay="0"/>
                                  </p:stCondLst>
                                  <p:childTnLst>
                                    <p:set>
                                      <p:cBhvr>
                                        <p:cTn id="10" dur="1" fill="hold">
                                          <p:stCondLst>
                                            <p:cond delay="0"/>
                                          </p:stCondLst>
                                        </p:cTn>
                                        <p:tgtEl>
                                          <p:spTgt spid="7">
                                            <p:txEl>
                                              <p:pRg st="0" end="0"/>
                                            </p:txEl>
                                          </p:spTgt>
                                        </p:tgtEl>
                                        <p:attrNameLst>
                                          <p:attrName>style.visibility</p:attrName>
                                        </p:attrNameLst>
                                      </p:cBhvr>
                                      <p:to>
                                        <p:strVal val="visible"/>
                                      </p:to>
                                    </p:set>
                                    <p:animEffect transition="in" filter="fade">
                                      <p:cBhvr>
                                        <p:cTn id="11" dur="750"/>
                                        <p:tgtEl>
                                          <p:spTgt spid="7">
                                            <p:txEl>
                                              <p:pRg st="0" end="0"/>
                                            </p:txEl>
                                          </p:spTgt>
                                        </p:tgtEl>
                                      </p:cBhvr>
                                    </p:animEffect>
                                    <p:anim calcmode="lin" valueType="num">
                                      <p:cBhvr>
                                        <p:cTn id="12" dur="750" fill="hold"/>
                                        <p:tgtEl>
                                          <p:spTgt spid="7">
                                            <p:txEl>
                                              <p:pRg st="0" end="0"/>
                                            </p:txEl>
                                          </p:spTgt>
                                        </p:tgtEl>
                                        <p:attrNameLst>
                                          <p:attrName>ppt_x</p:attrName>
                                        </p:attrNameLst>
                                      </p:cBhvr>
                                      <p:tavLst>
                                        <p:tav tm="0">
                                          <p:val>
                                            <p:strVal val="#ppt_x"/>
                                          </p:val>
                                        </p:tav>
                                        <p:tav tm="100000">
                                          <p:val>
                                            <p:strVal val="#ppt_x"/>
                                          </p:val>
                                        </p:tav>
                                      </p:tavLst>
                                    </p:anim>
                                    <p:anim calcmode="lin" valueType="num">
                                      <p:cBhvr>
                                        <p:cTn id="13" dur="750" fill="hold"/>
                                        <p:tgtEl>
                                          <p:spTgt spid="7">
                                            <p:txEl>
                                              <p:pRg st="0" end="0"/>
                                            </p:txEl>
                                          </p:spTgt>
                                        </p:tgtEl>
                                        <p:attrNameLst>
                                          <p:attrName>ppt_y</p:attrName>
                                        </p:attrNameLst>
                                      </p:cBhvr>
                                      <p:tavLst>
                                        <p:tav tm="0">
                                          <p:val>
                                            <p:strVal val="#ppt_y+.1"/>
                                          </p:val>
                                        </p:tav>
                                        <p:tav tm="100000">
                                          <p:val>
                                            <p:strVal val="#ppt_y"/>
                                          </p:val>
                                        </p:tav>
                                      </p:tavLst>
                                    </p:anim>
                                  </p:childTnLst>
                                </p:cTn>
                              </p:par>
                            </p:childTnLst>
                          </p:cTn>
                        </p:par>
                        <p:par>
                          <p:cTn id="14" fill="hold">
                            <p:stCondLst>
                              <p:cond delay="1250"/>
                            </p:stCondLst>
                            <p:childTnLst>
                              <p:par>
                                <p:cTn id="15" presetID="42" presetClass="entr" presetSubtype="0" fill="hold" nodeType="afterEffect">
                                  <p:stCondLst>
                                    <p:cond delay="0"/>
                                  </p:stCondLst>
                                  <p:childTnLst>
                                    <p:set>
                                      <p:cBhvr>
                                        <p:cTn id="16" dur="1" fill="hold">
                                          <p:stCondLst>
                                            <p:cond delay="0"/>
                                          </p:stCondLst>
                                        </p:cTn>
                                        <p:tgtEl>
                                          <p:spTgt spid="7">
                                            <p:txEl>
                                              <p:pRg st="1" end="1"/>
                                            </p:txEl>
                                          </p:spTgt>
                                        </p:tgtEl>
                                        <p:attrNameLst>
                                          <p:attrName>style.visibility</p:attrName>
                                        </p:attrNameLst>
                                      </p:cBhvr>
                                      <p:to>
                                        <p:strVal val="visible"/>
                                      </p:to>
                                    </p:set>
                                    <p:animEffect transition="in" filter="fade">
                                      <p:cBhvr>
                                        <p:cTn id="17" dur="750"/>
                                        <p:tgtEl>
                                          <p:spTgt spid="7">
                                            <p:txEl>
                                              <p:pRg st="1" end="1"/>
                                            </p:txEl>
                                          </p:spTgt>
                                        </p:tgtEl>
                                      </p:cBhvr>
                                    </p:animEffect>
                                    <p:anim calcmode="lin" valueType="num">
                                      <p:cBhvr>
                                        <p:cTn id="18" dur="750" fill="hold"/>
                                        <p:tgtEl>
                                          <p:spTgt spid="7">
                                            <p:txEl>
                                              <p:pRg st="1" end="1"/>
                                            </p:txEl>
                                          </p:spTgt>
                                        </p:tgtEl>
                                        <p:attrNameLst>
                                          <p:attrName>ppt_x</p:attrName>
                                        </p:attrNameLst>
                                      </p:cBhvr>
                                      <p:tavLst>
                                        <p:tav tm="0">
                                          <p:val>
                                            <p:strVal val="#ppt_x"/>
                                          </p:val>
                                        </p:tav>
                                        <p:tav tm="100000">
                                          <p:val>
                                            <p:strVal val="#ppt_x"/>
                                          </p:val>
                                        </p:tav>
                                      </p:tavLst>
                                    </p:anim>
                                    <p:anim calcmode="lin" valueType="num">
                                      <p:cBhvr>
                                        <p:cTn id="19" dur="750" fill="hold"/>
                                        <p:tgtEl>
                                          <p:spTgt spid="7">
                                            <p:txEl>
                                              <p:pRg st="1" end="1"/>
                                            </p:txEl>
                                          </p:spTgt>
                                        </p:tgtEl>
                                        <p:attrNameLst>
                                          <p:attrName>ppt_y</p:attrName>
                                        </p:attrNameLst>
                                      </p:cBhvr>
                                      <p:tavLst>
                                        <p:tav tm="0">
                                          <p:val>
                                            <p:strVal val="#ppt_y+.1"/>
                                          </p:val>
                                        </p:tav>
                                        <p:tav tm="100000">
                                          <p:val>
                                            <p:strVal val="#ppt_y"/>
                                          </p:val>
                                        </p:tav>
                                      </p:tavLst>
                                    </p:anim>
                                  </p:childTnLst>
                                </p:cTn>
                              </p:par>
                            </p:childTnLst>
                          </p:cTn>
                        </p:par>
                        <p:par>
                          <p:cTn id="20" fill="hold">
                            <p:stCondLst>
                              <p:cond delay="2000"/>
                            </p:stCondLst>
                            <p:childTnLst>
                              <p:par>
                                <p:cTn id="21" presetID="42" presetClass="entr" presetSubtype="0" fill="hold" nodeType="afterEffect">
                                  <p:stCondLst>
                                    <p:cond delay="0"/>
                                  </p:stCondLst>
                                  <p:childTnLst>
                                    <p:set>
                                      <p:cBhvr>
                                        <p:cTn id="22" dur="1" fill="hold">
                                          <p:stCondLst>
                                            <p:cond delay="0"/>
                                          </p:stCondLst>
                                        </p:cTn>
                                        <p:tgtEl>
                                          <p:spTgt spid="7">
                                            <p:txEl>
                                              <p:pRg st="2" end="2"/>
                                            </p:txEl>
                                          </p:spTgt>
                                        </p:tgtEl>
                                        <p:attrNameLst>
                                          <p:attrName>style.visibility</p:attrName>
                                        </p:attrNameLst>
                                      </p:cBhvr>
                                      <p:to>
                                        <p:strVal val="visible"/>
                                      </p:to>
                                    </p:set>
                                    <p:animEffect transition="in" filter="fade">
                                      <p:cBhvr>
                                        <p:cTn id="23" dur="750"/>
                                        <p:tgtEl>
                                          <p:spTgt spid="7">
                                            <p:txEl>
                                              <p:pRg st="2" end="2"/>
                                            </p:txEl>
                                          </p:spTgt>
                                        </p:tgtEl>
                                      </p:cBhvr>
                                    </p:animEffect>
                                    <p:anim calcmode="lin" valueType="num">
                                      <p:cBhvr>
                                        <p:cTn id="24" dur="750" fill="hold"/>
                                        <p:tgtEl>
                                          <p:spTgt spid="7">
                                            <p:txEl>
                                              <p:pRg st="2" end="2"/>
                                            </p:txEl>
                                          </p:spTgt>
                                        </p:tgtEl>
                                        <p:attrNameLst>
                                          <p:attrName>ppt_x</p:attrName>
                                        </p:attrNameLst>
                                      </p:cBhvr>
                                      <p:tavLst>
                                        <p:tav tm="0">
                                          <p:val>
                                            <p:strVal val="#ppt_x"/>
                                          </p:val>
                                        </p:tav>
                                        <p:tav tm="100000">
                                          <p:val>
                                            <p:strVal val="#ppt_x"/>
                                          </p:val>
                                        </p:tav>
                                      </p:tavLst>
                                    </p:anim>
                                    <p:anim calcmode="lin" valueType="num">
                                      <p:cBhvr>
                                        <p:cTn id="25" dur="750" fill="hold"/>
                                        <p:tgtEl>
                                          <p:spTgt spid="7">
                                            <p:txEl>
                                              <p:pRg st="2" end="2"/>
                                            </p:txEl>
                                          </p:spTgt>
                                        </p:tgtEl>
                                        <p:attrNameLst>
                                          <p:attrName>ppt_y</p:attrName>
                                        </p:attrNameLst>
                                      </p:cBhvr>
                                      <p:tavLst>
                                        <p:tav tm="0">
                                          <p:val>
                                            <p:strVal val="#ppt_y+.1"/>
                                          </p:val>
                                        </p:tav>
                                        <p:tav tm="100000">
                                          <p:val>
                                            <p:strVal val="#ppt_y"/>
                                          </p:val>
                                        </p:tav>
                                      </p:tavLst>
                                    </p:anim>
                                  </p:childTnLst>
                                </p:cTn>
                              </p:par>
                            </p:childTnLst>
                          </p:cTn>
                        </p:par>
                        <p:par>
                          <p:cTn id="26" fill="hold">
                            <p:stCondLst>
                              <p:cond delay="2750"/>
                            </p:stCondLst>
                            <p:childTnLst>
                              <p:par>
                                <p:cTn id="27" presetID="42" presetClass="entr" presetSubtype="0" fill="hold" nodeType="afterEffect">
                                  <p:stCondLst>
                                    <p:cond delay="0"/>
                                  </p:stCondLst>
                                  <p:childTnLst>
                                    <p:set>
                                      <p:cBhvr>
                                        <p:cTn id="28" dur="1" fill="hold">
                                          <p:stCondLst>
                                            <p:cond delay="0"/>
                                          </p:stCondLst>
                                        </p:cTn>
                                        <p:tgtEl>
                                          <p:spTgt spid="7">
                                            <p:txEl>
                                              <p:pRg st="3" end="3"/>
                                            </p:txEl>
                                          </p:spTgt>
                                        </p:tgtEl>
                                        <p:attrNameLst>
                                          <p:attrName>style.visibility</p:attrName>
                                        </p:attrNameLst>
                                      </p:cBhvr>
                                      <p:to>
                                        <p:strVal val="visible"/>
                                      </p:to>
                                    </p:set>
                                    <p:animEffect transition="in" filter="fade">
                                      <p:cBhvr>
                                        <p:cTn id="29" dur="750"/>
                                        <p:tgtEl>
                                          <p:spTgt spid="7">
                                            <p:txEl>
                                              <p:pRg st="3" end="3"/>
                                            </p:txEl>
                                          </p:spTgt>
                                        </p:tgtEl>
                                      </p:cBhvr>
                                    </p:animEffect>
                                    <p:anim calcmode="lin" valueType="num">
                                      <p:cBhvr>
                                        <p:cTn id="30" dur="750" fill="hold"/>
                                        <p:tgtEl>
                                          <p:spTgt spid="7">
                                            <p:txEl>
                                              <p:pRg st="3" end="3"/>
                                            </p:txEl>
                                          </p:spTgt>
                                        </p:tgtEl>
                                        <p:attrNameLst>
                                          <p:attrName>ppt_x</p:attrName>
                                        </p:attrNameLst>
                                      </p:cBhvr>
                                      <p:tavLst>
                                        <p:tav tm="0">
                                          <p:val>
                                            <p:strVal val="#ppt_x"/>
                                          </p:val>
                                        </p:tav>
                                        <p:tav tm="100000">
                                          <p:val>
                                            <p:strVal val="#ppt_x"/>
                                          </p:val>
                                        </p:tav>
                                      </p:tavLst>
                                    </p:anim>
                                    <p:anim calcmode="lin" valueType="num">
                                      <p:cBhvr>
                                        <p:cTn id="31" dur="750" fill="hold"/>
                                        <p:tgtEl>
                                          <p:spTgt spid="7">
                                            <p:txEl>
                                              <p:pRg st="3" end="3"/>
                                            </p:txEl>
                                          </p:spTgt>
                                        </p:tgtEl>
                                        <p:attrNameLst>
                                          <p:attrName>ppt_y</p:attrName>
                                        </p:attrNameLst>
                                      </p:cBhvr>
                                      <p:tavLst>
                                        <p:tav tm="0">
                                          <p:val>
                                            <p:strVal val="#ppt_y+.1"/>
                                          </p:val>
                                        </p:tav>
                                        <p:tav tm="100000">
                                          <p:val>
                                            <p:strVal val="#ppt_y"/>
                                          </p:val>
                                        </p:tav>
                                      </p:tavLst>
                                    </p:anim>
                                  </p:childTnLst>
                                </p:cTn>
                              </p:par>
                            </p:childTnLst>
                          </p:cTn>
                        </p:par>
                        <p:par>
                          <p:cTn id="32" fill="hold">
                            <p:stCondLst>
                              <p:cond delay="3500"/>
                            </p:stCondLst>
                            <p:childTnLst>
                              <p:par>
                                <p:cTn id="33" presetID="42" presetClass="entr" presetSubtype="0" fill="hold" nodeType="afterEffect">
                                  <p:stCondLst>
                                    <p:cond delay="0"/>
                                  </p:stCondLst>
                                  <p:childTnLst>
                                    <p:set>
                                      <p:cBhvr>
                                        <p:cTn id="34" dur="1" fill="hold">
                                          <p:stCondLst>
                                            <p:cond delay="0"/>
                                          </p:stCondLst>
                                        </p:cTn>
                                        <p:tgtEl>
                                          <p:spTgt spid="7">
                                            <p:txEl>
                                              <p:pRg st="4" end="4"/>
                                            </p:txEl>
                                          </p:spTgt>
                                        </p:tgtEl>
                                        <p:attrNameLst>
                                          <p:attrName>style.visibility</p:attrName>
                                        </p:attrNameLst>
                                      </p:cBhvr>
                                      <p:to>
                                        <p:strVal val="visible"/>
                                      </p:to>
                                    </p:set>
                                    <p:animEffect transition="in" filter="fade">
                                      <p:cBhvr>
                                        <p:cTn id="35" dur="750"/>
                                        <p:tgtEl>
                                          <p:spTgt spid="7">
                                            <p:txEl>
                                              <p:pRg st="4" end="4"/>
                                            </p:txEl>
                                          </p:spTgt>
                                        </p:tgtEl>
                                      </p:cBhvr>
                                    </p:animEffect>
                                    <p:anim calcmode="lin" valueType="num">
                                      <p:cBhvr>
                                        <p:cTn id="36" dur="750" fill="hold"/>
                                        <p:tgtEl>
                                          <p:spTgt spid="7">
                                            <p:txEl>
                                              <p:pRg st="4" end="4"/>
                                            </p:txEl>
                                          </p:spTgt>
                                        </p:tgtEl>
                                        <p:attrNameLst>
                                          <p:attrName>ppt_x</p:attrName>
                                        </p:attrNameLst>
                                      </p:cBhvr>
                                      <p:tavLst>
                                        <p:tav tm="0">
                                          <p:val>
                                            <p:strVal val="#ppt_x"/>
                                          </p:val>
                                        </p:tav>
                                        <p:tav tm="100000">
                                          <p:val>
                                            <p:strVal val="#ppt_x"/>
                                          </p:val>
                                        </p:tav>
                                      </p:tavLst>
                                    </p:anim>
                                    <p:anim calcmode="lin" valueType="num">
                                      <p:cBhvr>
                                        <p:cTn id="37" dur="750" fill="hold"/>
                                        <p:tgtEl>
                                          <p:spTgt spid="7">
                                            <p:txEl>
                                              <p:pRg st="4" end="4"/>
                                            </p:txEl>
                                          </p:spTgt>
                                        </p:tgtEl>
                                        <p:attrNameLst>
                                          <p:attrName>ppt_y</p:attrName>
                                        </p:attrNameLst>
                                      </p:cBhvr>
                                      <p:tavLst>
                                        <p:tav tm="0">
                                          <p:val>
                                            <p:strVal val="#ppt_y+.1"/>
                                          </p:val>
                                        </p:tav>
                                        <p:tav tm="100000">
                                          <p:val>
                                            <p:strVal val="#ppt_y"/>
                                          </p:val>
                                        </p:tav>
                                      </p:tavLst>
                                    </p:anim>
                                  </p:childTnLst>
                                </p:cTn>
                              </p:par>
                            </p:childTnLst>
                          </p:cTn>
                        </p:par>
                        <p:par>
                          <p:cTn id="38" fill="hold">
                            <p:stCondLst>
                              <p:cond delay="4250"/>
                            </p:stCondLst>
                            <p:childTnLst>
                              <p:par>
                                <p:cTn id="39" presetID="42" presetClass="entr" presetSubtype="0" fill="hold" nodeType="afterEffect">
                                  <p:stCondLst>
                                    <p:cond delay="0"/>
                                  </p:stCondLst>
                                  <p:childTnLst>
                                    <p:set>
                                      <p:cBhvr>
                                        <p:cTn id="40" dur="1" fill="hold">
                                          <p:stCondLst>
                                            <p:cond delay="0"/>
                                          </p:stCondLst>
                                        </p:cTn>
                                        <p:tgtEl>
                                          <p:spTgt spid="7">
                                            <p:txEl>
                                              <p:pRg st="5" end="5"/>
                                            </p:txEl>
                                          </p:spTgt>
                                        </p:tgtEl>
                                        <p:attrNameLst>
                                          <p:attrName>style.visibility</p:attrName>
                                        </p:attrNameLst>
                                      </p:cBhvr>
                                      <p:to>
                                        <p:strVal val="visible"/>
                                      </p:to>
                                    </p:set>
                                    <p:animEffect transition="in" filter="fade">
                                      <p:cBhvr>
                                        <p:cTn id="41" dur="750"/>
                                        <p:tgtEl>
                                          <p:spTgt spid="7">
                                            <p:txEl>
                                              <p:pRg st="5" end="5"/>
                                            </p:txEl>
                                          </p:spTgt>
                                        </p:tgtEl>
                                      </p:cBhvr>
                                    </p:animEffect>
                                    <p:anim calcmode="lin" valueType="num">
                                      <p:cBhvr>
                                        <p:cTn id="42" dur="750" fill="hold"/>
                                        <p:tgtEl>
                                          <p:spTgt spid="7">
                                            <p:txEl>
                                              <p:pRg st="5" end="5"/>
                                            </p:txEl>
                                          </p:spTgt>
                                        </p:tgtEl>
                                        <p:attrNameLst>
                                          <p:attrName>ppt_x</p:attrName>
                                        </p:attrNameLst>
                                      </p:cBhvr>
                                      <p:tavLst>
                                        <p:tav tm="0">
                                          <p:val>
                                            <p:strVal val="#ppt_x"/>
                                          </p:val>
                                        </p:tav>
                                        <p:tav tm="100000">
                                          <p:val>
                                            <p:strVal val="#ppt_x"/>
                                          </p:val>
                                        </p:tav>
                                      </p:tavLst>
                                    </p:anim>
                                    <p:anim calcmode="lin" valueType="num">
                                      <p:cBhvr>
                                        <p:cTn id="43" dur="750" fill="hold"/>
                                        <p:tgtEl>
                                          <p:spTgt spid="7">
                                            <p:txEl>
                                              <p:pRg st="5" end="5"/>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16</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Results</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Activity tests: </a:t>
            </a:r>
            <a:r>
              <a:rPr lang="en-US" sz="1600" b="0" i="1" u="sng" dirty="0">
                <a:solidFill>
                  <a:schemeClr val="bg1"/>
                </a:solidFill>
              </a:rPr>
              <a:t>Ruthenium loading investigation</a:t>
            </a:r>
          </a:p>
        </p:txBody>
      </p:sp>
      <p:graphicFrame>
        <p:nvGraphicFramePr>
          <p:cNvPr id="14" name="Chart 13">
            <a:extLst>
              <a:ext uri="{FF2B5EF4-FFF2-40B4-BE49-F238E27FC236}">
                <a16:creationId xmlns:a16="http://schemas.microsoft.com/office/drawing/2014/main" id="{10A71F15-32B9-4395-9C67-7C82CD32E16D}"/>
              </a:ext>
            </a:extLst>
          </p:cNvPr>
          <p:cNvGraphicFramePr>
            <a:graphicFrameLocks/>
          </p:cNvGraphicFramePr>
          <p:nvPr>
            <p:extLst>
              <p:ext uri="{D42A27DB-BD31-4B8C-83A1-F6EECF244321}">
                <p14:modId xmlns:p14="http://schemas.microsoft.com/office/powerpoint/2010/main" val="3965934148"/>
              </p:ext>
            </p:extLst>
          </p:nvPr>
        </p:nvGraphicFramePr>
        <p:xfrm>
          <a:off x="700940" y="964050"/>
          <a:ext cx="7198912" cy="3560812"/>
        </p:xfrm>
        <a:graphic>
          <a:graphicData uri="http://schemas.openxmlformats.org/drawingml/2006/chart">
            <c:chart xmlns:c="http://schemas.openxmlformats.org/drawingml/2006/chart" xmlns:r="http://schemas.openxmlformats.org/officeDocument/2006/relationships" r:id="rId5"/>
          </a:graphicData>
        </a:graphic>
      </p:graphicFrame>
      <p:sp>
        <p:nvSpPr>
          <p:cNvPr id="6" name="Titel 1">
            <a:extLst>
              <a:ext uri="{FF2B5EF4-FFF2-40B4-BE49-F238E27FC236}">
                <a16:creationId xmlns:a16="http://schemas.microsoft.com/office/drawing/2014/main" id="{569BD2A6-02B2-95AC-6508-434F83C2C083}"/>
              </a:ext>
            </a:extLst>
          </p:cNvPr>
          <p:cNvSpPr txBox="1">
            <a:spLocks/>
          </p:cNvSpPr>
          <p:nvPr/>
        </p:nvSpPr>
        <p:spPr>
          <a:xfrm>
            <a:off x="3181833" y="3650955"/>
            <a:ext cx="2780334"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050" b="0" i="1" dirty="0">
                <a:solidFill>
                  <a:srgbClr val="C00000"/>
                </a:solidFill>
              </a:rPr>
              <a:t>Thermal decomposition: X</a:t>
            </a:r>
            <a:r>
              <a:rPr lang="en-US" sz="1050" b="0" i="1" baseline="-25000" dirty="0">
                <a:solidFill>
                  <a:srgbClr val="C00000"/>
                </a:solidFill>
              </a:rPr>
              <a:t>NH</a:t>
            </a:r>
            <a:r>
              <a:rPr lang="en-US" sz="1050" b="0" i="1" baseline="-40000" dirty="0">
                <a:solidFill>
                  <a:srgbClr val="C00000"/>
                </a:solidFill>
              </a:rPr>
              <a:t>3</a:t>
            </a:r>
            <a:r>
              <a:rPr lang="en-US" sz="1050" b="0" i="1" dirty="0">
                <a:solidFill>
                  <a:srgbClr val="C00000"/>
                </a:solidFill>
              </a:rPr>
              <a:t> &lt; 2% (@1 bar, 450°C)</a:t>
            </a:r>
          </a:p>
        </p:txBody>
      </p:sp>
      <p:sp>
        <p:nvSpPr>
          <p:cNvPr id="10" name="Titel 1">
            <a:extLst>
              <a:ext uri="{FF2B5EF4-FFF2-40B4-BE49-F238E27FC236}">
                <a16:creationId xmlns:a16="http://schemas.microsoft.com/office/drawing/2014/main" id="{6A16DB2D-AC7C-02D8-3485-2B8DC1E3977A}"/>
              </a:ext>
            </a:extLst>
          </p:cNvPr>
          <p:cNvSpPr txBox="1">
            <a:spLocks/>
          </p:cNvSpPr>
          <p:nvPr/>
        </p:nvSpPr>
        <p:spPr>
          <a:xfrm>
            <a:off x="5541264" y="773549"/>
            <a:ext cx="2099690"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050" i="1" dirty="0">
                <a:solidFill>
                  <a:srgbClr val="002060"/>
                </a:solidFill>
              </a:rPr>
              <a:t>P = 1 bar, GHSV = 6 000 </a:t>
            </a:r>
            <a:r>
              <a:rPr lang="en-US" sz="1050" i="1" dirty="0" err="1">
                <a:solidFill>
                  <a:srgbClr val="002060"/>
                </a:solidFill>
              </a:rPr>
              <a:t>Nml</a:t>
            </a:r>
            <a:r>
              <a:rPr lang="en-US" sz="1050" i="1" dirty="0">
                <a:solidFill>
                  <a:srgbClr val="002060"/>
                </a:solidFill>
              </a:rPr>
              <a:t> g</a:t>
            </a:r>
            <a:r>
              <a:rPr lang="en-US" sz="1050" i="1" baseline="-25000" dirty="0">
                <a:solidFill>
                  <a:srgbClr val="002060"/>
                </a:solidFill>
              </a:rPr>
              <a:t>cat</a:t>
            </a:r>
            <a:r>
              <a:rPr lang="en-US" sz="1050" i="1" baseline="30000" dirty="0">
                <a:solidFill>
                  <a:srgbClr val="002060"/>
                </a:solidFill>
              </a:rPr>
              <a:t>-1</a:t>
            </a:r>
            <a:r>
              <a:rPr lang="en-US" sz="1050" i="1" dirty="0">
                <a:solidFill>
                  <a:srgbClr val="002060"/>
                </a:solidFill>
              </a:rPr>
              <a:t> h</a:t>
            </a:r>
            <a:r>
              <a:rPr lang="en-US" sz="1050" i="1" baseline="30000" dirty="0">
                <a:solidFill>
                  <a:srgbClr val="002060"/>
                </a:solidFill>
              </a:rPr>
              <a:t>-1</a:t>
            </a:r>
          </a:p>
        </p:txBody>
      </p:sp>
    </p:spTree>
    <p:extLst>
      <p:ext uri="{BB962C8B-B14F-4D97-AF65-F5344CB8AC3E}">
        <p14:creationId xmlns:p14="http://schemas.microsoft.com/office/powerpoint/2010/main" val="565023840"/>
      </p:ext>
    </p:extLst>
  </p:cSld>
  <p:clrMapOvr>
    <a:masterClrMapping/>
  </p:clrMapOvr>
  <p:transition spd="med">
    <p:pull/>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17</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Results</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Activity tests: </a:t>
            </a:r>
            <a:r>
              <a:rPr lang="en-US" sz="1600" b="0" i="1" u="sng" dirty="0">
                <a:solidFill>
                  <a:schemeClr val="bg1"/>
                </a:solidFill>
              </a:rPr>
              <a:t>Cs/Ru ratio investigation</a:t>
            </a:r>
          </a:p>
        </p:txBody>
      </p:sp>
      <p:graphicFrame>
        <p:nvGraphicFramePr>
          <p:cNvPr id="4" name="Chart 3">
            <a:extLst>
              <a:ext uri="{FF2B5EF4-FFF2-40B4-BE49-F238E27FC236}">
                <a16:creationId xmlns:a16="http://schemas.microsoft.com/office/drawing/2014/main" id="{D56C5B84-C550-45F6-9DAC-0AEBB057E04D}"/>
              </a:ext>
            </a:extLst>
          </p:cNvPr>
          <p:cNvGraphicFramePr>
            <a:graphicFrameLocks/>
          </p:cNvGraphicFramePr>
          <p:nvPr>
            <p:extLst>
              <p:ext uri="{D42A27DB-BD31-4B8C-83A1-F6EECF244321}">
                <p14:modId xmlns:p14="http://schemas.microsoft.com/office/powerpoint/2010/main" val="251703053"/>
              </p:ext>
            </p:extLst>
          </p:nvPr>
        </p:nvGraphicFramePr>
        <p:xfrm>
          <a:off x="700939" y="893614"/>
          <a:ext cx="7198912" cy="3600000"/>
        </p:xfrm>
        <a:graphic>
          <a:graphicData uri="http://schemas.openxmlformats.org/drawingml/2006/chart">
            <c:chart xmlns:c="http://schemas.openxmlformats.org/drawingml/2006/chart" xmlns:r="http://schemas.openxmlformats.org/officeDocument/2006/relationships" r:id="rId5"/>
          </a:graphicData>
        </a:graphic>
      </p:graphicFrame>
      <p:sp>
        <p:nvSpPr>
          <p:cNvPr id="7" name="Titel 1">
            <a:extLst>
              <a:ext uri="{FF2B5EF4-FFF2-40B4-BE49-F238E27FC236}">
                <a16:creationId xmlns:a16="http://schemas.microsoft.com/office/drawing/2014/main" id="{9882DE4D-CB5F-BEE5-0E32-B442A1045C76}"/>
              </a:ext>
            </a:extLst>
          </p:cNvPr>
          <p:cNvSpPr txBox="1">
            <a:spLocks/>
          </p:cNvSpPr>
          <p:nvPr/>
        </p:nvSpPr>
        <p:spPr>
          <a:xfrm>
            <a:off x="3181833" y="3629441"/>
            <a:ext cx="2780334"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050" b="0" i="1" dirty="0">
                <a:solidFill>
                  <a:srgbClr val="C00000"/>
                </a:solidFill>
              </a:rPr>
              <a:t>Thermal decomposition: X</a:t>
            </a:r>
            <a:r>
              <a:rPr lang="en-US" sz="1050" b="0" i="1" baseline="-25000" dirty="0">
                <a:solidFill>
                  <a:srgbClr val="C00000"/>
                </a:solidFill>
              </a:rPr>
              <a:t>NH</a:t>
            </a:r>
            <a:r>
              <a:rPr lang="en-US" sz="1050" b="0" i="1" baseline="-40000" dirty="0">
                <a:solidFill>
                  <a:srgbClr val="C00000"/>
                </a:solidFill>
              </a:rPr>
              <a:t>3</a:t>
            </a:r>
            <a:r>
              <a:rPr lang="en-US" sz="1050" b="0" i="1" dirty="0">
                <a:solidFill>
                  <a:srgbClr val="C00000"/>
                </a:solidFill>
              </a:rPr>
              <a:t> &lt; 2% (@1 bar, 450°C)</a:t>
            </a:r>
          </a:p>
        </p:txBody>
      </p:sp>
      <p:sp>
        <p:nvSpPr>
          <p:cNvPr id="8" name="Titel 1">
            <a:extLst>
              <a:ext uri="{FF2B5EF4-FFF2-40B4-BE49-F238E27FC236}">
                <a16:creationId xmlns:a16="http://schemas.microsoft.com/office/drawing/2014/main" id="{915FF89D-E501-884D-C1FC-FF1DA426EB9E}"/>
              </a:ext>
            </a:extLst>
          </p:cNvPr>
          <p:cNvSpPr txBox="1">
            <a:spLocks/>
          </p:cNvSpPr>
          <p:nvPr/>
        </p:nvSpPr>
        <p:spPr>
          <a:xfrm>
            <a:off x="5559552" y="752035"/>
            <a:ext cx="2081402"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050" i="1" dirty="0">
                <a:solidFill>
                  <a:srgbClr val="002060"/>
                </a:solidFill>
              </a:rPr>
              <a:t>P = 1 bar, GHSV = 6 000 </a:t>
            </a:r>
            <a:r>
              <a:rPr lang="en-US" sz="1050" i="1" dirty="0" err="1">
                <a:solidFill>
                  <a:srgbClr val="002060"/>
                </a:solidFill>
              </a:rPr>
              <a:t>Nml</a:t>
            </a:r>
            <a:r>
              <a:rPr lang="en-US" sz="1050" i="1" dirty="0">
                <a:solidFill>
                  <a:srgbClr val="002060"/>
                </a:solidFill>
              </a:rPr>
              <a:t> g</a:t>
            </a:r>
            <a:r>
              <a:rPr lang="en-US" sz="1050" i="1" baseline="-25000" dirty="0">
                <a:solidFill>
                  <a:srgbClr val="002060"/>
                </a:solidFill>
              </a:rPr>
              <a:t>cat</a:t>
            </a:r>
            <a:r>
              <a:rPr lang="en-US" sz="1050" i="1" baseline="30000" dirty="0">
                <a:solidFill>
                  <a:srgbClr val="002060"/>
                </a:solidFill>
              </a:rPr>
              <a:t>-1</a:t>
            </a:r>
            <a:r>
              <a:rPr lang="en-US" sz="1050" i="1" dirty="0">
                <a:solidFill>
                  <a:srgbClr val="002060"/>
                </a:solidFill>
              </a:rPr>
              <a:t> h</a:t>
            </a:r>
            <a:r>
              <a:rPr lang="en-US" sz="1050" i="1" baseline="30000" dirty="0">
                <a:solidFill>
                  <a:srgbClr val="002060"/>
                </a:solidFill>
              </a:rPr>
              <a:t>-1</a:t>
            </a:r>
          </a:p>
        </p:txBody>
      </p:sp>
    </p:spTree>
    <p:extLst>
      <p:ext uri="{BB962C8B-B14F-4D97-AF65-F5344CB8AC3E}">
        <p14:creationId xmlns:p14="http://schemas.microsoft.com/office/powerpoint/2010/main" val="2879682579"/>
      </p:ext>
    </p:extLst>
  </p:cSld>
  <p:clrMapOvr>
    <a:masterClrMapping/>
  </p:clrMapOvr>
  <p:transition spd="med">
    <p:pull/>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18</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Results</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Literature comparison</a:t>
            </a:r>
          </a:p>
        </p:txBody>
      </p:sp>
      <p:pic>
        <p:nvPicPr>
          <p:cNvPr id="6" name="Picture 5" descr="A graph of different types of temperature&#10;&#10;Description automatically generated">
            <a:extLst>
              <a:ext uri="{FF2B5EF4-FFF2-40B4-BE49-F238E27FC236}">
                <a16:creationId xmlns:a16="http://schemas.microsoft.com/office/drawing/2014/main" id="{D2495B61-E859-3041-16CC-31FD87DBDA88}"/>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1020" y="804161"/>
            <a:ext cx="4666839" cy="3570922"/>
          </a:xfrm>
          <a:prstGeom prst="rect">
            <a:avLst/>
          </a:prstGeom>
        </p:spPr>
      </p:pic>
      <p:sp>
        <p:nvSpPr>
          <p:cNvPr id="10" name="TextBox 9">
            <a:extLst>
              <a:ext uri="{FF2B5EF4-FFF2-40B4-BE49-F238E27FC236}">
                <a16:creationId xmlns:a16="http://schemas.microsoft.com/office/drawing/2014/main" id="{7153EB8E-8E4A-D64E-2402-0481F7AAE8F2}"/>
              </a:ext>
            </a:extLst>
          </p:cNvPr>
          <p:cNvSpPr txBox="1"/>
          <p:nvPr/>
        </p:nvSpPr>
        <p:spPr>
          <a:xfrm>
            <a:off x="4828983" y="1381194"/>
            <a:ext cx="3773997" cy="2400657"/>
          </a:xfrm>
          <a:prstGeom prst="rect">
            <a:avLst/>
          </a:prstGeom>
          <a:noFill/>
        </p:spPr>
        <p:txBody>
          <a:bodyPr wrap="square">
            <a:spAutoFit/>
          </a:bodyPr>
          <a:lstStyle/>
          <a:p>
            <a:pPr algn="just">
              <a:spcBef>
                <a:spcPts val="1800"/>
              </a:spcBef>
              <a:defRPr/>
            </a:pPr>
            <a:r>
              <a:rPr lang="en-US" sz="1500" i="1" dirty="0">
                <a:solidFill>
                  <a:srgbClr val="101073"/>
                </a:solidFill>
                <a:latin typeface="Calibri"/>
              </a:rPr>
              <a:t>This superior performance can be primarily attributed to several factors:</a:t>
            </a:r>
          </a:p>
          <a:p>
            <a:pPr marL="360000" indent="-360000" algn="just">
              <a:spcBef>
                <a:spcPts val="1800"/>
              </a:spcBef>
              <a:buFont typeface="Wingdings" panose="05000000000000000000" pitchFamily="2" charset="2"/>
              <a:buChar char="Ø"/>
              <a:defRPr/>
            </a:pPr>
            <a:r>
              <a:rPr lang="en-US" sz="1500" i="1" dirty="0">
                <a:solidFill>
                  <a:srgbClr val="101073"/>
                </a:solidFill>
                <a:latin typeface="Calibri"/>
              </a:rPr>
              <a:t>The synthesis technique used</a:t>
            </a:r>
          </a:p>
          <a:p>
            <a:pPr marL="360000" indent="-360000" algn="just">
              <a:spcBef>
                <a:spcPts val="1800"/>
              </a:spcBef>
              <a:buFont typeface="Wingdings" panose="05000000000000000000" pitchFamily="2" charset="2"/>
              <a:buChar char="Ø"/>
              <a:defRPr/>
            </a:pPr>
            <a:r>
              <a:rPr lang="en-US" sz="1500" i="1" dirty="0">
                <a:solidFill>
                  <a:srgbClr val="101073"/>
                </a:solidFill>
                <a:latin typeface="Calibri"/>
              </a:rPr>
              <a:t>The optimization of ruthenium loading for the specific support</a:t>
            </a:r>
          </a:p>
          <a:p>
            <a:pPr marL="360000" indent="-360000" algn="just">
              <a:spcBef>
                <a:spcPts val="1800"/>
              </a:spcBef>
              <a:buFont typeface="Wingdings" panose="05000000000000000000" pitchFamily="2" charset="2"/>
              <a:buChar char="Ø"/>
              <a:defRPr/>
            </a:pPr>
            <a:r>
              <a:rPr lang="en-US" sz="1500" i="1" dirty="0">
                <a:solidFill>
                  <a:srgbClr val="101073"/>
                </a:solidFill>
                <a:latin typeface="Calibri"/>
              </a:rPr>
              <a:t>The synergistic effect between the support and the active phase</a:t>
            </a:r>
          </a:p>
        </p:txBody>
      </p:sp>
    </p:spTree>
    <p:extLst>
      <p:ext uri="{BB962C8B-B14F-4D97-AF65-F5344CB8AC3E}">
        <p14:creationId xmlns:p14="http://schemas.microsoft.com/office/powerpoint/2010/main" val="3368343706"/>
      </p:ext>
    </p:extLst>
  </p:cSld>
  <p:clrMapOvr>
    <a:masterClrMapping/>
  </p:clrMapOvr>
  <p:transition spd="med">
    <p:pull/>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19</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Results</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Long term tests employing 2Cs-5Ru/CeO</a:t>
            </a:r>
            <a:r>
              <a:rPr lang="en-US" sz="1600" b="0" i="1" baseline="-25000" dirty="0">
                <a:solidFill>
                  <a:schemeClr val="bg1"/>
                </a:solidFill>
              </a:rPr>
              <a:t>2</a:t>
            </a:r>
            <a:r>
              <a:rPr lang="en-US" sz="1600" b="0" i="1" dirty="0">
                <a:solidFill>
                  <a:schemeClr val="bg1"/>
                </a:solidFill>
              </a:rPr>
              <a:t> </a:t>
            </a:r>
          </a:p>
        </p:txBody>
      </p:sp>
      <p:sp>
        <p:nvSpPr>
          <p:cNvPr id="6" name="Titel 1">
            <a:extLst>
              <a:ext uri="{FF2B5EF4-FFF2-40B4-BE49-F238E27FC236}">
                <a16:creationId xmlns:a16="http://schemas.microsoft.com/office/drawing/2014/main" id="{7373761F-7634-4B7D-51FB-995996D283A0}"/>
              </a:ext>
            </a:extLst>
          </p:cNvPr>
          <p:cNvSpPr txBox="1">
            <a:spLocks/>
          </p:cNvSpPr>
          <p:nvPr/>
        </p:nvSpPr>
        <p:spPr>
          <a:xfrm>
            <a:off x="5740400" y="1163252"/>
            <a:ext cx="2258694"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050" i="1" dirty="0">
                <a:solidFill>
                  <a:srgbClr val="002060"/>
                </a:solidFill>
              </a:rPr>
              <a:t>P = 1 bar, GHSV = 6 000 </a:t>
            </a:r>
            <a:r>
              <a:rPr lang="en-US" sz="1050" i="1" dirty="0" err="1">
                <a:solidFill>
                  <a:srgbClr val="002060"/>
                </a:solidFill>
              </a:rPr>
              <a:t>Nml</a:t>
            </a:r>
            <a:r>
              <a:rPr lang="en-US" sz="1050" i="1" dirty="0">
                <a:solidFill>
                  <a:srgbClr val="002060"/>
                </a:solidFill>
              </a:rPr>
              <a:t> g</a:t>
            </a:r>
            <a:r>
              <a:rPr lang="en-US" sz="1050" i="1" baseline="-25000" dirty="0">
                <a:solidFill>
                  <a:srgbClr val="002060"/>
                </a:solidFill>
              </a:rPr>
              <a:t>cat</a:t>
            </a:r>
            <a:r>
              <a:rPr lang="en-US" sz="1050" i="1" baseline="30000" dirty="0">
                <a:solidFill>
                  <a:srgbClr val="002060"/>
                </a:solidFill>
              </a:rPr>
              <a:t>-1</a:t>
            </a:r>
            <a:r>
              <a:rPr lang="en-US" sz="1050" i="1" dirty="0">
                <a:solidFill>
                  <a:srgbClr val="002060"/>
                </a:solidFill>
              </a:rPr>
              <a:t> h</a:t>
            </a:r>
            <a:r>
              <a:rPr lang="en-US" sz="1050" i="1" baseline="30000" dirty="0">
                <a:solidFill>
                  <a:srgbClr val="002060"/>
                </a:solidFill>
              </a:rPr>
              <a:t>-1</a:t>
            </a:r>
          </a:p>
        </p:txBody>
      </p:sp>
      <p:graphicFrame>
        <p:nvGraphicFramePr>
          <p:cNvPr id="10" name="Chart 9">
            <a:extLst>
              <a:ext uri="{FF2B5EF4-FFF2-40B4-BE49-F238E27FC236}">
                <a16:creationId xmlns:a16="http://schemas.microsoft.com/office/drawing/2014/main" id="{F358BD5D-7800-4CF8-A3ED-E49950703551}"/>
              </a:ext>
            </a:extLst>
          </p:cNvPr>
          <p:cNvGraphicFramePr>
            <a:graphicFrameLocks/>
          </p:cNvGraphicFramePr>
          <p:nvPr>
            <p:extLst>
              <p:ext uri="{D42A27DB-BD31-4B8C-83A1-F6EECF244321}">
                <p14:modId xmlns:p14="http://schemas.microsoft.com/office/powerpoint/2010/main" val="1624954369"/>
              </p:ext>
            </p:extLst>
          </p:nvPr>
        </p:nvGraphicFramePr>
        <p:xfrm>
          <a:off x="1616074" y="1355432"/>
          <a:ext cx="6413500" cy="3087687"/>
        </p:xfrm>
        <a:graphic>
          <a:graphicData uri="http://schemas.openxmlformats.org/drawingml/2006/chart">
            <c:chart xmlns:c="http://schemas.openxmlformats.org/drawingml/2006/chart" xmlns:r="http://schemas.openxmlformats.org/officeDocument/2006/relationships" r:id="rId5"/>
          </a:graphicData>
        </a:graphic>
      </p:graphicFrame>
    </p:spTree>
    <p:extLst>
      <p:ext uri="{BB962C8B-B14F-4D97-AF65-F5344CB8AC3E}">
        <p14:creationId xmlns:p14="http://schemas.microsoft.com/office/powerpoint/2010/main" val="41991484"/>
      </p:ext>
    </p:extLst>
  </p:cSld>
  <p:clrMapOvr>
    <a:masterClrMapping/>
  </p:clrMapOvr>
  <p:transition spd="med">
    <p:pull/>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Titel 1">
            <a:extLst>
              <a:ext uri="{FF2B5EF4-FFF2-40B4-BE49-F238E27FC236}">
                <a16:creationId xmlns:a16="http://schemas.microsoft.com/office/drawing/2014/main" id="{793248E1-38DF-1E69-5078-7FD73495DFA2}"/>
              </a:ext>
            </a:extLst>
          </p:cNvPr>
          <p:cNvSpPr>
            <a:spLocks noGrp="1"/>
          </p:cNvSpPr>
          <p:nvPr>
            <p:ph type="title"/>
          </p:nvPr>
        </p:nvSpPr>
        <p:spPr>
          <a:xfrm>
            <a:off x="467544" y="254975"/>
            <a:ext cx="8280919" cy="381000"/>
          </a:xfrm>
        </p:spPr>
        <p:txBody>
          <a:bodyPr/>
          <a:lstStyle/>
          <a:p>
            <a:r>
              <a:rPr lang="en-GB">
                <a:solidFill>
                  <a:schemeClr val="accent5"/>
                </a:solidFill>
              </a:rPr>
              <a:t>Overview</a:t>
            </a:r>
            <a:endParaRPr lang="en-GB" baseline="-25000">
              <a:solidFill>
                <a:schemeClr val="accent5"/>
              </a:solidFill>
              <a:highlight>
                <a:srgbClr val="FFFF00"/>
              </a:highlight>
            </a:endParaRPr>
          </a:p>
        </p:txBody>
      </p:sp>
      <p:sp>
        <p:nvSpPr>
          <p:cNvPr id="8" name="Tijdelijke aanduiding voor inhoud 2">
            <a:extLst>
              <a:ext uri="{FF2B5EF4-FFF2-40B4-BE49-F238E27FC236}">
                <a16:creationId xmlns:a16="http://schemas.microsoft.com/office/drawing/2014/main" id="{2FC78327-A000-865B-689B-CFA3598F9EF4}"/>
              </a:ext>
            </a:extLst>
          </p:cNvPr>
          <p:cNvSpPr>
            <a:spLocks noGrp="1"/>
          </p:cNvSpPr>
          <p:nvPr>
            <p:ph idx="1"/>
          </p:nvPr>
        </p:nvSpPr>
        <p:spPr>
          <a:xfrm>
            <a:off x="467544" y="890949"/>
            <a:ext cx="8280920" cy="3703341"/>
          </a:xfrm>
        </p:spPr>
        <p:txBody>
          <a:bodyPr/>
          <a:lstStyle/>
          <a:p>
            <a:pPr marL="342900" indent="-342900">
              <a:lnSpc>
                <a:spcPct val="250000"/>
              </a:lnSpc>
              <a:buFont typeface="Arial" panose="020B0604020202020204" pitchFamily="34" charset="0"/>
              <a:buChar char="•"/>
            </a:pPr>
            <a:r>
              <a:rPr lang="en-GB" sz="1800" i="1" dirty="0">
                <a:solidFill>
                  <a:schemeClr val="accent5"/>
                </a:solidFill>
                <a:effectLst>
                  <a:outerShdw blurRad="50800" dist="38100" dir="2700000" algn="tl" rotWithShape="0">
                    <a:prstClr val="black">
                      <a:alpha val="40000"/>
                    </a:prstClr>
                  </a:outerShdw>
                </a:effectLst>
              </a:rPr>
              <a:t>Hydrogen &amp; Ammonia</a:t>
            </a:r>
          </a:p>
          <a:p>
            <a:pPr marL="342900" indent="-342900">
              <a:lnSpc>
                <a:spcPct val="250000"/>
              </a:lnSpc>
              <a:buFont typeface="Arial" panose="020B0604020202020204" pitchFamily="34" charset="0"/>
              <a:buChar char="•"/>
            </a:pPr>
            <a:r>
              <a:rPr lang="en-GB" sz="1800" i="1" dirty="0">
                <a:solidFill>
                  <a:schemeClr val="accent5"/>
                </a:solidFill>
                <a:effectLst>
                  <a:outerShdw blurRad="50800" dist="38100" dir="2700000" algn="tl" rotWithShape="0">
                    <a:prstClr val="black">
                      <a:alpha val="40000"/>
                    </a:prstClr>
                  </a:outerShdw>
                </a:effectLst>
              </a:rPr>
              <a:t>Process Intensification</a:t>
            </a:r>
          </a:p>
          <a:p>
            <a:pPr marL="342900" indent="-342900">
              <a:lnSpc>
                <a:spcPct val="250000"/>
              </a:lnSpc>
              <a:buFont typeface="Arial" panose="020B0604020202020204" pitchFamily="34" charset="0"/>
              <a:buChar char="•"/>
            </a:pPr>
            <a:r>
              <a:rPr lang="en-GB" sz="1800" i="1" dirty="0">
                <a:solidFill>
                  <a:schemeClr val="accent5"/>
                </a:solidFill>
                <a:effectLst>
                  <a:outerShdw blurRad="50800" dist="38100" dir="2700000" algn="tl" rotWithShape="0">
                    <a:prstClr val="black">
                      <a:alpha val="40000"/>
                    </a:prstClr>
                  </a:outerShdw>
                </a:effectLst>
              </a:rPr>
              <a:t>Catalysts for NH</a:t>
            </a:r>
            <a:r>
              <a:rPr lang="en-GB" sz="1800" i="1" baseline="-25000" dirty="0">
                <a:solidFill>
                  <a:schemeClr val="accent5"/>
                </a:solidFill>
                <a:effectLst>
                  <a:outerShdw blurRad="50800" dist="38100" dir="2700000" algn="tl" rotWithShape="0">
                    <a:prstClr val="black">
                      <a:alpha val="40000"/>
                    </a:prstClr>
                  </a:outerShdw>
                </a:effectLst>
              </a:rPr>
              <a:t>3</a:t>
            </a:r>
            <a:r>
              <a:rPr lang="en-GB" sz="1800" i="1" dirty="0">
                <a:solidFill>
                  <a:schemeClr val="accent5"/>
                </a:solidFill>
                <a:effectLst>
                  <a:outerShdw blurRad="50800" dist="38100" dir="2700000" algn="tl" rotWithShape="0">
                    <a:prstClr val="black">
                      <a:alpha val="40000"/>
                    </a:prstClr>
                  </a:outerShdw>
                </a:effectLst>
              </a:rPr>
              <a:t> decomposition</a:t>
            </a:r>
          </a:p>
          <a:p>
            <a:pPr marL="342900" indent="-342900">
              <a:lnSpc>
                <a:spcPct val="250000"/>
              </a:lnSpc>
              <a:buFont typeface="Arial" panose="020B0604020202020204" pitchFamily="34" charset="0"/>
              <a:buChar char="•"/>
            </a:pPr>
            <a:r>
              <a:rPr lang="en-GB" sz="1800" i="1" dirty="0">
                <a:solidFill>
                  <a:schemeClr val="accent5"/>
                </a:solidFill>
                <a:effectLst>
                  <a:outerShdw blurRad="50800" dist="38100" dir="2700000" algn="tl" rotWithShape="0">
                    <a:prstClr val="black">
                      <a:alpha val="40000"/>
                    </a:prstClr>
                  </a:outerShdw>
                </a:effectLst>
              </a:rPr>
              <a:t>Results</a:t>
            </a:r>
          </a:p>
          <a:p>
            <a:pPr marL="342900" indent="-342900">
              <a:lnSpc>
                <a:spcPct val="250000"/>
              </a:lnSpc>
              <a:buFont typeface="Arial" panose="020B0604020202020204" pitchFamily="34" charset="0"/>
              <a:buChar char="•"/>
            </a:pPr>
            <a:r>
              <a:rPr lang="en-GB" sz="1800" i="1" dirty="0">
                <a:solidFill>
                  <a:schemeClr val="accent5"/>
                </a:solidFill>
                <a:effectLst>
                  <a:outerShdw blurRad="50800" dist="38100" dir="2700000" algn="tl" rotWithShape="0">
                    <a:prstClr val="black">
                      <a:alpha val="40000"/>
                    </a:prstClr>
                  </a:outerShdw>
                </a:effectLst>
              </a:rPr>
              <a:t>Conclusions and Outlooks</a:t>
            </a: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2</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pic>
        <p:nvPicPr>
          <p:cNvPr id="9" name="Picture 2">
            <a:extLst>
              <a:ext uri="{FF2B5EF4-FFF2-40B4-BE49-F238E27FC236}">
                <a16:creationId xmlns:a16="http://schemas.microsoft.com/office/drawing/2014/main" id="{AA822EF6-61B2-4329-022B-9B084B10ED5B}"/>
              </a:ext>
            </a:extLst>
          </p:cNvPr>
          <p:cNvPicPr>
            <a:picLocks noChangeAspect="1" noChangeArrowheads="1"/>
          </p:cNvPicPr>
          <p:nvPr/>
        </p:nvPicPr>
        <p:blipFill rotWithShape="1">
          <a:blip r:embed="rId5">
            <a:extLst>
              <a:ext uri="{28A0092B-C50C-407E-A947-70E740481C1C}">
                <a14:useLocalDpi xmlns:a14="http://schemas.microsoft.com/office/drawing/2010/main" val="0"/>
              </a:ext>
            </a:extLst>
          </a:blip>
          <a:srcRect l="4822" t="1419" r="23766"/>
          <a:stretch/>
        </p:blipFill>
        <p:spPr bwMode="auto">
          <a:xfrm>
            <a:off x="4067944" y="0"/>
            <a:ext cx="5076056" cy="4572780"/>
          </a:xfrm>
          <a:prstGeom prst="rect">
            <a:avLst/>
          </a:prstGeom>
          <a:noFill/>
          <a:extLst>
            <a:ext uri="{909E8E84-426E-40DD-AFC4-6F175D3DCCD1}">
              <a14:hiddenFill xmlns:a14="http://schemas.microsoft.com/office/drawing/2010/main">
                <a:solidFill>
                  <a:srgbClr val="FFFFFF"/>
                </a:solidFill>
              </a14:hiddenFill>
            </a:ext>
          </a:extLst>
        </p:spPr>
      </p:pic>
      <p:cxnSp>
        <p:nvCxnSpPr>
          <p:cNvPr id="11" name="Straight Connector 10">
            <a:extLst>
              <a:ext uri="{FF2B5EF4-FFF2-40B4-BE49-F238E27FC236}">
                <a16:creationId xmlns:a16="http://schemas.microsoft.com/office/drawing/2014/main" id="{E1400543-5D03-0431-79CF-07F8A03E8429}"/>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216564372"/>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nodeType="afterEffect">
                                  <p:stCondLst>
                                    <p:cond delay="0"/>
                                  </p:stCondLst>
                                  <p:childTnLst>
                                    <p:set>
                                      <p:cBhvr>
                                        <p:cTn id="6" dur="1" fill="hold">
                                          <p:stCondLst>
                                            <p:cond delay="0"/>
                                          </p:stCondLst>
                                        </p:cTn>
                                        <p:tgtEl>
                                          <p:spTgt spid="8">
                                            <p:txEl>
                                              <p:pRg st="0" end="0"/>
                                            </p:txEl>
                                          </p:spTgt>
                                        </p:tgtEl>
                                        <p:attrNameLst>
                                          <p:attrName>style.visibility</p:attrName>
                                        </p:attrNameLst>
                                      </p:cBhvr>
                                      <p:to>
                                        <p:strVal val="visible"/>
                                      </p:to>
                                    </p:set>
                                    <p:animEffect transition="in" filter="wipe(left)">
                                      <p:cBhvr>
                                        <p:cTn id="7" dur="750"/>
                                        <p:tgtEl>
                                          <p:spTgt spid="8">
                                            <p:txEl>
                                              <p:pRg st="0" end="0"/>
                                            </p:txEl>
                                          </p:spTgt>
                                        </p:tgtEl>
                                      </p:cBhvr>
                                    </p:animEffect>
                                  </p:childTnLst>
                                </p:cTn>
                              </p:par>
                            </p:childTnLst>
                          </p:cTn>
                        </p:par>
                        <p:par>
                          <p:cTn id="8" fill="hold">
                            <p:stCondLst>
                              <p:cond delay="750"/>
                            </p:stCondLst>
                            <p:childTnLst>
                              <p:par>
                                <p:cTn id="9" presetID="22" presetClass="entr" presetSubtype="8" fill="hold" nodeType="afterEffect">
                                  <p:stCondLst>
                                    <p:cond delay="0"/>
                                  </p:stCondLst>
                                  <p:childTnLst>
                                    <p:set>
                                      <p:cBhvr>
                                        <p:cTn id="10" dur="1" fill="hold">
                                          <p:stCondLst>
                                            <p:cond delay="0"/>
                                          </p:stCondLst>
                                        </p:cTn>
                                        <p:tgtEl>
                                          <p:spTgt spid="8">
                                            <p:txEl>
                                              <p:pRg st="1" end="1"/>
                                            </p:txEl>
                                          </p:spTgt>
                                        </p:tgtEl>
                                        <p:attrNameLst>
                                          <p:attrName>style.visibility</p:attrName>
                                        </p:attrNameLst>
                                      </p:cBhvr>
                                      <p:to>
                                        <p:strVal val="visible"/>
                                      </p:to>
                                    </p:set>
                                    <p:animEffect transition="in" filter="wipe(left)">
                                      <p:cBhvr>
                                        <p:cTn id="11" dur="750"/>
                                        <p:tgtEl>
                                          <p:spTgt spid="8">
                                            <p:txEl>
                                              <p:pRg st="1" end="1"/>
                                            </p:txEl>
                                          </p:spTgt>
                                        </p:tgtEl>
                                      </p:cBhvr>
                                    </p:animEffect>
                                  </p:childTnLst>
                                </p:cTn>
                              </p:par>
                            </p:childTnLst>
                          </p:cTn>
                        </p:par>
                        <p:par>
                          <p:cTn id="12" fill="hold">
                            <p:stCondLst>
                              <p:cond delay="1500"/>
                            </p:stCondLst>
                            <p:childTnLst>
                              <p:par>
                                <p:cTn id="13" presetID="22" presetClass="entr" presetSubtype="8" fill="hold" nodeType="afterEffect">
                                  <p:stCondLst>
                                    <p:cond delay="0"/>
                                  </p:stCondLst>
                                  <p:childTnLst>
                                    <p:set>
                                      <p:cBhvr>
                                        <p:cTn id="14" dur="1" fill="hold">
                                          <p:stCondLst>
                                            <p:cond delay="0"/>
                                          </p:stCondLst>
                                        </p:cTn>
                                        <p:tgtEl>
                                          <p:spTgt spid="8">
                                            <p:txEl>
                                              <p:pRg st="2" end="2"/>
                                            </p:txEl>
                                          </p:spTgt>
                                        </p:tgtEl>
                                        <p:attrNameLst>
                                          <p:attrName>style.visibility</p:attrName>
                                        </p:attrNameLst>
                                      </p:cBhvr>
                                      <p:to>
                                        <p:strVal val="visible"/>
                                      </p:to>
                                    </p:set>
                                    <p:animEffect transition="in" filter="wipe(left)">
                                      <p:cBhvr>
                                        <p:cTn id="15" dur="750"/>
                                        <p:tgtEl>
                                          <p:spTgt spid="8">
                                            <p:txEl>
                                              <p:pRg st="2" end="2"/>
                                            </p:txEl>
                                          </p:spTgt>
                                        </p:tgtEl>
                                      </p:cBhvr>
                                    </p:animEffect>
                                  </p:childTnLst>
                                </p:cTn>
                              </p:par>
                            </p:childTnLst>
                          </p:cTn>
                        </p:par>
                        <p:par>
                          <p:cTn id="16" fill="hold">
                            <p:stCondLst>
                              <p:cond delay="2250"/>
                            </p:stCondLst>
                            <p:childTnLst>
                              <p:par>
                                <p:cTn id="17" presetID="22" presetClass="entr" presetSubtype="8" fill="hold" nodeType="afterEffect">
                                  <p:stCondLst>
                                    <p:cond delay="0"/>
                                  </p:stCondLst>
                                  <p:childTnLst>
                                    <p:set>
                                      <p:cBhvr>
                                        <p:cTn id="18" dur="1" fill="hold">
                                          <p:stCondLst>
                                            <p:cond delay="0"/>
                                          </p:stCondLst>
                                        </p:cTn>
                                        <p:tgtEl>
                                          <p:spTgt spid="8">
                                            <p:txEl>
                                              <p:pRg st="3" end="3"/>
                                            </p:txEl>
                                          </p:spTgt>
                                        </p:tgtEl>
                                        <p:attrNameLst>
                                          <p:attrName>style.visibility</p:attrName>
                                        </p:attrNameLst>
                                      </p:cBhvr>
                                      <p:to>
                                        <p:strVal val="visible"/>
                                      </p:to>
                                    </p:set>
                                    <p:animEffect transition="in" filter="wipe(left)">
                                      <p:cBhvr>
                                        <p:cTn id="19" dur="750"/>
                                        <p:tgtEl>
                                          <p:spTgt spid="8">
                                            <p:txEl>
                                              <p:pRg st="3" end="3"/>
                                            </p:txEl>
                                          </p:spTgt>
                                        </p:tgtEl>
                                      </p:cBhvr>
                                    </p:animEffect>
                                  </p:childTnLst>
                                </p:cTn>
                              </p:par>
                            </p:childTnLst>
                          </p:cTn>
                        </p:par>
                        <p:par>
                          <p:cTn id="20" fill="hold">
                            <p:stCondLst>
                              <p:cond delay="3000"/>
                            </p:stCondLst>
                            <p:childTnLst>
                              <p:par>
                                <p:cTn id="21" presetID="22" presetClass="entr" presetSubtype="8" fill="hold" nodeType="afterEffect">
                                  <p:stCondLst>
                                    <p:cond delay="0"/>
                                  </p:stCondLst>
                                  <p:childTnLst>
                                    <p:set>
                                      <p:cBhvr>
                                        <p:cTn id="22" dur="1" fill="hold">
                                          <p:stCondLst>
                                            <p:cond delay="0"/>
                                          </p:stCondLst>
                                        </p:cTn>
                                        <p:tgtEl>
                                          <p:spTgt spid="8">
                                            <p:txEl>
                                              <p:pRg st="4" end="4"/>
                                            </p:txEl>
                                          </p:spTgt>
                                        </p:tgtEl>
                                        <p:attrNameLst>
                                          <p:attrName>style.visibility</p:attrName>
                                        </p:attrNameLst>
                                      </p:cBhvr>
                                      <p:to>
                                        <p:strVal val="visible"/>
                                      </p:to>
                                    </p:set>
                                    <p:animEffect transition="in" filter="wipe(left)">
                                      <p:cBhvr>
                                        <p:cTn id="23" dur="750"/>
                                        <p:tgtEl>
                                          <p:spTgt spid="8">
                                            <p:txEl>
                                              <p:pRg st="4" end="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20</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haracterization</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X-Ray Diffractometry analysis</a:t>
            </a:r>
          </a:p>
        </p:txBody>
      </p:sp>
      <p:graphicFrame>
        <p:nvGraphicFramePr>
          <p:cNvPr id="7" name="Chart 6">
            <a:extLst>
              <a:ext uri="{FF2B5EF4-FFF2-40B4-BE49-F238E27FC236}">
                <a16:creationId xmlns:a16="http://schemas.microsoft.com/office/drawing/2014/main" id="{F2E58993-7BB4-436E-9B8C-729CCCCF1A67}"/>
              </a:ext>
            </a:extLst>
          </p:cNvPr>
          <p:cNvGraphicFramePr>
            <a:graphicFrameLocks/>
          </p:cNvGraphicFramePr>
          <p:nvPr>
            <p:extLst>
              <p:ext uri="{D42A27DB-BD31-4B8C-83A1-F6EECF244321}">
                <p14:modId xmlns:p14="http://schemas.microsoft.com/office/powerpoint/2010/main" val="1642609322"/>
              </p:ext>
            </p:extLst>
          </p:nvPr>
        </p:nvGraphicFramePr>
        <p:xfrm>
          <a:off x="1563462" y="814947"/>
          <a:ext cx="6017076" cy="3239234"/>
        </p:xfrm>
        <a:graphic>
          <a:graphicData uri="http://schemas.openxmlformats.org/drawingml/2006/chart">
            <c:chart xmlns:c="http://schemas.openxmlformats.org/drawingml/2006/chart" xmlns:r="http://schemas.openxmlformats.org/officeDocument/2006/relationships" r:id="rId5"/>
          </a:graphicData>
        </a:graphic>
      </p:graphicFrame>
      <p:sp>
        <p:nvSpPr>
          <p:cNvPr id="12" name="CasellaDiTesto 16">
            <a:extLst>
              <a:ext uri="{FF2B5EF4-FFF2-40B4-BE49-F238E27FC236}">
                <a16:creationId xmlns:a16="http://schemas.microsoft.com/office/drawing/2014/main" id="{2513CE1E-9676-E436-93F5-10212F82FC33}"/>
              </a:ext>
            </a:extLst>
          </p:cNvPr>
          <p:cNvSpPr txBox="1"/>
          <p:nvPr/>
        </p:nvSpPr>
        <p:spPr>
          <a:xfrm>
            <a:off x="401758" y="4034201"/>
            <a:ext cx="8346705" cy="371768"/>
          </a:xfrm>
          <a:prstGeom prst="rect">
            <a:avLst/>
          </a:prstGeom>
          <a:noFill/>
        </p:spPr>
        <p:txBody>
          <a:bodyPr wrap="square" rtlCol="0">
            <a:spAutoFit/>
          </a:bodyPr>
          <a:lstStyle/>
          <a:p>
            <a:pPr algn="ctr">
              <a:lnSpc>
                <a:spcPct val="150000"/>
              </a:lnSpc>
            </a:pPr>
            <a:r>
              <a:rPr lang="en-US" b="1" i="1" dirty="0">
                <a:solidFill>
                  <a:srgbClr val="C00000"/>
                </a:solidFill>
              </a:rPr>
              <a:t>Main peaks' location for cubic lattice of CeO</a:t>
            </a:r>
            <a:r>
              <a:rPr lang="en-US" b="1" i="1" baseline="-25000" dirty="0">
                <a:solidFill>
                  <a:srgbClr val="C00000"/>
                </a:solidFill>
              </a:rPr>
              <a:t>2</a:t>
            </a:r>
            <a:r>
              <a:rPr lang="en-US" b="1" i="1" dirty="0">
                <a:solidFill>
                  <a:srgbClr val="C00000"/>
                </a:solidFill>
              </a:rPr>
              <a:t> : 28.5° , 33.1° , 47.5° , 56.4° , 58.2° , 69.5° , 76.0° , 77.9° </a:t>
            </a:r>
            <a:endParaRPr lang="en-US" i="1" dirty="0">
              <a:solidFill>
                <a:srgbClr val="C00000"/>
              </a:solidFill>
            </a:endParaRPr>
          </a:p>
        </p:txBody>
      </p:sp>
      <p:sp>
        <p:nvSpPr>
          <p:cNvPr id="9" name="Tijdelijke aanduiding voor inhoud 2">
            <a:extLst>
              <a:ext uri="{FF2B5EF4-FFF2-40B4-BE49-F238E27FC236}">
                <a16:creationId xmlns:a16="http://schemas.microsoft.com/office/drawing/2014/main" id="{5BA5B3D7-2245-2D56-71A5-3B91DD034E2F}"/>
              </a:ext>
            </a:extLst>
          </p:cNvPr>
          <p:cNvSpPr txBox="1">
            <a:spLocks/>
          </p:cNvSpPr>
          <p:nvPr/>
        </p:nvSpPr>
        <p:spPr>
          <a:xfrm>
            <a:off x="232339" y="4439508"/>
            <a:ext cx="8352926" cy="124592"/>
          </a:xfrm>
          <a:prstGeom prst="rect">
            <a:avLst/>
          </a:prstGeom>
        </p:spPr>
        <p:txBody>
          <a:bodyPr vert="horz" lIns="0" tIns="0" rIns="0" bIns="0" rtlCol="0" anchor="t">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defRPr/>
            </a:pPr>
            <a:r>
              <a:rPr lang="en-US" sz="700" dirty="0">
                <a:solidFill>
                  <a:srgbClr val="101073"/>
                </a:solidFill>
              </a:rPr>
              <a:t>[23] </a:t>
            </a:r>
            <a:r>
              <a:rPr lang="en-US" sz="700" b="1" dirty="0">
                <a:solidFill>
                  <a:srgbClr val="101073"/>
                </a:solidFill>
              </a:rPr>
              <a:t>Peng Z. et al. </a:t>
            </a:r>
            <a:r>
              <a:rPr lang="en-US" sz="700" dirty="0">
                <a:solidFill>
                  <a:srgbClr val="101073"/>
                </a:solidFill>
              </a:rPr>
              <a:t>– </a:t>
            </a:r>
            <a:r>
              <a:rPr lang="en-US" sz="700" i="1" dirty="0">
                <a:solidFill>
                  <a:srgbClr val="101073"/>
                </a:solidFill>
              </a:rPr>
              <a:t>Uniform dispersion of ultrafine ruthenium nanoparticles on nano-cube ceria as efficient catalysts for hydrogen production from ammonia-borane hydrolysis</a:t>
            </a:r>
            <a:r>
              <a:rPr lang="en-US" sz="700" dirty="0">
                <a:solidFill>
                  <a:srgbClr val="101073"/>
                </a:solidFill>
              </a:rPr>
              <a:t>, Sustain. Energy Fuels, v. 7, 821-831 (2022)</a:t>
            </a:r>
            <a:endParaRPr lang="it-IT" sz="700" dirty="0">
              <a:solidFill>
                <a:srgbClr val="101073"/>
              </a:solidFill>
              <a:effectLst/>
            </a:endParaRPr>
          </a:p>
          <a:p>
            <a:pPr marL="0" marR="0" lvl="0" indent="0" algn="just" defTabSz="685800" rtl="0" eaLnBrk="1" fontAlgn="auto" latinLnBrk="0" hangingPunct="1">
              <a:lnSpc>
                <a:spcPct val="100000"/>
              </a:lnSpc>
              <a:spcBef>
                <a:spcPts val="0"/>
              </a:spcBef>
              <a:spcAft>
                <a:spcPts val="0"/>
              </a:spcAft>
              <a:buClrTx/>
              <a:buSzTx/>
              <a:buFont typeface="Arial" panose="020B0604020202020204" pitchFamily="34" charset="0"/>
              <a:buNone/>
              <a:tabLst/>
              <a:defRPr/>
            </a:pPr>
            <a:endParaRPr lang="en-US" sz="700" dirty="0">
              <a:solidFill>
                <a:srgbClr val="101073"/>
              </a:solidFill>
            </a:endParaRPr>
          </a:p>
        </p:txBody>
      </p:sp>
    </p:spTree>
    <p:extLst>
      <p:ext uri="{BB962C8B-B14F-4D97-AF65-F5344CB8AC3E}">
        <p14:creationId xmlns:p14="http://schemas.microsoft.com/office/powerpoint/2010/main" val="1279343189"/>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grpId="0" nodeType="afterEffect">
                                  <p:stCondLst>
                                    <p:cond delay="0"/>
                                  </p:stCondLst>
                                  <p:childTnLst>
                                    <p:set>
                                      <p:cBhvr>
                                        <p:cTn id="6" dur="1" fill="hold">
                                          <p:stCondLst>
                                            <p:cond delay="0"/>
                                          </p:stCondLst>
                                        </p:cTn>
                                        <p:tgtEl>
                                          <p:spTgt spid="12">
                                            <p:txEl>
                                              <p:pRg st="0" end="0"/>
                                            </p:txEl>
                                          </p:spTgt>
                                        </p:tgtEl>
                                        <p:attrNameLst>
                                          <p:attrName>style.visibility</p:attrName>
                                        </p:attrNameLst>
                                      </p:cBhvr>
                                      <p:to>
                                        <p:strVal val="visible"/>
                                      </p:to>
                                    </p:set>
                                    <p:animEffect transition="in" filter="wipe(up)">
                                      <p:cBhvr>
                                        <p:cTn id="7" dur="1000"/>
                                        <p:tgtEl>
                                          <p:spTgt spid="12">
                                            <p:txEl>
                                              <p:pRg st="0" end="0"/>
                                            </p:txEl>
                                          </p:spTgt>
                                        </p:tgtEl>
                                      </p:cBhvr>
                                    </p:animEffect>
                                  </p:childTnLst>
                                </p:cTn>
                              </p:par>
                            </p:childTnLst>
                          </p:cTn>
                        </p:par>
                        <p:par>
                          <p:cTn id="8" fill="hold">
                            <p:stCondLst>
                              <p:cond delay="1000"/>
                            </p:stCondLst>
                            <p:childTnLst>
                              <p:par>
                                <p:cTn id="9" presetID="22" presetClass="entr" presetSubtype="8" fill="hold" grpId="0" nodeType="afterEffect">
                                  <p:stCondLst>
                                    <p:cond delay="0"/>
                                  </p:stCondLst>
                                  <p:childTnLst>
                                    <p:set>
                                      <p:cBhvr>
                                        <p:cTn id="10" dur="1" fill="hold">
                                          <p:stCondLst>
                                            <p:cond delay="0"/>
                                          </p:stCondLst>
                                        </p:cTn>
                                        <p:tgtEl>
                                          <p:spTgt spid="9"/>
                                        </p:tgtEl>
                                        <p:attrNameLst>
                                          <p:attrName>style.visibility</p:attrName>
                                        </p:attrNameLst>
                                      </p:cBhvr>
                                      <p:to>
                                        <p:strVal val="visible"/>
                                      </p:to>
                                    </p:set>
                                    <p:animEffect transition="in" filter="wipe(left)">
                                      <p:cBhvr>
                                        <p:cTn id="11" dur="10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build="p"/>
      <p:bldP spid="9" grpId="0"/>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21</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haracterization</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H2 – Temperature Programmed Reduction</a:t>
            </a:r>
          </a:p>
        </p:txBody>
      </p:sp>
      <p:pic>
        <p:nvPicPr>
          <p:cNvPr id="10" name="Picture 9">
            <a:extLst>
              <a:ext uri="{FF2B5EF4-FFF2-40B4-BE49-F238E27FC236}">
                <a16:creationId xmlns:a16="http://schemas.microsoft.com/office/drawing/2014/main" id="{C91748D6-35B8-C80A-D802-472F733DD71F}"/>
              </a:ext>
            </a:extLst>
          </p:cNvPr>
          <p:cNvPicPr>
            <a:picLocks noChangeAspect="1"/>
          </p:cNvPicPr>
          <p:nvPr/>
        </p:nvPicPr>
        <p:blipFill>
          <a:blip r:embed="rId5"/>
          <a:stretch>
            <a:fillRect/>
          </a:stretch>
        </p:blipFill>
        <p:spPr>
          <a:xfrm>
            <a:off x="1893127" y="737742"/>
            <a:ext cx="4702070" cy="3600000"/>
          </a:xfrm>
          <a:prstGeom prst="rect">
            <a:avLst/>
          </a:prstGeom>
        </p:spPr>
      </p:pic>
    </p:spTree>
    <p:extLst>
      <p:ext uri="{BB962C8B-B14F-4D97-AF65-F5344CB8AC3E}">
        <p14:creationId xmlns:p14="http://schemas.microsoft.com/office/powerpoint/2010/main" val="3112136956"/>
      </p:ext>
    </p:extLst>
  </p:cSld>
  <p:clrMapOvr>
    <a:masterClrMapping/>
  </p:clrMapOvr>
  <p:transition spd="med">
    <p:pull/>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22</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haracterization</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XPS deconvoluted spectra Cerium 3d</a:t>
            </a:r>
          </a:p>
        </p:txBody>
      </p:sp>
      <p:pic>
        <p:nvPicPr>
          <p:cNvPr id="7" name="Picture 6">
            <a:extLst>
              <a:ext uri="{FF2B5EF4-FFF2-40B4-BE49-F238E27FC236}">
                <a16:creationId xmlns:a16="http://schemas.microsoft.com/office/drawing/2014/main" id="{84050689-F020-45ED-F545-BAA13AEE532E}"/>
              </a:ext>
            </a:extLst>
          </p:cNvPr>
          <p:cNvPicPr>
            <a:picLocks noChangeAspect="1"/>
          </p:cNvPicPr>
          <p:nvPr/>
        </p:nvPicPr>
        <p:blipFill rotWithShape="1">
          <a:blip r:embed="rId5" cstate="print">
            <a:extLst>
              <a:ext uri="{28A0092B-C50C-407E-A947-70E740481C1C}">
                <a14:useLocalDpi xmlns:a14="http://schemas.microsoft.com/office/drawing/2010/main" val="0"/>
              </a:ext>
            </a:extLst>
          </a:blip>
          <a:srcRect t="3220" b="-1"/>
          <a:stretch/>
        </p:blipFill>
        <p:spPr>
          <a:xfrm>
            <a:off x="4572000" y="1133866"/>
            <a:ext cx="3858156" cy="3084305"/>
          </a:xfrm>
          <a:prstGeom prst="rect">
            <a:avLst/>
          </a:prstGeom>
        </p:spPr>
      </p:pic>
      <p:pic>
        <p:nvPicPr>
          <p:cNvPr id="16" name="Picture 15">
            <a:extLst>
              <a:ext uri="{FF2B5EF4-FFF2-40B4-BE49-F238E27FC236}">
                <a16:creationId xmlns:a16="http://schemas.microsoft.com/office/drawing/2014/main" id="{F40575C1-E552-F0A5-18EB-D47CD9C2EA28}"/>
              </a:ext>
            </a:extLst>
          </p:cNvPr>
          <p:cNvPicPr>
            <a:picLocks noChangeAspect="1"/>
          </p:cNvPicPr>
          <p:nvPr/>
        </p:nvPicPr>
        <p:blipFill rotWithShape="1">
          <a:blip r:embed="rId6" cstate="print">
            <a:extLst>
              <a:ext uri="{28A0092B-C50C-407E-A947-70E740481C1C}">
                <a14:useLocalDpi xmlns:a14="http://schemas.microsoft.com/office/drawing/2010/main" val="0"/>
              </a:ext>
            </a:extLst>
          </a:blip>
          <a:srcRect t="3286"/>
          <a:stretch/>
        </p:blipFill>
        <p:spPr>
          <a:xfrm>
            <a:off x="467544" y="1147527"/>
            <a:ext cx="3920619" cy="3132101"/>
          </a:xfrm>
          <a:prstGeom prst="rect">
            <a:avLst/>
          </a:prstGeom>
        </p:spPr>
      </p:pic>
      <p:sp>
        <p:nvSpPr>
          <p:cNvPr id="9" name="Tijdelijke aanduiding voor inhoud 2">
            <a:extLst>
              <a:ext uri="{FF2B5EF4-FFF2-40B4-BE49-F238E27FC236}">
                <a16:creationId xmlns:a16="http://schemas.microsoft.com/office/drawing/2014/main" id="{0B43124C-167C-7533-3B1A-D2B63A37A9F7}"/>
              </a:ext>
            </a:extLst>
          </p:cNvPr>
          <p:cNvSpPr txBox="1">
            <a:spLocks/>
          </p:cNvSpPr>
          <p:nvPr/>
        </p:nvSpPr>
        <p:spPr>
          <a:xfrm>
            <a:off x="232339" y="4318649"/>
            <a:ext cx="8352926" cy="245451"/>
          </a:xfrm>
          <a:prstGeom prst="rect">
            <a:avLst/>
          </a:prstGeom>
        </p:spPr>
        <p:txBody>
          <a:bodyPr vert="horz" lIns="0" tIns="0" rIns="0" bIns="0" rtlCol="0" anchor="t">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defRPr/>
            </a:pPr>
            <a:endParaRPr lang="en-US" sz="700" dirty="0">
              <a:solidFill>
                <a:srgbClr val="101073"/>
              </a:solidFill>
              <a:effectLst/>
            </a:endParaRPr>
          </a:p>
          <a:p>
            <a:pPr algn="just">
              <a:defRPr/>
            </a:pPr>
            <a:r>
              <a:rPr lang="en-US" sz="700" dirty="0">
                <a:solidFill>
                  <a:srgbClr val="101073"/>
                </a:solidFill>
                <a:effectLst/>
              </a:rPr>
              <a:t>[</a:t>
            </a:r>
            <a:r>
              <a:rPr lang="en-US" sz="700" dirty="0">
                <a:solidFill>
                  <a:srgbClr val="101073"/>
                </a:solidFill>
              </a:rPr>
              <a:t>24</a:t>
            </a:r>
            <a:r>
              <a:rPr lang="en-US" sz="700" dirty="0">
                <a:solidFill>
                  <a:srgbClr val="101073"/>
                </a:solidFill>
                <a:effectLst/>
              </a:rPr>
              <a:t>] </a:t>
            </a:r>
            <a:r>
              <a:rPr lang="en-US" sz="700" b="1" dirty="0">
                <a:solidFill>
                  <a:srgbClr val="101073"/>
                </a:solidFill>
              </a:rPr>
              <a:t>Lin B</a:t>
            </a:r>
            <a:r>
              <a:rPr lang="en-US" sz="700" b="1" dirty="0">
                <a:solidFill>
                  <a:srgbClr val="101073"/>
                </a:solidFill>
                <a:effectLst/>
              </a:rPr>
              <a:t>. et al. </a:t>
            </a:r>
            <a:r>
              <a:rPr lang="en-US" sz="700" dirty="0">
                <a:solidFill>
                  <a:srgbClr val="101073"/>
                </a:solidFill>
                <a:effectLst/>
              </a:rPr>
              <a:t>– </a:t>
            </a:r>
            <a:r>
              <a:rPr lang="en-US" sz="700" i="1" dirty="0">
                <a:solidFill>
                  <a:srgbClr val="101073"/>
                </a:solidFill>
              </a:rPr>
              <a:t>Effect of ceria morphology on the catalytic activity of Co/CeO2 catalyst for ammonia synthesis</a:t>
            </a:r>
            <a:r>
              <a:rPr lang="en-US" sz="700" dirty="0">
                <a:solidFill>
                  <a:srgbClr val="101073"/>
                </a:solidFill>
                <a:effectLst/>
              </a:rPr>
              <a:t> – </a:t>
            </a:r>
            <a:r>
              <a:rPr lang="en-US" sz="700" dirty="0">
                <a:solidFill>
                  <a:srgbClr val="101073"/>
                </a:solidFill>
              </a:rPr>
              <a:t>Catalysis  Communication</a:t>
            </a:r>
            <a:r>
              <a:rPr lang="en-US" sz="700" dirty="0">
                <a:solidFill>
                  <a:srgbClr val="101073"/>
                </a:solidFill>
                <a:effectLst/>
              </a:rPr>
              <a:t> v. 101, 15-19 (2017)</a:t>
            </a:r>
          </a:p>
          <a:p>
            <a:pPr algn="just">
              <a:defRPr/>
            </a:pPr>
            <a:endParaRPr lang="it-IT" sz="700" dirty="0">
              <a:solidFill>
                <a:srgbClr val="101073"/>
              </a:solidFill>
              <a:effectLst/>
            </a:endParaRPr>
          </a:p>
          <a:p>
            <a:pPr marL="0" marR="0" lvl="0" indent="0" algn="just" defTabSz="685800" rtl="0" eaLnBrk="1" fontAlgn="auto" latinLnBrk="0" hangingPunct="1">
              <a:lnSpc>
                <a:spcPct val="100000"/>
              </a:lnSpc>
              <a:spcBef>
                <a:spcPts val="0"/>
              </a:spcBef>
              <a:spcAft>
                <a:spcPts val="0"/>
              </a:spcAft>
              <a:buClrTx/>
              <a:buSzTx/>
              <a:buFont typeface="Arial" panose="020B0604020202020204" pitchFamily="34" charset="0"/>
              <a:buNone/>
              <a:tabLst/>
              <a:defRPr/>
            </a:pPr>
            <a:endParaRPr lang="en-US" sz="700" dirty="0">
              <a:solidFill>
                <a:srgbClr val="101073"/>
              </a:solidFill>
            </a:endParaRPr>
          </a:p>
        </p:txBody>
      </p:sp>
      <p:sp>
        <p:nvSpPr>
          <p:cNvPr id="17" name="Titel 1">
            <a:extLst>
              <a:ext uri="{FF2B5EF4-FFF2-40B4-BE49-F238E27FC236}">
                <a16:creationId xmlns:a16="http://schemas.microsoft.com/office/drawing/2014/main" id="{E3199E1C-C215-AA0D-565D-519E3A29B281}"/>
              </a:ext>
            </a:extLst>
          </p:cNvPr>
          <p:cNvSpPr txBox="1">
            <a:spLocks/>
          </p:cNvSpPr>
          <p:nvPr/>
        </p:nvSpPr>
        <p:spPr>
          <a:xfrm>
            <a:off x="965200" y="1146626"/>
            <a:ext cx="1666239" cy="1139373"/>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400" i="1" dirty="0">
                <a:solidFill>
                  <a:srgbClr val="002060"/>
                </a:solidFill>
              </a:rPr>
              <a:t>5Ru/ CeO</a:t>
            </a:r>
            <a:r>
              <a:rPr lang="en-US" sz="1400" i="1" baseline="-25000" dirty="0">
                <a:solidFill>
                  <a:srgbClr val="002060"/>
                </a:solidFill>
              </a:rPr>
              <a:t>2</a:t>
            </a:r>
          </a:p>
          <a:p>
            <a:r>
              <a:rPr lang="en-US" sz="2000" i="1" baseline="-25000" dirty="0">
                <a:solidFill>
                  <a:srgbClr val="C00000"/>
                </a:solidFill>
              </a:rPr>
              <a:t>[Ce</a:t>
            </a:r>
            <a:r>
              <a:rPr lang="en-US" sz="2000" i="1" baseline="5000" dirty="0">
                <a:solidFill>
                  <a:srgbClr val="C00000"/>
                </a:solidFill>
              </a:rPr>
              <a:t>3+</a:t>
            </a:r>
            <a:r>
              <a:rPr lang="en-US" sz="2000" i="1" baseline="-25000" dirty="0">
                <a:solidFill>
                  <a:srgbClr val="C00000"/>
                </a:solidFill>
              </a:rPr>
              <a:t>] = 39%</a:t>
            </a:r>
          </a:p>
        </p:txBody>
      </p:sp>
      <p:sp>
        <p:nvSpPr>
          <p:cNvPr id="13" name="Titel 1">
            <a:extLst>
              <a:ext uri="{FF2B5EF4-FFF2-40B4-BE49-F238E27FC236}">
                <a16:creationId xmlns:a16="http://schemas.microsoft.com/office/drawing/2014/main" id="{7130D47E-5900-EE7C-3140-D7B8B6DE6BFF}"/>
              </a:ext>
            </a:extLst>
          </p:cNvPr>
          <p:cNvSpPr txBox="1">
            <a:spLocks/>
          </p:cNvSpPr>
          <p:nvPr/>
        </p:nvSpPr>
        <p:spPr>
          <a:xfrm>
            <a:off x="5069840" y="1133866"/>
            <a:ext cx="1642490" cy="1139373"/>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400" i="1" dirty="0">
                <a:solidFill>
                  <a:srgbClr val="002060"/>
                </a:solidFill>
              </a:rPr>
              <a:t>2Cs-5Ru/ CeO</a:t>
            </a:r>
            <a:r>
              <a:rPr lang="en-US" sz="1400" i="1" baseline="-25000" dirty="0">
                <a:solidFill>
                  <a:srgbClr val="002060"/>
                </a:solidFill>
              </a:rPr>
              <a:t>2</a:t>
            </a:r>
          </a:p>
          <a:p>
            <a:r>
              <a:rPr lang="en-US" sz="2000" i="1" baseline="-25000" dirty="0">
                <a:solidFill>
                  <a:srgbClr val="C00000"/>
                </a:solidFill>
              </a:rPr>
              <a:t>[Ce</a:t>
            </a:r>
            <a:r>
              <a:rPr lang="en-US" sz="2000" i="1" baseline="5000" dirty="0">
                <a:solidFill>
                  <a:srgbClr val="C00000"/>
                </a:solidFill>
              </a:rPr>
              <a:t>3+</a:t>
            </a:r>
            <a:r>
              <a:rPr lang="en-US" sz="2000" i="1" baseline="-25000" dirty="0">
                <a:solidFill>
                  <a:srgbClr val="C00000"/>
                </a:solidFill>
              </a:rPr>
              <a:t>]= 44%</a:t>
            </a:r>
          </a:p>
        </p:txBody>
      </p:sp>
    </p:spTree>
    <p:extLst>
      <p:ext uri="{BB962C8B-B14F-4D97-AF65-F5344CB8AC3E}">
        <p14:creationId xmlns:p14="http://schemas.microsoft.com/office/powerpoint/2010/main" val="3252271287"/>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nodeType="afterEffect">
                                  <p:stCondLst>
                                    <p:cond delay="0"/>
                                  </p:stCondLst>
                                  <p:childTnLst>
                                    <p:set>
                                      <p:cBhvr>
                                        <p:cTn id="6" dur="1" fill="hold">
                                          <p:stCondLst>
                                            <p:cond delay="0"/>
                                          </p:stCondLst>
                                        </p:cTn>
                                        <p:tgtEl>
                                          <p:spTgt spid="16"/>
                                        </p:tgtEl>
                                        <p:attrNameLst>
                                          <p:attrName>style.visibility</p:attrName>
                                        </p:attrNameLst>
                                      </p:cBhvr>
                                      <p:to>
                                        <p:strVal val="visible"/>
                                      </p:to>
                                    </p:set>
                                    <p:animEffect transition="in" filter="fade">
                                      <p:cBhvr>
                                        <p:cTn id="7" dur="1000"/>
                                        <p:tgtEl>
                                          <p:spTgt spid="16"/>
                                        </p:tgtEl>
                                      </p:cBhvr>
                                    </p:animEffect>
                                    <p:anim calcmode="lin" valueType="num">
                                      <p:cBhvr>
                                        <p:cTn id="8" dur="1000" fill="hold"/>
                                        <p:tgtEl>
                                          <p:spTgt spid="16"/>
                                        </p:tgtEl>
                                        <p:attrNameLst>
                                          <p:attrName>ppt_x</p:attrName>
                                        </p:attrNameLst>
                                      </p:cBhvr>
                                      <p:tavLst>
                                        <p:tav tm="0">
                                          <p:val>
                                            <p:strVal val="#ppt_x"/>
                                          </p:val>
                                        </p:tav>
                                        <p:tav tm="100000">
                                          <p:val>
                                            <p:strVal val="#ppt_x"/>
                                          </p:val>
                                        </p:tav>
                                      </p:tavLst>
                                    </p:anim>
                                    <p:anim calcmode="lin" valueType="num">
                                      <p:cBhvr>
                                        <p:cTn id="9" dur="1000" fill="hold"/>
                                        <p:tgtEl>
                                          <p:spTgt spid="16"/>
                                        </p:tgtEl>
                                        <p:attrNameLst>
                                          <p:attrName>ppt_y</p:attrName>
                                        </p:attrNameLst>
                                      </p:cBhvr>
                                      <p:tavLst>
                                        <p:tav tm="0">
                                          <p:val>
                                            <p:strVal val="#ppt_y+.1"/>
                                          </p:val>
                                        </p:tav>
                                        <p:tav tm="100000">
                                          <p:val>
                                            <p:strVal val="#ppt_y"/>
                                          </p:val>
                                        </p:tav>
                                      </p:tavLst>
                                    </p:anim>
                                  </p:childTnLst>
                                </p:cTn>
                              </p:par>
                            </p:childTnLst>
                          </p:cTn>
                        </p:par>
                        <p:par>
                          <p:cTn id="10" fill="hold">
                            <p:stCondLst>
                              <p:cond delay="1000"/>
                            </p:stCondLst>
                            <p:childTnLst>
                              <p:par>
                                <p:cTn id="11" presetID="42" presetClass="entr" presetSubtype="0" fill="hold" nodeType="afterEffect">
                                  <p:stCondLst>
                                    <p:cond delay="500"/>
                                  </p:stCondLst>
                                  <p:childTnLst>
                                    <p:set>
                                      <p:cBhvr>
                                        <p:cTn id="12" dur="1" fill="hold">
                                          <p:stCondLst>
                                            <p:cond delay="0"/>
                                          </p:stCondLst>
                                        </p:cTn>
                                        <p:tgtEl>
                                          <p:spTgt spid="7"/>
                                        </p:tgtEl>
                                        <p:attrNameLst>
                                          <p:attrName>style.visibility</p:attrName>
                                        </p:attrNameLst>
                                      </p:cBhvr>
                                      <p:to>
                                        <p:strVal val="visible"/>
                                      </p:to>
                                    </p:set>
                                    <p:animEffect transition="in" filter="fade">
                                      <p:cBhvr>
                                        <p:cTn id="13" dur="1000"/>
                                        <p:tgtEl>
                                          <p:spTgt spid="7"/>
                                        </p:tgtEl>
                                      </p:cBhvr>
                                    </p:animEffect>
                                    <p:anim calcmode="lin" valueType="num">
                                      <p:cBhvr>
                                        <p:cTn id="14" dur="1000" fill="hold"/>
                                        <p:tgtEl>
                                          <p:spTgt spid="7"/>
                                        </p:tgtEl>
                                        <p:attrNameLst>
                                          <p:attrName>ppt_x</p:attrName>
                                        </p:attrNameLst>
                                      </p:cBhvr>
                                      <p:tavLst>
                                        <p:tav tm="0">
                                          <p:val>
                                            <p:strVal val="#ppt_x"/>
                                          </p:val>
                                        </p:tav>
                                        <p:tav tm="100000">
                                          <p:val>
                                            <p:strVal val="#ppt_x"/>
                                          </p:val>
                                        </p:tav>
                                      </p:tavLst>
                                    </p:anim>
                                    <p:anim calcmode="lin" valueType="num">
                                      <p:cBhvr>
                                        <p:cTn id="15" dur="1000" fill="hold"/>
                                        <p:tgtEl>
                                          <p:spTgt spid="7"/>
                                        </p:tgtEl>
                                        <p:attrNameLst>
                                          <p:attrName>ppt_y</p:attrName>
                                        </p:attrNameLst>
                                      </p:cBhvr>
                                      <p:tavLst>
                                        <p:tav tm="0">
                                          <p:val>
                                            <p:strVal val="#ppt_y+.1"/>
                                          </p:val>
                                        </p:tav>
                                        <p:tav tm="100000">
                                          <p:val>
                                            <p:strVal val="#ppt_y"/>
                                          </p:val>
                                        </p:tav>
                                      </p:tavLst>
                                    </p:anim>
                                  </p:childTnLst>
                                </p:cTn>
                              </p:par>
                            </p:childTnLst>
                          </p:cTn>
                        </p:par>
                        <p:par>
                          <p:cTn id="16" fill="hold">
                            <p:stCondLst>
                              <p:cond delay="2500"/>
                            </p:stCondLst>
                            <p:childTnLst>
                              <p:par>
                                <p:cTn id="17" presetID="22" presetClass="entr" presetSubtype="8" fill="hold" grpId="0" nodeType="afterEffect">
                                  <p:stCondLst>
                                    <p:cond delay="0"/>
                                  </p:stCondLst>
                                  <p:childTnLst>
                                    <p:set>
                                      <p:cBhvr>
                                        <p:cTn id="18" dur="1" fill="hold">
                                          <p:stCondLst>
                                            <p:cond delay="0"/>
                                          </p:stCondLst>
                                        </p:cTn>
                                        <p:tgtEl>
                                          <p:spTgt spid="9"/>
                                        </p:tgtEl>
                                        <p:attrNameLst>
                                          <p:attrName>style.visibility</p:attrName>
                                        </p:attrNameLst>
                                      </p:cBhvr>
                                      <p:to>
                                        <p:strVal val="visible"/>
                                      </p:to>
                                    </p:set>
                                    <p:animEffect transition="in" filter="wipe(left)">
                                      <p:cBhvr>
                                        <p:cTn id="19" dur="1000"/>
                                        <p:tgtEl>
                                          <p:spTgt spid="9"/>
                                        </p:tgtEl>
                                      </p:cBhvr>
                                    </p:animEffect>
                                  </p:childTnLst>
                                </p:cTn>
                              </p:par>
                            </p:childTnLst>
                          </p:cTn>
                        </p:par>
                        <p:par>
                          <p:cTn id="20" fill="hold">
                            <p:stCondLst>
                              <p:cond delay="3500"/>
                            </p:stCondLst>
                            <p:childTnLst>
                              <p:par>
                                <p:cTn id="21" presetID="22" presetClass="entr" presetSubtype="8" fill="hold" nodeType="afterEffect">
                                  <p:stCondLst>
                                    <p:cond delay="0"/>
                                  </p:stCondLst>
                                  <p:childTnLst>
                                    <p:set>
                                      <p:cBhvr>
                                        <p:cTn id="22" dur="1" fill="hold">
                                          <p:stCondLst>
                                            <p:cond delay="0"/>
                                          </p:stCondLst>
                                        </p:cTn>
                                        <p:tgtEl>
                                          <p:spTgt spid="17">
                                            <p:txEl>
                                              <p:pRg st="0" end="0"/>
                                            </p:txEl>
                                          </p:spTgt>
                                        </p:tgtEl>
                                        <p:attrNameLst>
                                          <p:attrName>style.visibility</p:attrName>
                                        </p:attrNameLst>
                                      </p:cBhvr>
                                      <p:to>
                                        <p:strVal val="visible"/>
                                      </p:to>
                                    </p:set>
                                    <p:animEffect transition="in" filter="wipe(left)">
                                      <p:cBhvr>
                                        <p:cTn id="23" dur="1000"/>
                                        <p:tgtEl>
                                          <p:spTgt spid="17">
                                            <p:txEl>
                                              <p:pRg st="0" end="0"/>
                                            </p:txEl>
                                          </p:spTgt>
                                        </p:tgtEl>
                                      </p:cBhvr>
                                    </p:animEffect>
                                  </p:childTnLst>
                                </p:cTn>
                              </p:par>
                            </p:childTnLst>
                          </p:cTn>
                        </p:par>
                        <p:par>
                          <p:cTn id="24" fill="hold">
                            <p:stCondLst>
                              <p:cond delay="4500"/>
                            </p:stCondLst>
                            <p:childTnLst>
                              <p:par>
                                <p:cTn id="25" presetID="22" presetClass="entr" presetSubtype="8" fill="hold" nodeType="afterEffect">
                                  <p:stCondLst>
                                    <p:cond delay="0"/>
                                  </p:stCondLst>
                                  <p:childTnLst>
                                    <p:set>
                                      <p:cBhvr>
                                        <p:cTn id="26" dur="1" fill="hold">
                                          <p:stCondLst>
                                            <p:cond delay="0"/>
                                          </p:stCondLst>
                                        </p:cTn>
                                        <p:tgtEl>
                                          <p:spTgt spid="13">
                                            <p:txEl>
                                              <p:pRg st="0" end="0"/>
                                            </p:txEl>
                                          </p:spTgt>
                                        </p:tgtEl>
                                        <p:attrNameLst>
                                          <p:attrName>style.visibility</p:attrName>
                                        </p:attrNameLst>
                                      </p:cBhvr>
                                      <p:to>
                                        <p:strVal val="visible"/>
                                      </p:to>
                                    </p:set>
                                    <p:animEffect transition="in" filter="wipe(left)">
                                      <p:cBhvr>
                                        <p:cTn id="27" dur="1000"/>
                                        <p:tgtEl>
                                          <p:spTgt spid="13">
                                            <p:txEl>
                                              <p:pRg st="0" end="0"/>
                                            </p:txEl>
                                          </p:spTgt>
                                        </p:tgtEl>
                                      </p:cBhvr>
                                    </p:animEffect>
                                  </p:childTnLst>
                                </p:cTn>
                              </p:par>
                            </p:childTnLst>
                          </p:cTn>
                        </p:par>
                        <p:par>
                          <p:cTn id="28" fill="hold">
                            <p:stCondLst>
                              <p:cond delay="5500"/>
                            </p:stCondLst>
                            <p:childTnLst>
                              <p:par>
                                <p:cTn id="29" presetID="22" presetClass="entr" presetSubtype="1" fill="hold" nodeType="afterEffect">
                                  <p:stCondLst>
                                    <p:cond delay="500"/>
                                  </p:stCondLst>
                                  <p:childTnLst>
                                    <p:set>
                                      <p:cBhvr>
                                        <p:cTn id="30" dur="1" fill="hold">
                                          <p:stCondLst>
                                            <p:cond delay="0"/>
                                          </p:stCondLst>
                                        </p:cTn>
                                        <p:tgtEl>
                                          <p:spTgt spid="17">
                                            <p:txEl>
                                              <p:pRg st="1" end="1"/>
                                            </p:txEl>
                                          </p:spTgt>
                                        </p:tgtEl>
                                        <p:attrNameLst>
                                          <p:attrName>style.visibility</p:attrName>
                                        </p:attrNameLst>
                                      </p:cBhvr>
                                      <p:to>
                                        <p:strVal val="visible"/>
                                      </p:to>
                                    </p:set>
                                    <p:animEffect transition="in" filter="wipe(up)">
                                      <p:cBhvr>
                                        <p:cTn id="31" dur="1000"/>
                                        <p:tgtEl>
                                          <p:spTgt spid="17">
                                            <p:txEl>
                                              <p:pRg st="1" end="1"/>
                                            </p:txEl>
                                          </p:spTgt>
                                        </p:tgtEl>
                                      </p:cBhvr>
                                    </p:animEffect>
                                  </p:childTnLst>
                                </p:cTn>
                              </p:par>
                              <p:par>
                                <p:cTn id="32" presetID="22" presetClass="entr" presetSubtype="1" fill="hold" nodeType="withEffect">
                                  <p:stCondLst>
                                    <p:cond delay="500"/>
                                  </p:stCondLst>
                                  <p:childTnLst>
                                    <p:set>
                                      <p:cBhvr>
                                        <p:cTn id="33" dur="1" fill="hold">
                                          <p:stCondLst>
                                            <p:cond delay="0"/>
                                          </p:stCondLst>
                                        </p:cTn>
                                        <p:tgtEl>
                                          <p:spTgt spid="13">
                                            <p:txEl>
                                              <p:pRg st="1" end="1"/>
                                            </p:txEl>
                                          </p:spTgt>
                                        </p:tgtEl>
                                        <p:attrNameLst>
                                          <p:attrName>style.visibility</p:attrName>
                                        </p:attrNameLst>
                                      </p:cBhvr>
                                      <p:to>
                                        <p:strVal val="visible"/>
                                      </p:to>
                                    </p:set>
                                    <p:animEffect transition="in" filter="wipe(up)">
                                      <p:cBhvr>
                                        <p:cTn id="34" dur="1000"/>
                                        <p:tgtEl>
                                          <p:spTgt spid="13">
                                            <p:txEl>
                                              <p:pRg st="1" end="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23</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haracterization</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CO – Pulse Chemisorption</a:t>
            </a:r>
          </a:p>
        </p:txBody>
      </p:sp>
      <p:pic>
        <p:nvPicPr>
          <p:cNvPr id="6" name="Picture 5" descr="A graph of a chemical reaction&#10;&#10;Description automatically generated with medium confidence">
            <a:extLst>
              <a:ext uri="{FF2B5EF4-FFF2-40B4-BE49-F238E27FC236}">
                <a16:creationId xmlns:a16="http://schemas.microsoft.com/office/drawing/2014/main" id="{A9BD37BB-7F10-6043-2EAA-3D5BAEC4D6A3}"/>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56099" y="1064516"/>
            <a:ext cx="4248150" cy="3250565"/>
          </a:xfrm>
          <a:prstGeom prst="rect">
            <a:avLst/>
          </a:prstGeom>
        </p:spPr>
      </p:pic>
      <p:sp>
        <p:nvSpPr>
          <p:cNvPr id="12" name="Titel 1">
            <a:extLst>
              <a:ext uri="{FF2B5EF4-FFF2-40B4-BE49-F238E27FC236}">
                <a16:creationId xmlns:a16="http://schemas.microsoft.com/office/drawing/2014/main" id="{0CC5CB3E-C030-889A-96EC-F9B0787F2348}"/>
              </a:ext>
            </a:extLst>
          </p:cNvPr>
          <p:cNvSpPr txBox="1">
            <a:spLocks/>
          </p:cNvSpPr>
          <p:nvPr/>
        </p:nvSpPr>
        <p:spPr>
          <a:xfrm>
            <a:off x="5069840" y="1550426"/>
            <a:ext cx="1642490" cy="1139373"/>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400" i="1" dirty="0">
                <a:solidFill>
                  <a:srgbClr val="002060"/>
                </a:solidFill>
              </a:rPr>
              <a:t>2Cs-5Ru/ CeO</a:t>
            </a:r>
            <a:r>
              <a:rPr lang="en-US" sz="1400" i="1" baseline="-25000" dirty="0">
                <a:solidFill>
                  <a:srgbClr val="002060"/>
                </a:solidFill>
              </a:rPr>
              <a:t>2</a:t>
            </a:r>
          </a:p>
        </p:txBody>
      </p:sp>
    </p:spTree>
    <p:extLst>
      <p:ext uri="{BB962C8B-B14F-4D97-AF65-F5344CB8AC3E}">
        <p14:creationId xmlns:p14="http://schemas.microsoft.com/office/powerpoint/2010/main" val="692308173"/>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nodeType="afterEffect">
                                  <p:stCondLst>
                                    <p:cond delay="0"/>
                                  </p:stCondLst>
                                  <p:childTnLst>
                                    <p:set>
                                      <p:cBhvr>
                                        <p:cTn id="6" dur="1" fill="hold">
                                          <p:stCondLst>
                                            <p:cond delay="0"/>
                                          </p:stCondLst>
                                        </p:cTn>
                                        <p:tgtEl>
                                          <p:spTgt spid="12">
                                            <p:txEl>
                                              <p:pRg st="0" end="0"/>
                                            </p:txEl>
                                          </p:spTgt>
                                        </p:tgtEl>
                                        <p:attrNameLst>
                                          <p:attrName>style.visibility</p:attrName>
                                        </p:attrNameLst>
                                      </p:cBhvr>
                                      <p:to>
                                        <p:strVal val="visible"/>
                                      </p:to>
                                    </p:set>
                                    <p:animEffect transition="in" filter="wipe(left)">
                                      <p:cBhvr>
                                        <p:cTn id="7" dur="1000"/>
                                        <p:tgtEl>
                                          <p:spTgt spid="12">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24</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Results</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Pressure influence</a:t>
            </a:r>
          </a:p>
        </p:txBody>
      </p:sp>
      <p:graphicFrame>
        <p:nvGraphicFramePr>
          <p:cNvPr id="17" name="Chart 16">
            <a:extLst>
              <a:ext uri="{FF2B5EF4-FFF2-40B4-BE49-F238E27FC236}">
                <a16:creationId xmlns:a16="http://schemas.microsoft.com/office/drawing/2014/main" id="{D9997241-C8FD-4BB7-B6FB-03BD1C310770}"/>
              </a:ext>
            </a:extLst>
          </p:cNvPr>
          <p:cNvGraphicFramePr>
            <a:graphicFrameLocks/>
          </p:cNvGraphicFramePr>
          <p:nvPr>
            <p:extLst>
              <p:ext uri="{D42A27DB-BD31-4B8C-83A1-F6EECF244321}">
                <p14:modId xmlns:p14="http://schemas.microsoft.com/office/powerpoint/2010/main" val="2314040222"/>
              </p:ext>
            </p:extLst>
          </p:nvPr>
        </p:nvGraphicFramePr>
        <p:xfrm>
          <a:off x="2156146" y="997486"/>
          <a:ext cx="4298442" cy="3461738"/>
        </p:xfrm>
        <a:graphic>
          <a:graphicData uri="http://schemas.openxmlformats.org/drawingml/2006/chart">
            <c:chart xmlns:c="http://schemas.openxmlformats.org/drawingml/2006/chart" xmlns:r="http://schemas.openxmlformats.org/officeDocument/2006/relationships" r:id="rId5"/>
          </a:graphicData>
        </a:graphic>
      </p:graphicFrame>
      <p:sp>
        <p:nvSpPr>
          <p:cNvPr id="4" name="Titel 1">
            <a:extLst>
              <a:ext uri="{FF2B5EF4-FFF2-40B4-BE49-F238E27FC236}">
                <a16:creationId xmlns:a16="http://schemas.microsoft.com/office/drawing/2014/main" id="{8E958884-241A-4751-09A0-D81079A019A0}"/>
              </a:ext>
            </a:extLst>
          </p:cNvPr>
          <p:cNvSpPr txBox="1">
            <a:spLocks/>
          </p:cNvSpPr>
          <p:nvPr/>
        </p:nvSpPr>
        <p:spPr>
          <a:xfrm>
            <a:off x="4796577" y="822481"/>
            <a:ext cx="1514474"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050" i="1" dirty="0">
                <a:solidFill>
                  <a:srgbClr val="002060"/>
                </a:solidFill>
              </a:rPr>
              <a:t>GHSV = 6 000 </a:t>
            </a:r>
            <a:r>
              <a:rPr lang="en-US" sz="1050" i="1" dirty="0" err="1">
                <a:solidFill>
                  <a:srgbClr val="002060"/>
                </a:solidFill>
              </a:rPr>
              <a:t>Nml</a:t>
            </a:r>
            <a:r>
              <a:rPr lang="en-US" sz="1050" i="1" dirty="0">
                <a:solidFill>
                  <a:srgbClr val="002060"/>
                </a:solidFill>
              </a:rPr>
              <a:t> g</a:t>
            </a:r>
            <a:r>
              <a:rPr lang="en-US" sz="1050" i="1" baseline="-25000" dirty="0">
                <a:solidFill>
                  <a:srgbClr val="002060"/>
                </a:solidFill>
              </a:rPr>
              <a:t>cat</a:t>
            </a:r>
            <a:r>
              <a:rPr lang="en-US" sz="1050" i="1" baseline="30000" dirty="0">
                <a:solidFill>
                  <a:srgbClr val="002060"/>
                </a:solidFill>
              </a:rPr>
              <a:t>-1</a:t>
            </a:r>
            <a:r>
              <a:rPr lang="en-US" sz="1050" i="1" dirty="0">
                <a:solidFill>
                  <a:srgbClr val="002060"/>
                </a:solidFill>
              </a:rPr>
              <a:t> h</a:t>
            </a:r>
            <a:r>
              <a:rPr lang="en-US" sz="1050" i="1" baseline="30000" dirty="0">
                <a:solidFill>
                  <a:srgbClr val="002060"/>
                </a:solidFill>
              </a:rPr>
              <a:t>-1</a:t>
            </a:r>
          </a:p>
        </p:txBody>
      </p:sp>
    </p:spTree>
    <p:extLst>
      <p:ext uri="{BB962C8B-B14F-4D97-AF65-F5344CB8AC3E}">
        <p14:creationId xmlns:p14="http://schemas.microsoft.com/office/powerpoint/2010/main" val="464898529"/>
      </p:ext>
    </p:extLst>
  </p:cSld>
  <p:clrMapOvr>
    <a:masterClrMapping/>
  </p:clrMapOvr>
  <p:transition spd="med">
    <p:pull/>
  </p:transition>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13" descr="A blue flag with yellow stars&#10;&#10;Description automatically generated">
            <a:extLst>
              <a:ext uri="{FF2B5EF4-FFF2-40B4-BE49-F238E27FC236}">
                <a16:creationId xmlns:a16="http://schemas.microsoft.com/office/drawing/2014/main" id="{B7E5A718-68BC-1F10-13D3-22636D85041B}"/>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b="29688"/>
          <a:stretch/>
        </p:blipFill>
        <p:spPr bwMode="auto">
          <a:xfrm>
            <a:off x="195943" y="3935141"/>
            <a:ext cx="843261" cy="601325"/>
          </a:xfrm>
          <a:prstGeom prst="rect">
            <a:avLst/>
          </a:prstGeom>
          <a:noFill/>
          <a:ln>
            <a:noFill/>
          </a:ln>
        </p:spPr>
      </p:pic>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4">
            <a:biLevel thresh="25000"/>
            <a:alphaModFix/>
            <a:extLst>
              <a:ext uri="{BEBA8EAE-BF5A-486C-A8C5-ECC9F3942E4B}">
                <a14:imgProps xmlns:a14="http://schemas.microsoft.com/office/drawing/2010/main">
                  <a14:imgLayer r:embed="rId5">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25</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8" name="Tijdelijke aanduiding voor inhoud 2">
            <a:extLst>
              <a:ext uri="{FF2B5EF4-FFF2-40B4-BE49-F238E27FC236}">
                <a16:creationId xmlns:a16="http://schemas.microsoft.com/office/drawing/2014/main" id="{49E27136-0FB6-347F-9514-BB7C86AA08CA}"/>
              </a:ext>
            </a:extLst>
          </p:cNvPr>
          <p:cNvSpPr>
            <a:spLocks noGrp="1"/>
          </p:cNvSpPr>
          <p:nvPr>
            <p:ph idx="1"/>
          </p:nvPr>
        </p:nvSpPr>
        <p:spPr>
          <a:xfrm>
            <a:off x="467544" y="717799"/>
            <a:ext cx="8280920" cy="3116655"/>
          </a:xfrm>
        </p:spPr>
        <p:txBody>
          <a:bodyPr vert="horz" lIns="0" tIns="0" rIns="0" bIns="0" rtlCol="0" anchor="t">
            <a:noAutofit/>
          </a:bodyPr>
          <a:lstStyle/>
          <a:p>
            <a:pPr marL="285750" indent="-285750" algn="just">
              <a:lnSpc>
                <a:spcPct val="150000"/>
              </a:lnSpc>
              <a:buFont typeface="Wingdings" panose="05000000000000000000" pitchFamily="2" charset="2"/>
              <a:buChar char="v"/>
            </a:pPr>
            <a:r>
              <a:rPr lang="en-US" sz="1800" i="1" dirty="0">
                <a:solidFill>
                  <a:schemeClr val="accent5"/>
                </a:solidFill>
              </a:rPr>
              <a:t>Ru-based-CeO</a:t>
            </a:r>
            <a:r>
              <a:rPr lang="en-US" sz="1800" i="1" baseline="-25000" dirty="0">
                <a:solidFill>
                  <a:schemeClr val="accent5"/>
                </a:solidFill>
              </a:rPr>
              <a:t>2</a:t>
            </a:r>
            <a:r>
              <a:rPr lang="en-US" sz="1800" i="1" dirty="0">
                <a:solidFill>
                  <a:schemeClr val="accent5"/>
                </a:solidFill>
              </a:rPr>
              <a:t>-supported catalysts where successfully synthesized via PRM. </a:t>
            </a:r>
          </a:p>
          <a:p>
            <a:pPr marL="285750" indent="-285750" algn="just">
              <a:lnSpc>
                <a:spcPct val="150000"/>
              </a:lnSpc>
              <a:buFont typeface="Wingdings" panose="05000000000000000000" pitchFamily="2" charset="2"/>
              <a:buChar char="v"/>
            </a:pPr>
            <a:endParaRPr lang="en-US" sz="300" i="1" dirty="0">
              <a:solidFill>
                <a:schemeClr val="accent5"/>
              </a:solidFill>
            </a:endParaRPr>
          </a:p>
          <a:p>
            <a:pPr marL="285750" indent="-285750" algn="just">
              <a:lnSpc>
                <a:spcPct val="150000"/>
              </a:lnSpc>
              <a:buFont typeface="Wingdings" panose="05000000000000000000" pitchFamily="2" charset="2"/>
              <a:buChar char="v"/>
            </a:pPr>
            <a:r>
              <a:rPr lang="en-US" sz="1800" i="1" dirty="0">
                <a:solidFill>
                  <a:schemeClr val="accent5"/>
                </a:solidFill>
              </a:rPr>
              <a:t>The non-promoted catalyst (5Ru/CeO</a:t>
            </a:r>
            <a:r>
              <a:rPr lang="en-US" sz="1800" i="1" baseline="-25000" dirty="0">
                <a:solidFill>
                  <a:schemeClr val="accent5"/>
                </a:solidFill>
              </a:rPr>
              <a:t>2</a:t>
            </a:r>
            <a:r>
              <a:rPr lang="en-US" sz="1800" i="1" dirty="0">
                <a:solidFill>
                  <a:schemeClr val="accent5"/>
                </a:solidFill>
              </a:rPr>
              <a:t>) allowed an ammonia conversion reaching the equilibrium already between 375 and 400°C (1 bar, 6000 </a:t>
            </a:r>
            <a:r>
              <a:rPr lang="en-US" sz="1800" i="1" dirty="0" err="1">
                <a:solidFill>
                  <a:schemeClr val="accent5"/>
                </a:solidFill>
              </a:rPr>
              <a:t>Nml</a:t>
            </a:r>
            <a:r>
              <a:rPr lang="en-US" sz="1800" i="1" dirty="0">
                <a:solidFill>
                  <a:schemeClr val="accent5"/>
                </a:solidFill>
              </a:rPr>
              <a:t> g</a:t>
            </a:r>
            <a:r>
              <a:rPr lang="en-US" sz="1800" i="1" baseline="-25000" dirty="0">
                <a:solidFill>
                  <a:schemeClr val="accent5"/>
                </a:solidFill>
              </a:rPr>
              <a:t>cat</a:t>
            </a:r>
            <a:r>
              <a:rPr lang="en-US" sz="1800" i="1" baseline="30000" dirty="0">
                <a:solidFill>
                  <a:schemeClr val="accent5"/>
                </a:solidFill>
              </a:rPr>
              <a:t>-1</a:t>
            </a:r>
            <a:r>
              <a:rPr lang="en-US" sz="1800" i="1" dirty="0">
                <a:solidFill>
                  <a:schemeClr val="accent5"/>
                </a:solidFill>
              </a:rPr>
              <a:t> h</a:t>
            </a:r>
            <a:r>
              <a:rPr lang="en-US" sz="1800" i="1" baseline="30000" dirty="0">
                <a:solidFill>
                  <a:schemeClr val="accent5"/>
                </a:solidFill>
              </a:rPr>
              <a:t>-1</a:t>
            </a:r>
            <a:r>
              <a:rPr lang="en-US" sz="1800" i="1" dirty="0">
                <a:solidFill>
                  <a:schemeClr val="accent5"/>
                </a:solidFill>
              </a:rPr>
              <a:t>). </a:t>
            </a:r>
          </a:p>
          <a:p>
            <a:pPr marL="285750" indent="-285750" algn="just">
              <a:lnSpc>
                <a:spcPct val="150000"/>
              </a:lnSpc>
              <a:buFont typeface="Wingdings" panose="05000000000000000000" pitchFamily="2" charset="2"/>
              <a:buChar char="v"/>
            </a:pPr>
            <a:endParaRPr lang="en-US" sz="300" i="1" dirty="0">
              <a:solidFill>
                <a:schemeClr val="accent5"/>
              </a:solidFill>
            </a:endParaRPr>
          </a:p>
          <a:p>
            <a:pPr marL="285750" indent="-285750" algn="just">
              <a:lnSpc>
                <a:spcPct val="150000"/>
              </a:lnSpc>
              <a:buFont typeface="Wingdings" panose="05000000000000000000" pitchFamily="2" charset="2"/>
              <a:buChar char="v"/>
            </a:pPr>
            <a:r>
              <a:rPr lang="en-US" sz="1800" i="1" dirty="0">
                <a:solidFill>
                  <a:schemeClr val="accent5"/>
                </a:solidFill>
              </a:rPr>
              <a:t>The addition of cesium (2Cs-5Ru/CeO</a:t>
            </a:r>
            <a:r>
              <a:rPr lang="en-US" sz="1800" i="1" baseline="-25000" dirty="0">
                <a:solidFill>
                  <a:schemeClr val="accent5"/>
                </a:solidFill>
              </a:rPr>
              <a:t>2</a:t>
            </a:r>
            <a:r>
              <a:rPr lang="en-US" sz="1800" i="1" dirty="0">
                <a:solidFill>
                  <a:schemeClr val="accent5"/>
                </a:solidFill>
              </a:rPr>
              <a:t>) to the catalytic formulation resulted in an increase of ammonia conversion by 33% ( 350°C, 1 bar, 6000 </a:t>
            </a:r>
            <a:r>
              <a:rPr lang="en-US" sz="1800" i="1" dirty="0" err="1">
                <a:solidFill>
                  <a:schemeClr val="accent5"/>
                </a:solidFill>
              </a:rPr>
              <a:t>Nml</a:t>
            </a:r>
            <a:r>
              <a:rPr lang="en-US" sz="1800" i="1" dirty="0">
                <a:solidFill>
                  <a:schemeClr val="accent5"/>
                </a:solidFill>
              </a:rPr>
              <a:t> g</a:t>
            </a:r>
            <a:r>
              <a:rPr lang="en-US" sz="1800" i="1" baseline="-25000" dirty="0">
                <a:solidFill>
                  <a:schemeClr val="accent5"/>
                </a:solidFill>
              </a:rPr>
              <a:t>cat</a:t>
            </a:r>
            <a:r>
              <a:rPr lang="en-US" sz="1800" i="1" baseline="30000" dirty="0">
                <a:solidFill>
                  <a:schemeClr val="accent5"/>
                </a:solidFill>
              </a:rPr>
              <a:t>-1</a:t>
            </a:r>
            <a:r>
              <a:rPr lang="en-US" sz="1800" i="1" dirty="0">
                <a:solidFill>
                  <a:schemeClr val="accent5"/>
                </a:solidFill>
              </a:rPr>
              <a:t> h</a:t>
            </a:r>
            <a:r>
              <a:rPr lang="en-US" sz="1800" i="1" baseline="30000" dirty="0">
                <a:solidFill>
                  <a:schemeClr val="accent5"/>
                </a:solidFill>
              </a:rPr>
              <a:t>-1</a:t>
            </a:r>
            <a:r>
              <a:rPr lang="en-US" sz="1800" i="1" dirty="0">
                <a:solidFill>
                  <a:schemeClr val="accent5"/>
                </a:solidFill>
              </a:rPr>
              <a:t>).</a:t>
            </a:r>
          </a:p>
          <a:p>
            <a:pPr marL="285750" indent="-285750" algn="just">
              <a:lnSpc>
                <a:spcPct val="150000"/>
              </a:lnSpc>
              <a:buFont typeface="Wingdings" panose="05000000000000000000" pitchFamily="2" charset="2"/>
              <a:buChar char="v"/>
            </a:pPr>
            <a:endParaRPr lang="en-US" sz="300" i="1" dirty="0">
              <a:solidFill>
                <a:schemeClr val="accent5"/>
              </a:solidFill>
            </a:endParaRPr>
          </a:p>
          <a:p>
            <a:pPr marL="285750" indent="-285750" algn="just">
              <a:lnSpc>
                <a:spcPct val="150000"/>
              </a:lnSpc>
              <a:buFont typeface="Wingdings" panose="05000000000000000000" pitchFamily="2" charset="2"/>
              <a:buChar char="v"/>
            </a:pPr>
            <a:r>
              <a:rPr lang="en-US" sz="1800" i="1" dirty="0">
                <a:solidFill>
                  <a:schemeClr val="accent5"/>
                </a:solidFill>
              </a:rPr>
              <a:t>The overall conversion decreased less then 1% over 1000 hours of test at 400°C, proving the high stability of the synthesized catalyst over time.</a:t>
            </a:r>
          </a:p>
          <a:p>
            <a:pPr marL="171450" indent="-171450" algn="just">
              <a:lnSpc>
                <a:spcPct val="150000"/>
              </a:lnSpc>
              <a:buFont typeface="Wingdings" panose="05000000000000000000" pitchFamily="2" charset="2"/>
              <a:buChar char="v"/>
            </a:pPr>
            <a:endParaRPr lang="en-US" sz="1800" i="1" dirty="0">
              <a:solidFill>
                <a:schemeClr val="accent5"/>
              </a:solidFill>
            </a:endParaRPr>
          </a:p>
        </p:txBody>
      </p:sp>
      <p:sp>
        <p:nvSpPr>
          <p:cNvPr id="6" name="Titel 1">
            <a:extLst>
              <a:ext uri="{FF2B5EF4-FFF2-40B4-BE49-F238E27FC236}">
                <a16:creationId xmlns:a16="http://schemas.microsoft.com/office/drawing/2014/main" id="{CDAE5A26-F6AB-E3FB-AB7E-9434B2D09FB7}"/>
              </a:ext>
            </a:extLst>
          </p:cNvPr>
          <p:cNvSpPr txBox="1">
            <a:spLocks/>
          </p:cNvSpPr>
          <p:nvPr/>
        </p:nvSpPr>
        <p:spPr>
          <a:xfrm>
            <a:off x="195943" y="141517"/>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onclusions</a:t>
            </a:r>
            <a:endParaRPr lang="en-GB" sz="2400" baseline="-25000" dirty="0">
              <a:solidFill>
                <a:schemeClr val="bg1"/>
              </a:solidFill>
              <a:highlight>
                <a:srgbClr val="FFFF00"/>
              </a:highlight>
            </a:endParaRPr>
          </a:p>
        </p:txBody>
      </p:sp>
      <p:sp>
        <p:nvSpPr>
          <p:cNvPr id="13" name="Tijdelijke aanduiding voor inhoud 2">
            <a:extLst>
              <a:ext uri="{FF2B5EF4-FFF2-40B4-BE49-F238E27FC236}">
                <a16:creationId xmlns:a16="http://schemas.microsoft.com/office/drawing/2014/main" id="{4370E5D0-FA4C-FD8B-11C6-E7B8A9156CB5}"/>
              </a:ext>
            </a:extLst>
          </p:cNvPr>
          <p:cNvSpPr txBox="1">
            <a:spLocks/>
          </p:cNvSpPr>
          <p:nvPr/>
        </p:nvSpPr>
        <p:spPr>
          <a:xfrm>
            <a:off x="1049926" y="3867071"/>
            <a:ext cx="5973173" cy="706271"/>
          </a:xfrm>
          <a:prstGeom prst="rect">
            <a:avLst/>
          </a:prstGeom>
        </p:spPr>
        <p:txBody>
          <a:bodyPr vert="horz" lIns="0" tIns="0" rIns="0" bIns="0" rtlCol="0" anchor="t">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r>
              <a:rPr lang="en-US" sz="1000" dirty="0">
                <a:solidFill>
                  <a:srgbClr val="002060"/>
                </a:solidFill>
              </a:rPr>
              <a:t> </a:t>
            </a:r>
          </a:p>
          <a:p>
            <a:pPr algn="just"/>
            <a:r>
              <a:rPr lang="en-US" sz="1000" dirty="0">
                <a:solidFill>
                  <a:srgbClr val="002060"/>
                </a:solidFill>
              </a:rPr>
              <a:t>This work has received funding by the European Commission under the grant agreement 101138466 (</a:t>
            </a:r>
            <a:r>
              <a:rPr lang="en-US" sz="1000" dirty="0" err="1">
                <a:solidFill>
                  <a:srgbClr val="002060"/>
                </a:solidFill>
              </a:rPr>
              <a:t>Apolo</a:t>
            </a:r>
            <a:r>
              <a:rPr lang="en-US" sz="1000" dirty="0">
                <a:solidFill>
                  <a:srgbClr val="002060"/>
                </a:solidFill>
              </a:rPr>
              <a:t> project). Views and opinions expressed are however those of the author(s) only and do not necessarily reflect those of the European Union. Neither the European Union nor the granting authority can be held responsible for them.</a:t>
            </a:r>
          </a:p>
          <a:p>
            <a:pPr algn="just">
              <a:lnSpc>
                <a:spcPct val="150000"/>
              </a:lnSpc>
            </a:pPr>
            <a:endParaRPr lang="en-US" sz="1000" i="1" dirty="0">
              <a:solidFill>
                <a:srgbClr val="002060"/>
              </a:solidFill>
            </a:endParaRPr>
          </a:p>
        </p:txBody>
      </p:sp>
      <p:pic>
        <p:nvPicPr>
          <p:cNvPr id="15" name="Picture 14">
            <a:extLst>
              <a:ext uri="{FF2B5EF4-FFF2-40B4-BE49-F238E27FC236}">
                <a16:creationId xmlns:a16="http://schemas.microsoft.com/office/drawing/2014/main" id="{9AD95B43-F27C-AC84-0ECD-B5A2588BF66C}"/>
              </a:ext>
            </a:extLst>
          </p:cNvPr>
          <p:cNvPicPr>
            <a:picLocks noChangeAspect="1"/>
          </p:cNvPicPr>
          <p:nvPr/>
        </p:nvPicPr>
        <p:blipFill>
          <a:blip r:embed="rId6"/>
          <a:stretch>
            <a:fillRect/>
          </a:stretch>
        </p:blipFill>
        <p:spPr>
          <a:xfrm>
            <a:off x="7067950" y="3934389"/>
            <a:ext cx="1733550" cy="583933"/>
          </a:xfrm>
          <a:prstGeom prst="rect">
            <a:avLst/>
          </a:prstGeom>
        </p:spPr>
      </p:pic>
    </p:spTree>
    <p:extLst>
      <p:ext uri="{BB962C8B-B14F-4D97-AF65-F5344CB8AC3E}">
        <p14:creationId xmlns:p14="http://schemas.microsoft.com/office/powerpoint/2010/main" val="3405644485"/>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42" presetClass="entr" presetSubtype="0" fill="hold" grpId="0" nodeType="afterEffect">
                                  <p:stCondLst>
                                    <p:cond delay="1000"/>
                                  </p:stCondLst>
                                  <p:childTnLst>
                                    <p:set>
                                      <p:cBhvr>
                                        <p:cTn id="6" dur="1" fill="hold">
                                          <p:stCondLst>
                                            <p:cond delay="0"/>
                                          </p:stCondLst>
                                        </p:cTn>
                                        <p:tgtEl>
                                          <p:spTgt spid="8">
                                            <p:txEl>
                                              <p:pRg st="0" end="0"/>
                                            </p:txEl>
                                          </p:spTgt>
                                        </p:tgtEl>
                                        <p:attrNameLst>
                                          <p:attrName>style.visibility</p:attrName>
                                        </p:attrNameLst>
                                      </p:cBhvr>
                                      <p:to>
                                        <p:strVal val="visible"/>
                                      </p:to>
                                    </p:set>
                                    <p:animEffect transition="in" filter="fade">
                                      <p:cBhvr>
                                        <p:cTn id="7" dur="2000"/>
                                        <p:tgtEl>
                                          <p:spTgt spid="8">
                                            <p:txEl>
                                              <p:pRg st="0" end="0"/>
                                            </p:txEl>
                                          </p:spTgt>
                                        </p:tgtEl>
                                      </p:cBhvr>
                                    </p:animEffect>
                                    <p:anim calcmode="lin" valueType="num">
                                      <p:cBhvr>
                                        <p:cTn id="8" dur="2000" fill="hold"/>
                                        <p:tgtEl>
                                          <p:spTgt spid="8">
                                            <p:txEl>
                                              <p:pRg st="0" end="0"/>
                                            </p:txEl>
                                          </p:spTgt>
                                        </p:tgtEl>
                                        <p:attrNameLst>
                                          <p:attrName>ppt_x</p:attrName>
                                        </p:attrNameLst>
                                      </p:cBhvr>
                                      <p:tavLst>
                                        <p:tav tm="0">
                                          <p:val>
                                            <p:strVal val="#ppt_x"/>
                                          </p:val>
                                        </p:tav>
                                        <p:tav tm="100000">
                                          <p:val>
                                            <p:strVal val="#ppt_x"/>
                                          </p:val>
                                        </p:tav>
                                      </p:tavLst>
                                    </p:anim>
                                    <p:anim calcmode="lin" valueType="num">
                                      <p:cBhvr>
                                        <p:cTn id="9" dur="2000" fill="hold"/>
                                        <p:tgtEl>
                                          <p:spTgt spid="8">
                                            <p:txEl>
                                              <p:pRg st="0" end="0"/>
                                            </p:txEl>
                                          </p:spTgt>
                                        </p:tgtEl>
                                        <p:attrNameLst>
                                          <p:attrName>ppt_y</p:attrName>
                                        </p:attrNameLst>
                                      </p:cBhvr>
                                      <p:tavLst>
                                        <p:tav tm="0">
                                          <p:val>
                                            <p:strVal val="#ppt_y+.1"/>
                                          </p:val>
                                        </p:tav>
                                        <p:tav tm="100000">
                                          <p:val>
                                            <p:strVal val="#ppt_y"/>
                                          </p:val>
                                        </p:tav>
                                      </p:tavLst>
                                    </p:anim>
                                  </p:childTnLst>
                                </p:cTn>
                              </p:par>
                            </p:childTnLst>
                          </p:cTn>
                        </p:par>
                        <p:par>
                          <p:cTn id="10" fill="hold">
                            <p:stCondLst>
                              <p:cond delay="3000"/>
                            </p:stCondLst>
                            <p:childTnLst>
                              <p:par>
                                <p:cTn id="11" presetID="42" presetClass="entr" presetSubtype="0" fill="hold" grpId="0" nodeType="afterEffect">
                                  <p:stCondLst>
                                    <p:cond delay="2000"/>
                                  </p:stCondLst>
                                  <p:childTnLst>
                                    <p:set>
                                      <p:cBhvr>
                                        <p:cTn id="12" dur="1" fill="hold">
                                          <p:stCondLst>
                                            <p:cond delay="0"/>
                                          </p:stCondLst>
                                        </p:cTn>
                                        <p:tgtEl>
                                          <p:spTgt spid="8">
                                            <p:txEl>
                                              <p:pRg st="2" end="2"/>
                                            </p:txEl>
                                          </p:spTgt>
                                        </p:tgtEl>
                                        <p:attrNameLst>
                                          <p:attrName>style.visibility</p:attrName>
                                        </p:attrNameLst>
                                      </p:cBhvr>
                                      <p:to>
                                        <p:strVal val="visible"/>
                                      </p:to>
                                    </p:set>
                                    <p:animEffect transition="in" filter="fade">
                                      <p:cBhvr>
                                        <p:cTn id="13" dur="2000"/>
                                        <p:tgtEl>
                                          <p:spTgt spid="8">
                                            <p:txEl>
                                              <p:pRg st="2" end="2"/>
                                            </p:txEl>
                                          </p:spTgt>
                                        </p:tgtEl>
                                      </p:cBhvr>
                                    </p:animEffect>
                                    <p:anim calcmode="lin" valueType="num">
                                      <p:cBhvr>
                                        <p:cTn id="14" dur="2000" fill="hold"/>
                                        <p:tgtEl>
                                          <p:spTgt spid="8">
                                            <p:txEl>
                                              <p:pRg st="2" end="2"/>
                                            </p:txEl>
                                          </p:spTgt>
                                        </p:tgtEl>
                                        <p:attrNameLst>
                                          <p:attrName>ppt_x</p:attrName>
                                        </p:attrNameLst>
                                      </p:cBhvr>
                                      <p:tavLst>
                                        <p:tav tm="0">
                                          <p:val>
                                            <p:strVal val="#ppt_x"/>
                                          </p:val>
                                        </p:tav>
                                        <p:tav tm="100000">
                                          <p:val>
                                            <p:strVal val="#ppt_x"/>
                                          </p:val>
                                        </p:tav>
                                      </p:tavLst>
                                    </p:anim>
                                    <p:anim calcmode="lin" valueType="num">
                                      <p:cBhvr>
                                        <p:cTn id="15" dur="2000" fill="hold"/>
                                        <p:tgtEl>
                                          <p:spTgt spid="8">
                                            <p:txEl>
                                              <p:pRg st="2" end="2"/>
                                            </p:txEl>
                                          </p:spTgt>
                                        </p:tgtEl>
                                        <p:attrNameLst>
                                          <p:attrName>ppt_y</p:attrName>
                                        </p:attrNameLst>
                                      </p:cBhvr>
                                      <p:tavLst>
                                        <p:tav tm="0">
                                          <p:val>
                                            <p:strVal val="#ppt_y+.1"/>
                                          </p:val>
                                        </p:tav>
                                        <p:tav tm="100000">
                                          <p:val>
                                            <p:strVal val="#ppt_y"/>
                                          </p:val>
                                        </p:tav>
                                      </p:tavLst>
                                    </p:anim>
                                  </p:childTnLst>
                                </p:cTn>
                              </p:par>
                            </p:childTnLst>
                          </p:cTn>
                        </p:par>
                        <p:par>
                          <p:cTn id="16" fill="hold">
                            <p:stCondLst>
                              <p:cond delay="7000"/>
                            </p:stCondLst>
                            <p:childTnLst>
                              <p:par>
                                <p:cTn id="17" presetID="42" presetClass="entr" presetSubtype="0" fill="hold" grpId="0" nodeType="afterEffect">
                                  <p:stCondLst>
                                    <p:cond delay="2000"/>
                                  </p:stCondLst>
                                  <p:childTnLst>
                                    <p:set>
                                      <p:cBhvr>
                                        <p:cTn id="18" dur="1" fill="hold">
                                          <p:stCondLst>
                                            <p:cond delay="0"/>
                                          </p:stCondLst>
                                        </p:cTn>
                                        <p:tgtEl>
                                          <p:spTgt spid="8">
                                            <p:txEl>
                                              <p:pRg st="4" end="4"/>
                                            </p:txEl>
                                          </p:spTgt>
                                        </p:tgtEl>
                                        <p:attrNameLst>
                                          <p:attrName>style.visibility</p:attrName>
                                        </p:attrNameLst>
                                      </p:cBhvr>
                                      <p:to>
                                        <p:strVal val="visible"/>
                                      </p:to>
                                    </p:set>
                                    <p:animEffect transition="in" filter="fade">
                                      <p:cBhvr>
                                        <p:cTn id="19" dur="2000"/>
                                        <p:tgtEl>
                                          <p:spTgt spid="8">
                                            <p:txEl>
                                              <p:pRg st="4" end="4"/>
                                            </p:txEl>
                                          </p:spTgt>
                                        </p:tgtEl>
                                      </p:cBhvr>
                                    </p:animEffect>
                                    <p:anim calcmode="lin" valueType="num">
                                      <p:cBhvr>
                                        <p:cTn id="20" dur="2000" fill="hold"/>
                                        <p:tgtEl>
                                          <p:spTgt spid="8">
                                            <p:txEl>
                                              <p:pRg st="4" end="4"/>
                                            </p:txEl>
                                          </p:spTgt>
                                        </p:tgtEl>
                                        <p:attrNameLst>
                                          <p:attrName>ppt_x</p:attrName>
                                        </p:attrNameLst>
                                      </p:cBhvr>
                                      <p:tavLst>
                                        <p:tav tm="0">
                                          <p:val>
                                            <p:strVal val="#ppt_x"/>
                                          </p:val>
                                        </p:tav>
                                        <p:tav tm="100000">
                                          <p:val>
                                            <p:strVal val="#ppt_x"/>
                                          </p:val>
                                        </p:tav>
                                      </p:tavLst>
                                    </p:anim>
                                    <p:anim calcmode="lin" valueType="num">
                                      <p:cBhvr>
                                        <p:cTn id="21" dur="2000" fill="hold"/>
                                        <p:tgtEl>
                                          <p:spTgt spid="8">
                                            <p:txEl>
                                              <p:pRg st="4" end="4"/>
                                            </p:txEl>
                                          </p:spTgt>
                                        </p:tgtEl>
                                        <p:attrNameLst>
                                          <p:attrName>ppt_y</p:attrName>
                                        </p:attrNameLst>
                                      </p:cBhvr>
                                      <p:tavLst>
                                        <p:tav tm="0">
                                          <p:val>
                                            <p:strVal val="#ppt_y+.1"/>
                                          </p:val>
                                        </p:tav>
                                        <p:tav tm="100000">
                                          <p:val>
                                            <p:strVal val="#ppt_y"/>
                                          </p:val>
                                        </p:tav>
                                      </p:tavLst>
                                    </p:anim>
                                  </p:childTnLst>
                                </p:cTn>
                              </p:par>
                            </p:childTnLst>
                          </p:cTn>
                        </p:par>
                        <p:par>
                          <p:cTn id="22" fill="hold">
                            <p:stCondLst>
                              <p:cond delay="11000"/>
                            </p:stCondLst>
                            <p:childTnLst>
                              <p:par>
                                <p:cTn id="23" presetID="42" presetClass="entr" presetSubtype="0" fill="hold" grpId="0" nodeType="afterEffect">
                                  <p:stCondLst>
                                    <p:cond delay="2000"/>
                                  </p:stCondLst>
                                  <p:childTnLst>
                                    <p:set>
                                      <p:cBhvr>
                                        <p:cTn id="24" dur="1" fill="hold">
                                          <p:stCondLst>
                                            <p:cond delay="0"/>
                                          </p:stCondLst>
                                        </p:cTn>
                                        <p:tgtEl>
                                          <p:spTgt spid="8">
                                            <p:txEl>
                                              <p:pRg st="6" end="6"/>
                                            </p:txEl>
                                          </p:spTgt>
                                        </p:tgtEl>
                                        <p:attrNameLst>
                                          <p:attrName>style.visibility</p:attrName>
                                        </p:attrNameLst>
                                      </p:cBhvr>
                                      <p:to>
                                        <p:strVal val="visible"/>
                                      </p:to>
                                    </p:set>
                                    <p:animEffect transition="in" filter="fade">
                                      <p:cBhvr>
                                        <p:cTn id="25" dur="2000"/>
                                        <p:tgtEl>
                                          <p:spTgt spid="8">
                                            <p:txEl>
                                              <p:pRg st="6" end="6"/>
                                            </p:txEl>
                                          </p:spTgt>
                                        </p:tgtEl>
                                      </p:cBhvr>
                                    </p:animEffect>
                                    <p:anim calcmode="lin" valueType="num">
                                      <p:cBhvr>
                                        <p:cTn id="26" dur="2000" fill="hold"/>
                                        <p:tgtEl>
                                          <p:spTgt spid="8">
                                            <p:txEl>
                                              <p:pRg st="6" end="6"/>
                                            </p:txEl>
                                          </p:spTgt>
                                        </p:tgtEl>
                                        <p:attrNameLst>
                                          <p:attrName>ppt_x</p:attrName>
                                        </p:attrNameLst>
                                      </p:cBhvr>
                                      <p:tavLst>
                                        <p:tav tm="0">
                                          <p:val>
                                            <p:strVal val="#ppt_x"/>
                                          </p:val>
                                        </p:tav>
                                        <p:tav tm="100000">
                                          <p:val>
                                            <p:strVal val="#ppt_x"/>
                                          </p:val>
                                        </p:tav>
                                      </p:tavLst>
                                    </p:anim>
                                    <p:anim calcmode="lin" valueType="num">
                                      <p:cBhvr>
                                        <p:cTn id="27" dur="2000" fill="hold"/>
                                        <p:tgtEl>
                                          <p:spTgt spid="8">
                                            <p:txEl>
                                              <p:pRg st="6" end="6"/>
                                            </p:txEl>
                                          </p:spTgt>
                                        </p:tgtEl>
                                        <p:attrNameLst>
                                          <p:attrName>ppt_y</p:attrName>
                                        </p:attrNameLst>
                                      </p:cBhvr>
                                      <p:tavLst>
                                        <p:tav tm="0">
                                          <p:val>
                                            <p:strVal val="#ppt_y+.1"/>
                                          </p:val>
                                        </p:tav>
                                        <p:tav tm="100000">
                                          <p:val>
                                            <p:strVal val="#ppt_y"/>
                                          </p:val>
                                        </p:tav>
                                      </p:tavLst>
                                    </p:anim>
                                  </p:childTnLst>
                                </p:cTn>
                              </p:par>
                            </p:childTnLst>
                          </p:cTn>
                        </p:par>
                        <p:par>
                          <p:cTn id="28" fill="hold">
                            <p:stCondLst>
                              <p:cond delay="15000"/>
                            </p:stCondLst>
                            <p:childTnLst>
                              <p:par>
                                <p:cTn id="29" presetID="42" presetClass="entr" presetSubtype="0" fill="hold" grpId="0" nodeType="afterEffect">
                                  <p:stCondLst>
                                    <p:cond delay="2000"/>
                                  </p:stCondLst>
                                  <p:childTnLst>
                                    <p:set>
                                      <p:cBhvr>
                                        <p:cTn id="30" dur="1" fill="hold">
                                          <p:stCondLst>
                                            <p:cond delay="0"/>
                                          </p:stCondLst>
                                        </p:cTn>
                                        <p:tgtEl>
                                          <p:spTgt spid="13">
                                            <p:txEl>
                                              <p:pRg st="0" end="0"/>
                                            </p:txEl>
                                          </p:spTgt>
                                        </p:tgtEl>
                                        <p:attrNameLst>
                                          <p:attrName>style.visibility</p:attrName>
                                        </p:attrNameLst>
                                      </p:cBhvr>
                                      <p:to>
                                        <p:strVal val="visible"/>
                                      </p:to>
                                    </p:set>
                                    <p:animEffect transition="in" filter="fade">
                                      <p:cBhvr>
                                        <p:cTn id="31" dur="2000"/>
                                        <p:tgtEl>
                                          <p:spTgt spid="13">
                                            <p:txEl>
                                              <p:pRg st="0" end="0"/>
                                            </p:txEl>
                                          </p:spTgt>
                                        </p:tgtEl>
                                      </p:cBhvr>
                                    </p:animEffect>
                                    <p:anim calcmode="lin" valueType="num">
                                      <p:cBhvr>
                                        <p:cTn id="32" dur="2000" fill="hold"/>
                                        <p:tgtEl>
                                          <p:spTgt spid="13">
                                            <p:txEl>
                                              <p:pRg st="0" end="0"/>
                                            </p:txEl>
                                          </p:spTgt>
                                        </p:tgtEl>
                                        <p:attrNameLst>
                                          <p:attrName>ppt_x</p:attrName>
                                        </p:attrNameLst>
                                      </p:cBhvr>
                                      <p:tavLst>
                                        <p:tav tm="0">
                                          <p:val>
                                            <p:strVal val="#ppt_x"/>
                                          </p:val>
                                        </p:tav>
                                        <p:tav tm="100000">
                                          <p:val>
                                            <p:strVal val="#ppt_x"/>
                                          </p:val>
                                        </p:tav>
                                      </p:tavLst>
                                    </p:anim>
                                    <p:anim calcmode="lin" valueType="num">
                                      <p:cBhvr>
                                        <p:cTn id="33" dur="2000" fill="hold"/>
                                        <p:tgtEl>
                                          <p:spTgt spid="13">
                                            <p:txEl>
                                              <p:pRg st="0" end="0"/>
                                            </p:txEl>
                                          </p:spTgt>
                                        </p:tgtEl>
                                        <p:attrNameLst>
                                          <p:attrName>ppt_y</p:attrName>
                                        </p:attrNameLst>
                                      </p:cBhvr>
                                      <p:tavLst>
                                        <p:tav tm="0">
                                          <p:val>
                                            <p:strVal val="#ppt_y+.1"/>
                                          </p:val>
                                        </p:tav>
                                        <p:tav tm="100000">
                                          <p:val>
                                            <p:strVal val="#ppt_y"/>
                                          </p:val>
                                        </p:tav>
                                      </p:tavLst>
                                    </p:anim>
                                  </p:childTnLst>
                                </p:cTn>
                              </p:par>
                            </p:childTnLst>
                          </p:cTn>
                        </p:par>
                        <p:par>
                          <p:cTn id="34" fill="hold">
                            <p:stCondLst>
                              <p:cond delay="19000"/>
                            </p:stCondLst>
                            <p:childTnLst>
                              <p:par>
                                <p:cTn id="35" presetID="42" presetClass="entr" presetSubtype="0" fill="hold" grpId="0" nodeType="afterEffect">
                                  <p:stCondLst>
                                    <p:cond delay="2000"/>
                                  </p:stCondLst>
                                  <p:childTnLst>
                                    <p:set>
                                      <p:cBhvr>
                                        <p:cTn id="36" dur="1" fill="hold">
                                          <p:stCondLst>
                                            <p:cond delay="0"/>
                                          </p:stCondLst>
                                        </p:cTn>
                                        <p:tgtEl>
                                          <p:spTgt spid="13">
                                            <p:txEl>
                                              <p:pRg st="1" end="1"/>
                                            </p:txEl>
                                          </p:spTgt>
                                        </p:tgtEl>
                                        <p:attrNameLst>
                                          <p:attrName>style.visibility</p:attrName>
                                        </p:attrNameLst>
                                      </p:cBhvr>
                                      <p:to>
                                        <p:strVal val="visible"/>
                                      </p:to>
                                    </p:set>
                                    <p:animEffect transition="in" filter="fade">
                                      <p:cBhvr>
                                        <p:cTn id="37" dur="2000"/>
                                        <p:tgtEl>
                                          <p:spTgt spid="13">
                                            <p:txEl>
                                              <p:pRg st="1" end="1"/>
                                            </p:txEl>
                                          </p:spTgt>
                                        </p:tgtEl>
                                      </p:cBhvr>
                                    </p:animEffect>
                                    <p:anim calcmode="lin" valueType="num">
                                      <p:cBhvr>
                                        <p:cTn id="38" dur="2000" fill="hold"/>
                                        <p:tgtEl>
                                          <p:spTgt spid="13">
                                            <p:txEl>
                                              <p:pRg st="1" end="1"/>
                                            </p:txEl>
                                          </p:spTgt>
                                        </p:tgtEl>
                                        <p:attrNameLst>
                                          <p:attrName>ppt_x</p:attrName>
                                        </p:attrNameLst>
                                      </p:cBhvr>
                                      <p:tavLst>
                                        <p:tav tm="0">
                                          <p:val>
                                            <p:strVal val="#ppt_x"/>
                                          </p:val>
                                        </p:tav>
                                        <p:tav tm="100000">
                                          <p:val>
                                            <p:strVal val="#ppt_x"/>
                                          </p:val>
                                        </p:tav>
                                      </p:tavLst>
                                    </p:anim>
                                    <p:anim calcmode="lin" valueType="num">
                                      <p:cBhvr>
                                        <p:cTn id="39" dur="2000" fill="hold"/>
                                        <p:tgtEl>
                                          <p:spTgt spid="13">
                                            <p:txEl>
                                              <p:pRg st="1" end="1"/>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uiExpand="1" build="p"/>
      <p:bldP spid="13" grpId="0" uiExpand="1" build="p"/>
    </p:bldLst>
  </p:timing>
</p:sld>
</file>

<file path=ppt/slides/slide26.xml><?xml version="1.0" encoding="utf-8"?>
<p:sld xmlns:a="http://schemas.openxmlformats.org/drawingml/2006/main" xmlns:r="http://schemas.openxmlformats.org/officeDocument/2006/relationships" xmlns:p="http://schemas.openxmlformats.org/presentationml/2006/main" showMasterSp="0">
  <p:cSld>
    <p:bg>
      <p:bgPr>
        <a:blipFill dpi="0" rotWithShape="1">
          <a:blip r:embed="rId3">
            <a:lum/>
          </a:blip>
          <a:srcRect/>
          <a:stretch>
            <a:fillRect/>
          </a:stretch>
        </a:blipFill>
        <a:effectLst/>
      </p:bgPr>
    </p:bg>
    <p:spTree>
      <p:nvGrpSpPr>
        <p:cNvPr id="1" name=""/>
        <p:cNvGrpSpPr/>
        <p:nvPr/>
      </p:nvGrpSpPr>
      <p:grpSpPr>
        <a:xfrm>
          <a:off x="0" y="0"/>
          <a:ext cx="0" cy="0"/>
          <a:chOff x="0" y="0"/>
          <a:chExt cx="0" cy="0"/>
        </a:xfrm>
      </p:grpSpPr>
      <p:sp>
        <p:nvSpPr>
          <p:cNvPr id="2" name="Titel 1">
            <a:extLst>
              <a:ext uri="{FF2B5EF4-FFF2-40B4-BE49-F238E27FC236}">
                <a16:creationId xmlns:a16="http://schemas.microsoft.com/office/drawing/2014/main" id="{4C57C290-2DDB-D078-B901-B9B1A82FB0EC}"/>
              </a:ext>
            </a:extLst>
          </p:cNvPr>
          <p:cNvSpPr>
            <a:spLocks noGrp="1"/>
          </p:cNvSpPr>
          <p:nvPr>
            <p:ph type="title"/>
          </p:nvPr>
        </p:nvSpPr>
        <p:spPr>
          <a:xfrm>
            <a:off x="236943" y="4019196"/>
            <a:ext cx="8670114" cy="576000"/>
          </a:xfrm>
        </p:spPr>
        <p:txBody>
          <a:bodyPr anchor="ctr"/>
          <a:lstStyle/>
          <a:p>
            <a:pPr algn="r"/>
            <a:r>
              <a:rPr lang="en-GB" dirty="0">
                <a:solidFill>
                  <a:schemeClr val="bg1"/>
                </a:solidFill>
              </a:rPr>
              <a:t>Thank you for your attention! Any question?</a:t>
            </a:r>
          </a:p>
        </p:txBody>
      </p:sp>
      <p:pic>
        <p:nvPicPr>
          <p:cNvPr id="6" name="Picture 5">
            <a:extLst>
              <a:ext uri="{FF2B5EF4-FFF2-40B4-BE49-F238E27FC236}">
                <a16:creationId xmlns:a16="http://schemas.microsoft.com/office/drawing/2014/main" id="{71FE8DB9-292B-23F8-6833-26E856639995}"/>
              </a:ext>
            </a:extLst>
          </p:cNvPr>
          <p:cNvPicPr>
            <a:picLocks noChangeAspect="1"/>
          </p:cNvPicPr>
          <p:nvPr/>
        </p:nvPicPr>
        <p:blipFill>
          <a:blip r:embed="rId4" cstate="print">
            <a:extLst>
              <a:ext uri="{28A0092B-C50C-407E-A947-70E740481C1C}">
                <a14:useLocalDpi xmlns:a14="http://schemas.microsoft.com/office/drawing/2010/main" val="0"/>
              </a:ext>
            </a:extLst>
          </a:blip>
          <a:srcRect/>
          <a:stretch/>
        </p:blipFill>
        <p:spPr>
          <a:xfrm>
            <a:off x="194864" y="115461"/>
            <a:ext cx="1358978" cy="1358978"/>
          </a:xfrm>
          <a:prstGeom prst="rect">
            <a:avLst/>
          </a:prstGeom>
          <a:ln w="38100">
            <a:solidFill>
              <a:schemeClr val="accent1"/>
            </a:solidFill>
          </a:ln>
        </p:spPr>
      </p:pic>
      <p:sp>
        <p:nvSpPr>
          <p:cNvPr id="7" name="Titel 1">
            <a:extLst>
              <a:ext uri="{FF2B5EF4-FFF2-40B4-BE49-F238E27FC236}">
                <a16:creationId xmlns:a16="http://schemas.microsoft.com/office/drawing/2014/main" id="{BD7DDE28-A5F2-8A52-1F87-77812BFCC767}"/>
              </a:ext>
            </a:extLst>
          </p:cNvPr>
          <p:cNvSpPr txBox="1">
            <a:spLocks/>
          </p:cNvSpPr>
          <p:nvPr/>
        </p:nvSpPr>
        <p:spPr>
          <a:xfrm>
            <a:off x="194864" y="1474439"/>
            <a:ext cx="1358978" cy="321159"/>
          </a:xfrm>
          <a:prstGeom prst="rect">
            <a:avLst/>
          </a:prstGeom>
        </p:spPr>
        <p:txBody>
          <a:bodyPr vert="horz" lIns="0" tIns="0" rIns="0" bIns="0" rtlCol="0" anchor="ctr" anchorCtr="0">
            <a:noAutofit/>
          </a:bodyPr>
          <a:lstStyle>
            <a:lvl1pPr algn="ctr">
              <a:lnSpc>
                <a:spcPts val="2700"/>
              </a:lnSpc>
              <a:spcBef>
                <a:spcPct val="0"/>
              </a:spcBef>
              <a:buNone/>
              <a:defRPr sz="2700" b="1">
                <a:solidFill>
                  <a:schemeClr val="bg1"/>
                </a:solidFill>
                <a:latin typeface="+mj-lt"/>
                <a:ea typeface="+mj-ea"/>
                <a:cs typeface="+mj-cs"/>
              </a:defRPr>
            </a:lvl1pPr>
          </a:lstStyle>
          <a:p>
            <a:r>
              <a:rPr lang="en-GB" sz="1800" dirty="0"/>
              <a:t>CONTACT US</a:t>
            </a:r>
          </a:p>
        </p:txBody>
      </p:sp>
      <p:sp>
        <p:nvSpPr>
          <p:cNvPr id="5" name="Tijdelijke aanduiding voor voettekst 3">
            <a:extLst>
              <a:ext uri="{FF2B5EF4-FFF2-40B4-BE49-F238E27FC236}">
                <a16:creationId xmlns:a16="http://schemas.microsoft.com/office/drawing/2014/main" id="{BED93DC1-C85F-2C8B-0E78-CB5F9559D87C}"/>
              </a:ext>
            </a:extLst>
          </p:cNvPr>
          <p:cNvSpPr>
            <a:spLocks noGrp="1"/>
          </p:cNvSpPr>
          <p:nvPr>
            <p:ph type="ftr" sz="quarter" idx="11"/>
          </p:nvPr>
        </p:nvSpPr>
        <p:spPr>
          <a:xfrm>
            <a:off x="0" y="4568400"/>
            <a:ext cx="9143997" cy="576000"/>
          </a:xfrm>
          <a:solidFill>
            <a:srgbClr val="002060"/>
          </a:solidFill>
        </p:spPr>
        <p:txBody>
          <a:bodyPr/>
          <a:lstStyle/>
          <a:p>
            <a:r>
              <a:rPr lang="en-GB" dirty="0">
                <a:solidFill>
                  <a:srgbClr val="C00000"/>
                </a:solidFill>
              </a:rPr>
              <a:t>s</a:t>
            </a:r>
          </a:p>
        </p:txBody>
      </p:sp>
      <p:pic>
        <p:nvPicPr>
          <p:cNvPr id="8" name="Picture 7">
            <a:extLst>
              <a:ext uri="{FF2B5EF4-FFF2-40B4-BE49-F238E27FC236}">
                <a16:creationId xmlns:a16="http://schemas.microsoft.com/office/drawing/2014/main" id="{C2806C64-39F5-4F20-4B91-706F559BCF3B}"/>
              </a:ext>
            </a:extLst>
          </p:cNvPr>
          <p:cNvPicPr>
            <a:picLocks noChangeAspect="1"/>
          </p:cNvPicPr>
          <p:nvPr/>
        </p:nvPicPr>
        <p:blipFill rotWithShape="1">
          <a:blip r:embed="rId5">
            <a:biLevel thresh="25000"/>
            <a:alphaModFix/>
            <a:extLst>
              <a:ext uri="{BEBA8EAE-BF5A-486C-A8C5-ECC9F3942E4B}">
                <a14:imgProps xmlns:a14="http://schemas.microsoft.com/office/drawing/2010/main">
                  <a14:imgLayer r:embed="rId6">
                    <a14:imgEffect>
                      <a14:saturation sat="0"/>
                    </a14:imgEffect>
                  </a14:imgLayer>
                </a14:imgProps>
              </a:ext>
            </a:extLst>
          </a:blip>
          <a:srcRect l="2751" t="15360" r="48425" b="9587"/>
          <a:stretch/>
        </p:blipFill>
        <p:spPr>
          <a:xfrm>
            <a:off x="7760208" y="4595196"/>
            <a:ext cx="1383790" cy="580300"/>
          </a:xfrm>
          <a:prstGeom prst="rect">
            <a:avLst/>
          </a:prstGeom>
        </p:spPr>
      </p:pic>
    </p:spTree>
    <p:extLst>
      <p:ext uri="{BB962C8B-B14F-4D97-AF65-F5344CB8AC3E}">
        <p14:creationId xmlns:p14="http://schemas.microsoft.com/office/powerpoint/2010/main" val="2878873749"/>
      </p:ext>
    </p:extLst>
  </p:cSld>
  <p:clrMapOvr>
    <a:masterClrMapping/>
  </p:clrMapOvr>
  <mc:AlternateContent xmlns:mc="http://schemas.openxmlformats.org/markup-compatibility/2006" xmlns:p14="http://schemas.microsoft.com/office/powerpoint/2010/main">
    <mc:Choice Requires="p14">
      <p:transition spd="slow" p14:dur="2000">
        <p14:vortex dir="r"/>
      </p:transition>
    </mc:Choice>
    <mc:Fallback xmlns="">
      <p:transition spd="slow">
        <p:fade/>
      </p:transition>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left)">
                                      <p:cBhvr>
                                        <p:cTn id="7" dur="1000"/>
                                        <p:tgtEl>
                                          <p:spTgt spid="2"/>
                                        </p:tgtEl>
                                      </p:cBhvr>
                                    </p:animEffect>
                                  </p:childTnLst>
                                </p:cTn>
                              </p:par>
                            </p:childTnLst>
                          </p:cTn>
                        </p:par>
                        <p:par>
                          <p:cTn id="8" fill="hold">
                            <p:stCondLst>
                              <p:cond delay="1000"/>
                            </p:stCondLst>
                            <p:childTnLst>
                              <p:par>
                                <p:cTn id="9" presetID="14" presetClass="entr" presetSubtype="10" fill="hold" grpId="0" nodeType="afterEffect">
                                  <p:stCondLst>
                                    <p:cond delay="250"/>
                                  </p:stCondLst>
                                  <p:childTnLst>
                                    <p:set>
                                      <p:cBhvr>
                                        <p:cTn id="10" dur="1" fill="hold">
                                          <p:stCondLst>
                                            <p:cond delay="0"/>
                                          </p:stCondLst>
                                        </p:cTn>
                                        <p:tgtEl>
                                          <p:spTgt spid="7"/>
                                        </p:tgtEl>
                                        <p:attrNameLst>
                                          <p:attrName>style.visibility</p:attrName>
                                        </p:attrNameLst>
                                      </p:cBhvr>
                                      <p:to>
                                        <p:strVal val="visible"/>
                                      </p:to>
                                    </p:set>
                                    <p:animEffect transition="in" filter="randombar(horizontal)">
                                      <p:cBhvr>
                                        <p:cTn id="11" dur="1000"/>
                                        <p:tgtEl>
                                          <p:spTgt spid="7"/>
                                        </p:tgtEl>
                                      </p:cBhvr>
                                    </p:animEffect>
                                  </p:childTnLst>
                                </p:cTn>
                              </p:par>
                              <p:par>
                                <p:cTn id="12" presetID="14" presetClass="entr" presetSubtype="10" fill="hold" nodeType="withEffect">
                                  <p:stCondLst>
                                    <p:cond delay="250"/>
                                  </p:stCondLst>
                                  <p:childTnLst>
                                    <p:set>
                                      <p:cBhvr>
                                        <p:cTn id="13" dur="1" fill="hold">
                                          <p:stCondLst>
                                            <p:cond delay="0"/>
                                          </p:stCondLst>
                                        </p:cTn>
                                        <p:tgtEl>
                                          <p:spTgt spid="6"/>
                                        </p:tgtEl>
                                        <p:attrNameLst>
                                          <p:attrName>style.visibility</p:attrName>
                                        </p:attrNameLst>
                                      </p:cBhvr>
                                      <p:to>
                                        <p:strVal val="visible"/>
                                      </p:to>
                                    </p:set>
                                    <p:animEffect transition="in" filter="randombar(horizontal)">
                                      <p:cBhvr>
                                        <p:cTn id="14" dur="100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7" grpId="0"/>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7" name="Picture 26">
            <a:extLst>
              <a:ext uri="{FF2B5EF4-FFF2-40B4-BE49-F238E27FC236}">
                <a16:creationId xmlns:a16="http://schemas.microsoft.com/office/drawing/2014/main" id="{F1B9EFFC-091C-E461-A6D9-66EECA0164C2}"/>
              </a:ext>
            </a:extLst>
          </p:cNvPr>
          <p:cNvPicPr>
            <a:picLocks noChangeAspect="1"/>
          </p:cNvPicPr>
          <p:nvPr/>
        </p:nvPicPr>
        <p:blipFill>
          <a:blip r:embed="rId3">
            <a:duotone>
              <a:schemeClr val="bg2">
                <a:shade val="45000"/>
                <a:satMod val="135000"/>
              </a:schemeClr>
              <a:prstClr val="white"/>
            </a:duotone>
            <a:alphaModFix/>
            <a:extLst>
              <a:ext uri="{BEBA8EAE-BF5A-486C-A8C5-ECC9F3942E4B}">
                <a14:imgProps xmlns:a14="http://schemas.microsoft.com/office/drawing/2010/main">
                  <a14:imgLayer r:embed="rId4">
                    <a14:imgEffect>
                      <a14:sharpenSoften amount="50000"/>
                    </a14:imgEffect>
                  </a14:imgLayer>
                </a14:imgProps>
              </a:ext>
            </a:extLst>
          </a:blip>
          <a:stretch>
            <a:fillRect/>
          </a:stretch>
        </p:blipFill>
        <p:spPr>
          <a:xfrm flipH="1">
            <a:off x="113355" y="3994459"/>
            <a:ext cx="1872000" cy="625697"/>
          </a:xfrm>
          <a:prstGeom prst="rect">
            <a:avLst/>
          </a:prstGeom>
        </p:spPr>
      </p:pic>
      <p:pic>
        <p:nvPicPr>
          <p:cNvPr id="6" name="Picture 5">
            <a:extLst>
              <a:ext uri="{FF2B5EF4-FFF2-40B4-BE49-F238E27FC236}">
                <a16:creationId xmlns:a16="http://schemas.microsoft.com/office/drawing/2014/main" id="{FCAD88BE-C868-BDEC-4111-104CB01F6C94}"/>
              </a:ext>
            </a:extLst>
          </p:cNvPr>
          <p:cNvPicPr>
            <a:picLocks noChangeAspect="1"/>
          </p:cNvPicPr>
          <p:nvPr/>
        </p:nvPicPr>
        <p:blipFill>
          <a:blip r:embed="rId5">
            <a:duotone>
              <a:schemeClr val="bg2">
                <a:shade val="45000"/>
                <a:satMod val="135000"/>
              </a:schemeClr>
              <a:prstClr val="white"/>
            </a:duotone>
            <a:alphaModFix/>
            <a:extLst>
              <a:ext uri="{BEBA8EAE-BF5A-486C-A8C5-ECC9F3942E4B}">
                <a14:imgProps xmlns:a14="http://schemas.microsoft.com/office/drawing/2010/main">
                  <a14:imgLayer r:embed="rId4">
                    <a14:imgEffect>
                      <a14:saturation sat="400000"/>
                    </a14:imgEffect>
                  </a14:imgLayer>
                </a14:imgProps>
              </a:ext>
            </a:extLst>
          </a:blip>
          <a:stretch>
            <a:fillRect/>
          </a:stretch>
        </p:blipFill>
        <p:spPr>
          <a:xfrm>
            <a:off x="7189334" y="3994459"/>
            <a:ext cx="1872000" cy="625697"/>
          </a:xfrm>
          <a:prstGeom prst="rect">
            <a:avLst/>
          </a:prstGeom>
        </p:spPr>
      </p:pic>
      <p:sp>
        <p:nvSpPr>
          <p:cNvPr id="8" name="Rectangle: Diagonal Corners Rounded 7">
            <a:extLst>
              <a:ext uri="{FF2B5EF4-FFF2-40B4-BE49-F238E27FC236}">
                <a16:creationId xmlns:a16="http://schemas.microsoft.com/office/drawing/2014/main" id="{45A2394C-35AA-E01D-6ECA-5C5B66AC1C81}"/>
              </a:ext>
            </a:extLst>
          </p:cNvPr>
          <p:cNvSpPr/>
          <p:nvPr/>
        </p:nvSpPr>
        <p:spPr>
          <a:xfrm>
            <a:off x="3398055" y="2082199"/>
            <a:ext cx="1152000" cy="864000"/>
          </a:xfrm>
          <a:prstGeom prst="round2DiagRect">
            <a:avLst/>
          </a:prstGeom>
          <a:solidFill>
            <a:srgbClr val="3B8EB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en-US" sz="900" b="1" dirty="0">
                <a:effectLst>
                  <a:outerShdw blurRad="38100" dist="38100" dir="2700000" algn="tl">
                    <a:srgbClr val="000000">
                      <a:alpha val="43137"/>
                    </a:srgbClr>
                  </a:outerShdw>
                </a:effectLst>
              </a:rPr>
              <a:t>Methane</a:t>
            </a:r>
          </a:p>
          <a:p>
            <a:pPr>
              <a:lnSpc>
                <a:spcPct val="150000"/>
              </a:lnSpc>
            </a:pPr>
            <a:r>
              <a:rPr lang="en-US" sz="900" b="1" dirty="0">
                <a:effectLst>
                  <a:outerShdw blurRad="38100" dist="38100" dir="2700000" algn="tl">
                    <a:srgbClr val="000000">
                      <a:alpha val="43137"/>
                    </a:srgbClr>
                  </a:outerShdw>
                </a:effectLst>
              </a:rPr>
              <a:t>Coal</a:t>
            </a:r>
          </a:p>
          <a:p>
            <a:pPr>
              <a:lnSpc>
                <a:spcPct val="150000"/>
              </a:lnSpc>
            </a:pPr>
            <a:endParaRPr lang="en-NL" sz="900" b="1" dirty="0">
              <a:effectLst>
                <a:outerShdw blurRad="38100" dist="38100" dir="2700000" algn="tl">
                  <a:srgbClr val="000000">
                    <a:alpha val="43137"/>
                  </a:srgbClr>
                </a:outerShdw>
              </a:effectLst>
            </a:endParaRPr>
          </a:p>
        </p:txBody>
      </p:sp>
      <p:pic>
        <p:nvPicPr>
          <p:cNvPr id="9" name="Picture 2" descr="Methane Icon - Free PNG &amp; SVG 80860 - Noun Project">
            <a:extLst>
              <a:ext uri="{FF2B5EF4-FFF2-40B4-BE49-F238E27FC236}">
                <a16:creationId xmlns:a16="http://schemas.microsoft.com/office/drawing/2014/main" id="{F93354EF-A62B-6430-9099-C86B4EEE2606}"/>
              </a:ext>
            </a:extLst>
          </p:cNvPr>
          <p:cNvPicPr>
            <a:picLocks noChangeAspect="1" noChangeArrowheads="1"/>
          </p:cNvPicPr>
          <p:nvPr/>
        </p:nvPicPr>
        <p:blipFill>
          <a:blip r:embed="rId6" cstate="print">
            <a:biLevel thresh="75000"/>
            <a:extLst>
              <a:ext uri="{28A0092B-C50C-407E-A947-70E740481C1C}">
                <a14:useLocalDpi xmlns:a14="http://schemas.microsoft.com/office/drawing/2010/main" val="0"/>
              </a:ext>
            </a:extLst>
          </a:blip>
          <a:srcRect/>
          <a:stretch>
            <a:fillRect/>
          </a:stretch>
        </p:blipFill>
        <p:spPr bwMode="auto">
          <a:xfrm>
            <a:off x="4112346" y="2102942"/>
            <a:ext cx="432000" cy="432000"/>
          </a:xfrm>
          <a:prstGeom prst="rect">
            <a:avLst/>
          </a:prstGeom>
          <a:noFill/>
          <a:extLst>
            <a:ext uri="{909E8E84-426E-40DD-AFC4-6F175D3DCCD1}">
              <a14:hiddenFill xmlns:a14="http://schemas.microsoft.com/office/drawing/2010/main">
                <a:solidFill>
                  <a:srgbClr val="FFFFFF"/>
                </a:solidFill>
              </a14:hiddenFill>
            </a:ext>
          </a:extLst>
        </p:spPr>
      </p:pic>
      <p:pic>
        <p:nvPicPr>
          <p:cNvPr id="11" name="Picture 10">
            <a:extLst>
              <a:ext uri="{FF2B5EF4-FFF2-40B4-BE49-F238E27FC236}">
                <a16:creationId xmlns:a16="http://schemas.microsoft.com/office/drawing/2014/main" id="{C1D2C98D-D41C-86A6-0EDB-A28C788E0282}"/>
              </a:ext>
            </a:extLst>
          </p:cNvPr>
          <p:cNvPicPr>
            <a:picLocks noChangeAspect="1"/>
          </p:cNvPicPr>
          <p:nvPr/>
        </p:nvPicPr>
        <p:blipFill>
          <a:blip r:embed="rId7">
            <a:biLevel thresh="75000"/>
          </a:blip>
          <a:stretch>
            <a:fillRect/>
          </a:stretch>
        </p:blipFill>
        <p:spPr>
          <a:xfrm>
            <a:off x="3976206" y="2499425"/>
            <a:ext cx="396000" cy="396000"/>
          </a:xfrm>
          <a:prstGeom prst="rect">
            <a:avLst/>
          </a:prstGeom>
        </p:spPr>
      </p:pic>
      <p:sp>
        <p:nvSpPr>
          <p:cNvPr id="13" name="Titel 1">
            <a:extLst>
              <a:ext uri="{FF2B5EF4-FFF2-40B4-BE49-F238E27FC236}">
                <a16:creationId xmlns:a16="http://schemas.microsoft.com/office/drawing/2014/main" id="{51E75CF5-C81E-FCFB-E7D0-FBAF32D6895D}"/>
              </a:ext>
            </a:extLst>
          </p:cNvPr>
          <p:cNvSpPr txBox="1">
            <a:spLocks/>
          </p:cNvSpPr>
          <p:nvPr/>
        </p:nvSpPr>
        <p:spPr>
          <a:xfrm>
            <a:off x="2198756" y="1028010"/>
            <a:ext cx="1148413" cy="663557"/>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pPr algn="ctr">
              <a:lnSpc>
                <a:spcPct val="100000"/>
              </a:lnSpc>
            </a:pPr>
            <a:r>
              <a:rPr lang="en-GB" sz="1400" dirty="0">
                <a:solidFill>
                  <a:schemeClr val="bg1">
                    <a:lumMod val="50000"/>
                  </a:schemeClr>
                </a:solidFill>
                <a:effectLst>
                  <a:outerShdw blurRad="50800" dist="38100" dir="18900000" algn="bl" rotWithShape="0">
                    <a:prstClr val="black">
                      <a:alpha val="40000"/>
                    </a:prstClr>
                  </a:outerShdw>
                </a:effectLst>
                <a:latin typeface="Leelawadee" panose="020B0502040204020203" pitchFamily="34" charset="-34"/>
                <a:ea typeface="HGSSoeiKakugothicUB" panose="020B0400000000000000" pitchFamily="34" charset="-128"/>
                <a:cs typeface="Leelawadee" panose="020B0502040204020203" pitchFamily="34" charset="-34"/>
              </a:rPr>
              <a:t>GREY</a:t>
            </a:r>
          </a:p>
          <a:p>
            <a:pPr algn="ctr">
              <a:lnSpc>
                <a:spcPct val="100000"/>
              </a:lnSpc>
            </a:pPr>
            <a:r>
              <a:rPr lang="en-GB" sz="1400" b="0" dirty="0">
                <a:effectLst>
                  <a:outerShdw blurRad="50800" dist="38100" dir="18900000" algn="bl" rotWithShape="0">
                    <a:prstClr val="black">
                      <a:alpha val="40000"/>
                    </a:prstClr>
                  </a:outerShdw>
                </a:effectLst>
                <a:latin typeface="Leelawadee" panose="020B0502040204020203" pitchFamily="34" charset="-34"/>
                <a:ea typeface="HGSSoeiKakugothicUB" panose="020B0400000000000000" pitchFamily="34" charset="-128"/>
                <a:cs typeface="Leelawadee" panose="020B0502040204020203" pitchFamily="34" charset="-34"/>
              </a:rPr>
              <a:t>HYDROGEN</a:t>
            </a:r>
          </a:p>
        </p:txBody>
      </p:sp>
      <p:sp>
        <p:nvSpPr>
          <p:cNvPr id="14" name="Titel 1">
            <a:extLst>
              <a:ext uri="{FF2B5EF4-FFF2-40B4-BE49-F238E27FC236}">
                <a16:creationId xmlns:a16="http://schemas.microsoft.com/office/drawing/2014/main" id="{912C7E1E-F264-3975-D7C3-77DB14BA1672}"/>
              </a:ext>
            </a:extLst>
          </p:cNvPr>
          <p:cNvSpPr txBox="1">
            <a:spLocks/>
          </p:cNvSpPr>
          <p:nvPr/>
        </p:nvSpPr>
        <p:spPr>
          <a:xfrm>
            <a:off x="3393321" y="1028010"/>
            <a:ext cx="1156734" cy="663557"/>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pPr algn="ctr">
              <a:lnSpc>
                <a:spcPct val="100000"/>
              </a:lnSpc>
            </a:pPr>
            <a:r>
              <a:rPr lang="en-GB" sz="1400" dirty="0">
                <a:solidFill>
                  <a:srgbClr val="3B8EBC"/>
                </a:solidFill>
                <a:effectLst>
                  <a:outerShdw blurRad="50800" dist="38100" dir="18900000" algn="bl" rotWithShape="0">
                    <a:prstClr val="black">
                      <a:alpha val="40000"/>
                    </a:prstClr>
                  </a:outerShdw>
                </a:effectLst>
                <a:latin typeface="Leelawadee" panose="020B0502040204020203" pitchFamily="34" charset="-34"/>
                <a:ea typeface="HGSSoeiKakugothicUB" panose="020B0400000000000000" pitchFamily="34" charset="-128"/>
                <a:cs typeface="Leelawadee" panose="020B0502040204020203" pitchFamily="34" charset="-34"/>
              </a:rPr>
              <a:t>BLUE</a:t>
            </a:r>
          </a:p>
          <a:p>
            <a:pPr algn="ctr">
              <a:lnSpc>
                <a:spcPct val="100000"/>
              </a:lnSpc>
            </a:pPr>
            <a:r>
              <a:rPr lang="en-GB" sz="1400" b="0" dirty="0">
                <a:effectLst>
                  <a:outerShdw blurRad="50800" dist="38100" dir="18900000" algn="bl" rotWithShape="0">
                    <a:prstClr val="black">
                      <a:alpha val="40000"/>
                    </a:prstClr>
                  </a:outerShdw>
                </a:effectLst>
                <a:latin typeface="Leelawadee" panose="020B0502040204020203" pitchFamily="34" charset="-34"/>
                <a:ea typeface="HGSSoeiKakugothicUB" panose="020B0400000000000000" pitchFamily="34" charset="-128"/>
                <a:cs typeface="Leelawadee" panose="020B0502040204020203" pitchFamily="34" charset="-34"/>
              </a:rPr>
              <a:t>HYDROGEN</a:t>
            </a:r>
          </a:p>
        </p:txBody>
      </p:sp>
      <p:sp>
        <p:nvSpPr>
          <p:cNvPr id="17" name="Titel 1">
            <a:extLst>
              <a:ext uri="{FF2B5EF4-FFF2-40B4-BE49-F238E27FC236}">
                <a16:creationId xmlns:a16="http://schemas.microsoft.com/office/drawing/2014/main" id="{FBA342E9-7A29-47B5-0DC6-9D6D2E12D9DB}"/>
              </a:ext>
            </a:extLst>
          </p:cNvPr>
          <p:cNvSpPr txBox="1">
            <a:spLocks/>
          </p:cNvSpPr>
          <p:nvPr/>
        </p:nvSpPr>
        <p:spPr>
          <a:xfrm>
            <a:off x="4592166" y="1028010"/>
            <a:ext cx="1152000" cy="663557"/>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pPr algn="ctr">
              <a:lnSpc>
                <a:spcPct val="100000"/>
              </a:lnSpc>
            </a:pPr>
            <a:r>
              <a:rPr lang="en-GB" sz="1400" dirty="0">
                <a:solidFill>
                  <a:srgbClr val="009195"/>
                </a:solidFill>
                <a:effectLst>
                  <a:outerShdw blurRad="50800" dist="38100" dir="18900000" algn="bl" rotWithShape="0">
                    <a:prstClr val="black">
                      <a:alpha val="40000"/>
                    </a:prstClr>
                  </a:outerShdw>
                </a:effectLst>
                <a:latin typeface="Leelawadee" panose="020B0502040204020203" pitchFamily="34" charset="-34"/>
                <a:ea typeface="HGSSoeiKakugothicUB" panose="020B0400000000000000" pitchFamily="34" charset="-128"/>
                <a:cs typeface="Leelawadee" panose="020B0502040204020203" pitchFamily="34" charset="-34"/>
              </a:rPr>
              <a:t>TURQUOISE</a:t>
            </a:r>
          </a:p>
          <a:p>
            <a:pPr algn="ctr">
              <a:lnSpc>
                <a:spcPct val="100000"/>
              </a:lnSpc>
            </a:pPr>
            <a:r>
              <a:rPr lang="en-GB" sz="1400" b="0" dirty="0">
                <a:effectLst>
                  <a:outerShdw blurRad="50800" dist="38100" dir="18900000" algn="bl" rotWithShape="0">
                    <a:prstClr val="black">
                      <a:alpha val="40000"/>
                    </a:prstClr>
                  </a:outerShdw>
                </a:effectLst>
                <a:latin typeface="Leelawadee" panose="020B0502040204020203" pitchFamily="34" charset="-34"/>
                <a:ea typeface="HGSSoeiKakugothicUB" panose="020B0400000000000000" pitchFamily="34" charset="-128"/>
                <a:cs typeface="Leelawadee" panose="020B0502040204020203" pitchFamily="34" charset="-34"/>
              </a:rPr>
              <a:t>HYDROGEN</a:t>
            </a:r>
          </a:p>
        </p:txBody>
      </p:sp>
      <p:sp>
        <p:nvSpPr>
          <p:cNvPr id="18" name="Titel 1">
            <a:extLst>
              <a:ext uri="{FF2B5EF4-FFF2-40B4-BE49-F238E27FC236}">
                <a16:creationId xmlns:a16="http://schemas.microsoft.com/office/drawing/2014/main" id="{81F7250F-EA14-A80C-2E5F-6EFF787BCC92}"/>
              </a:ext>
            </a:extLst>
          </p:cNvPr>
          <p:cNvSpPr txBox="1">
            <a:spLocks/>
          </p:cNvSpPr>
          <p:nvPr/>
        </p:nvSpPr>
        <p:spPr>
          <a:xfrm>
            <a:off x="5792412" y="1028010"/>
            <a:ext cx="1152000" cy="663557"/>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pPr algn="ctr">
              <a:lnSpc>
                <a:spcPct val="100000"/>
              </a:lnSpc>
            </a:pPr>
            <a:r>
              <a:rPr lang="en-GB" sz="1400" dirty="0">
                <a:solidFill>
                  <a:srgbClr val="007434"/>
                </a:solidFill>
                <a:effectLst>
                  <a:outerShdw blurRad="50800" dist="38100" dir="18900000" algn="bl" rotWithShape="0">
                    <a:prstClr val="black">
                      <a:alpha val="40000"/>
                    </a:prstClr>
                  </a:outerShdw>
                </a:effectLst>
                <a:latin typeface="Leelawadee" panose="020B0502040204020203" pitchFamily="34" charset="-34"/>
                <a:ea typeface="HGSSoeiKakugothicUB" panose="020B0400000000000000" pitchFamily="34" charset="-128"/>
                <a:cs typeface="Leelawadee" panose="020B0502040204020203" pitchFamily="34" charset="-34"/>
              </a:rPr>
              <a:t>GREEN</a:t>
            </a:r>
          </a:p>
          <a:p>
            <a:pPr algn="ctr">
              <a:lnSpc>
                <a:spcPct val="100000"/>
              </a:lnSpc>
            </a:pPr>
            <a:r>
              <a:rPr lang="en-GB" sz="1400" b="0" dirty="0">
                <a:effectLst>
                  <a:outerShdw blurRad="50800" dist="38100" dir="18900000" algn="bl" rotWithShape="0">
                    <a:prstClr val="black">
                      <a:alpha val="40000"/>
                    </a:prstClr>
                  </a:outerShdw>
                </a:effectLst>
                <a:latin typeface="Leelawadee" panose="020B0502040204020203" pitchFamily="34" charset="-34"/>
                <a:ea typeface="HGSSoeiKakugothicUB" panose="020B0400000000000000" pitchFamily="34" charset="-128"/>
                <a:cs typeface="Leelawadee" panose="020B0502040204020203" pitchFamily="34" charset="-34"/>
              </a:rPr>
              <a:t>HYDROGEN</a:t>
            </a:r>
          </a:p>
        </p:txBody>
      </p:sp>
      <p:sp>
        <p:nvSpPr>
          <p:cNvPr id="4" name="Rectangle: Diagonal Corners Rounded 3">
            <a:extLst>
              <a:ext uri="{FF2B5EF4-FFF2-40B4-BE49-F238E27FC236}">
                <a16:creationId xmlns:a16="http://schemas.microsoft.com/office/drawing/2014/main" id="{D071CA57-E05A-BDF5-7D14-2C81E9D92AAC}"/>
              </a:ext>
            </a:extLst>
          </p:cNvPr>
          <p:cNvSpPr/>
          <p:nvPr/>
        </p:nvSpPr>
        <p:spPr>
          <a:xfrm>
            <a:off x="2198755" y="1439224"/>
            <a:ext cx="1152000" cy="612000"/>
          </a:xfrm>
          <a:prstGeom prst="round2Diag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endParaRPr lang="en-US" sz="200" b="1" dirty="0">
              <a:effectLst>
                <a:outerShdw blurRad="50800" dist="38100" algn="l" rotWithShape="0">
                  <a:prstClr val="black">
                    <a:alpha val="40000"/>
                  </a:prstClr>
                </a:outerShdw>
              </a:effectLst>
            </a:endParaRPr>
          </a:p>
          <a:p>
            <a:pPr>
              <a:lnSpc>
                <a:spcPct val="150000"/>
              </a:lnSpc>
            </a:pPr>
            <a:r>
              <a:rPr lang="en-US" sz="900" b="1" dirty="0">
                <a:effectLst>
                  <a:outerShdw blurRad="50800" dist="38100" algn="l" rotWithShape="0">
                    <a:prstClr val="black">
                      <a:alpha val="40000"/>
                    </a:prstClr>
                  </a:outerShdw>
                </a:effectLst>
              </a:rPr>
              <a:t>Steam Reforming</a:t>
            </a:r>
          </a:p>
          <a:p>
            <a:pPr>
              <a:lnSpc>
                <a:spcPct val="150000"/>
              </a:lnSpc>
            </a:pPr>
            <a:r>
              <a:rPr lang="en-US" sz="900" b="1" dirty="0">
                <a:effectLst>
                  <a:outerShdw blurRad="50800" dist="38100" algn="l" rotWithShape="0">
                    <a:prstClr val="black">
                      <a:alpha val="40000"/>
                    </a:prstClr>
                  </a:outerShdw>
                </a:effectLst>
              </a:rPr>
              <a:t>Gasification</a:t>
            </a:r>
          </a:p>
          <a:p>
            <a:pPr>
              <a:lnSpc>
                <a:spcPct val="150000"/>
              </a:lnSpc>
            </a:pPr>
            <a:endParaRPr lang="en-NL" sz="900" b="1" dirty="0">
              <a:effectLst>
                <a:outerShdw blurRad="50800" dist="38100" algn="l" rotWithShape="0">
                  <a:prstClr val="black">
                    <a:alpha val="40000"/>
                  </a:prstClr>
                </a:outerShdw>
              </a:effectLst>
            </a:endParaRPr>
          </a:p>
        </p:txBody>
      </p:sp>
      <p:sp>
        <p:nvSpPr>
          <p:cNvPr id="10" name="Rectangle: Diagonal Corners Rounded 9">
            <a:extLst>
              <a:ext uri="{FF2B5EF4-FFF2-40B4-BE49-F238E27FC236}">
                <a16:creationId xmlns:a16="http://schemas.microsoft.com/office/drawing/2014/main" id="{61A76B16-E8CD-86B9-6176-4775631307E1}"/>
              </a:ext>
            </a:extLst>
          </p:cNvPr>
          <p:cNvSpPr/>
          <p:nvPr/>
        </p:nvSpPr>
        <p:spPr>
          <a:xfrm>
            <a:off x="2198755" y="2082199"/>
            <a:ext cx="1152000" cy="864000"/>
          </a:xfrm>
          <a:prstGeom prst="round2Diag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en-US" sz="900" b="1" dirty="0">
                <a:effectLst>
                  <a:outerShdw blurRad="38100" dist="38100" dir="2700000" algn="tl">
                    <a:srgbClr val="000000">
                      <a:alpha val="43137"/>
                    </a:srgbClr>
                  </a:outerShdw>
                </a:effectLst>
              </a:rPr>
              <a:t>Methane</a:t>
            </a:r>
          </a:p>
          <a:p>
            <a:pPr>
              <a:lnSpc>
                <a:spcPct val="150000"/>
              </a:lnSpc>
            </a:pPr>
            <a:r>
              <a:rPr lang="en-US" sz="900" b="1" dirty="0">
                <a:effectLst>
                  <a:outerShdw blurRad="38100" dist="38100" dir="2700000" algn="tl">
                    <a:srgbClr val="000000">
                      <a:alpha val="43137"/>
                    </a:srgbClr>
                  </a:outerShdw>
                </a:effectLst>
              </a:rPr>
              <a:t>Coal</a:t>
            </a:r>
          </a:p>
          <a:p>
            <a:pPr>
              <a:lnSpc>
                <a:spcPct val="150000"/>
              </a:lnSpc>
            </a:pPr>
            <a:endParaRPr lang="en-NL" sz="900" b="1" dirty="0">
              <a:effectLst>
                <a:outerShdw blurRad="38100" dist="38100" dir="2700000" algn="tl">
                  <a:srgbClr val="000000">
                    <a:alpha val="43137"/>
                  </a:srgbClr>
                </a:outerShdw>
              </a:effectLst>
            </a:endParaRPr>
          </a:p>
        </p:txBody>
      </p:sp>
      <p:sp>
        <p:nvSpPr>
          <p:cNvPr id="21" name="Rectangle: Diagonal Corners Rounded 20">
            <a:extLst>
              <a:ext uri="{FF2B5EF4-FFF2-40B4-BE49-F238E27FC236}">
                <a16:creationId xmlns:a16="http://schemas.microsoft.com/office/drawing/2014/main" id="{C94CF368-185E-CB5E-613C-B1EDD250F582}"/>
              </a:ext>
            </a:extLst>
          </p:cNvPr>
          <p:cNvSpPr/>
          <p:nvPr/>
        </p:nvSpPr>
        <p:spPr>
          <a:xfrm>
            <a:off x="3398055" y="1439224"/>
            <a:ext cx="1152000" cy="612000"/>
          </a:xfrm>
          <a:prstGeom prst="round2DiagRect">
            <a:avLst/>
          </a:prstGeom>
          <a:solidFill>
            <a:srgbClr val="3B8EBC"/>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en-US" sz="900" b="1" dirty="0">
                <a:effectLst>
                  <a:outerShdw blurRad="38100" dist="38100" dir="2700000" algn="tl">
                    <a:srgbClr val="000000">
                      <a:alpha val="43137"/>
                    </a:srgbClr>
                  </a:outerShdw>
                </a:effectLst>
              </a:rPr>
              <a:t>Steam Reforming</a:t>
            </a:r>
          </a:p>
          <a:p>
            <a:pPr>
              <a:lnSpc>
                <a:spcPct val="150000"/>
              </a:lnSpc>
            </a:pPr>
            <a:r>
              <a:rPr lang="en-US" sz="900" b="1" dirty="0">
                <a:effectLst>
                  <a:outerShdw blurRad="38100" dist="38100" dir="2700000" algn="tl">
                    <a:srgbClr val="000000">
                      <a:alpha val="43137"/>
                    </a:srgbClr>
                  </a:outerShdw>
                </a:effectLst>
              </a:rPr>
              <a:t>Gasification</a:t>
            </a:r>
          </a:p>
          <a:p>
            <a:pPr>
              <a:lnSpc>
                <a:spcPct val="150000"/>
              </a:lnSpc>
            </a:pPr>
            <a:endParaRPr lang="en-US" sz="200" b="1" dirty="0">
              <a:effectLst>
                <a:outerShdw blurRad="38100" dist="38100" dir="2700000" algn="tl">
                  <a:srgbClr val="000000">
                    <a:alpha val="43137"/>
                  </a:srgbClr>
                </a:outerShdw>
              </a:effectLst>
            </a:endParaRPr>
          </a:p>
          <a:p>
            <a:r>
              <a:rPr lang="en-US" sz="700" b="1" dirty="0">
                <a:effectLst>
                  <a:outerShdw blurRad="38100" dist="38100" dir="2700000" algn="tl">
                    <a:srgbClr val="000000">
                      <a:alpha val="43137"/>
                    </a:srgbClr>
                  </a:outerShdw>
                </a:effectLst>
              </a:rPr>
              <a:t>(carbon capture ≈90%)</a:t>
            </a:r>
            <a:endParaRPr lang="en-NL" sz="700" b="1" dirty="0">
              <a:effectLst>
                <a:outerShdw blurRad="38100" dist="38100" dir="2700000" algn="tl">
                  <a:srgbClr val="000000">
                    <a:alpha val="43137"/>
                  </a:srgbClr>
                </a:outerShdw>
              </a:effectLst>
            </a:endParaRPr>
          </a:p>
        </p:txBody>
      </p:sp>
      <p:sp>
        <p:nvSpPr>
          <p:cNvPr id="22" name="Rectangle: Diagonal Corners Rounded 21">
            <a:extLst>
              <a:ext uri="{FF2B5EF4-FFF2-40B4-BE49-F238E27FC236}">
                <a16:creationId xmlns:a16="http://schemas.microsoft.com/office/drawing/2014/main" id="{83CB2180-0CCF-0B26-73FC-BF5A2069CEEA}"/>
              </a:ext>
            </a:extLst>
          </p:cNvPr>
          <p:cNvSpPr/>
          <p:nvPr/>
        </p:nvSpPr>
        <p:spPr>
          <a:xfrm>
            <a:off x="4596207" y="1439224"/>
            <a:ext cx="1152000" cy="612000"/>
          </a:xfrm>
          <a:prstGeom prst="round2DiagRect">
            <a:avLst/>
          </a:prstGeom>
          <a:solidFill>
            <a:srgbClr val="00919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endParaRPr lang="en-US" sz="200" b="1" dirty="0">
              <a:effectLst>
                <a:outerShdw blurRad="38100" dist="38100" dir="2700000" algn="tl">
                  <a:srgbClr val="000000">
                    <a:alpha val="43137"/>
                  </a:srgbClr>
                </a:outerShdw>
              </a:effectLst>
            </a:endParaRPr>
          </a:p>
          <a:p>
            <a:pPr>
              <a:lnSpc>
                <a:spcPct val="150000"/>
              </a:lnSpc>
            </a:pPr>
            <a:r>
              <a:rPr lang="en-US" sz="900" b="1" dirty="0">
                <a:effectLst>
                  <a:outerShdw blurRad="38100" dist="38100" dir="2700000" algn="tl">
                    <a:srgbClr val="000000">
                      <a:alpha val="43137"/>
                    </a:srgbClr>
                  </a:outerShdw>
                </a:effectLst>
              </a:rPr>
              <a:t>Pyrolysis</a:t>
            </a:r>
          </a:p>
          <a:p>
            <a:pPr>
              <a:lnSpc>
                <a:spcPct val="150000"/>
              </a:lnSpc>
            </a:pPr>
            <a:endParaRPr lang="en-US" sz="900" b="1" dirty="0">
              <a:effectLst>
                <a:outerShdw blurRad="38100" dist="38100" dir="2700000" algn="tl">
                  <a:srgbClr val="000000">
                    <a:alpha val="43137"/>
                  </a:srgbClr>
                </a:outerShdw>
              </a:effectLst>
            </a:endParaRPr>
          </a:p>
          <a:p>
            <a:pPr>
              <a:lnSpc>
                <a:spcPct val="150000"/>
              </a:lnSpc>
            </a:pPr>
            <a:endParaRPr lang="en-US" sz="900" b="1" dirty="0">
              <a:effectLst>
                <a:outerShdw blurRad="38100" dist="38100" dir="2700000" algn="tl">
                  <a:srgbClr val="000000">
                    <a:alpha val="43137"/>
                  </a:srgbClr>
                </a:outerShdw>
              </a:effectLst>
            </a:endParaRPr>
          </a:p>
        </p:txBody>
      </p:sp>
      <p:sp>
        <p:nvSpPr>
          <p:cNvPr id="23" name="Rectangle: Diagonal Corners Rounded 22">
            <a:extLst>
              <a:ext uri="{FF2B5EF4-FFF2-40B4-BE49-F238E27FC236}">
                <a16:creationId xmlns:a16="http://schemas.microsoft.com/office/drawing/2014/main" id="{F509FC72-BA29-6844-A0F3-BDE4964F658F}"/>
              </a:ext>
            </a:extLst>
          </p:cNvPr>
          <p:cNvSpPr/>
          <p:nvPr/>
        </p:nvSpPr>
        <p:spPr>
          <a:xfrm>
            <a:off x="4596207" y="2082199"/>
            <a:ext cx="1152000" cy="864000"/>
          </a:xfrm>
          <a:prstGeom prst="round2DiagRect">
            <a:avLst/>
          </a:prstGeom>
          <a:solidFill>
            <a:srgbClr val="00919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en-US" sz="900" b="1" dirty="0">
                <a:effectLst>
                  <a:outerShdw blurRad="38100" dist="38100" dir="2700000" algn="tl">
                    <a:srgbClr val="000000">
                      <a:alpha val="43137"/>
                    </a:srgbClr>
                  </a:outerShdw>
                </a:effectLst>
              </a:rPr>
              <a:t>Methane</a:t>
            </a:r>
          </a:p>
          <a:p>
            <a:pPr>
              <a:lnSpc>
                <a:spcPct val="150000"/>
              </a:lnSpc>
            </a:pPr>
            <a:endParaRPr lang="en-US" sz="900" b="1" dirty="0">
              <a:effectLst>
                <a:outerShdw blurRad="38100" dist="38100" dir="2700000" algn="tl">
                  <a:srgbClr val="000000">
                    <a:alpha val="43137"/>
                  </a:srgbClr>
                </a:outerShdw>
              </a:effectLst>
            </a:endParaRPr>
          </a:p>
          <a:p>
            <a:pPr>
              <a:lnSpc>
                <a:spcPct val="150000"/>
              </a:lnSpc>
            </a:pPr>
            <a:endParaRPr lang="en-NL" sz="900" b="1" dirty="0">
              <a:effectLst>
                <a:outerShdw blurRad="38100" dist="38100" dir="2700000" algn="tl">
                  <a:srgbClr val="000000">
                    <a:alpha val="43137"/>
                  </a:srgbClr>
                </a:outerShdw>
              </a:effectLst>
            </a:endParaRPr>
          </a:p>
        </p:txBody>
      </p:sp>
      <p:sp>
        <p:nvSpPr>
          <p:cNvPr id="24" name="Rectangle: Diagonal Corners Rounded 23">
            <a:extLst>
              <a:ext uri="{FF2B5EF4-FFF2-40B4-BE49-F238E27FC236}">
                <a16:creationId xmlns:a16="http://schemas.microsoft.com/office/drawing/2014/main" id="{C1193516-7B99-8542-594F-B64C1885313C}"/>
              </a:ext>
            </a:extLst>
          </p:cNvPr>
          <p:cNvSpPr/>
          <p:nvPr/>
        </p:nvSpPr>
        <p:spPr>
          <a:xfrm>
            <a:off x="5793802" y="1439224"/>
            <a:ext cx="1152000" cy="612000"/>
          </a:xfrm>
          <a:prstGeom prst="round2DiagRect">
            <a:avLst/>
          </a:prstGeom>
          <a:solidFill>
            <a:srgbClr val="00924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endParaRPr lang="en-US" sz="200" b="1" dirty="0">
              <a:effectLst>
                <a:outerShdw blurRad="38100" dist="38100" dir="2700000" algn="tl">
                  <a:srgbClr val="000000">
                    <a:alpha val="43137"/>
                  </a:srgbClr>
                </a:outerShdw>
              </a:effectLst>
            </a:endParaRPr>
          </a:p>
          <a:p>
            <a:pPr>
              <a:lnSpc>
                <a:spcPct val="150000"/>
              </a:lnSpc>
            </a:pPr>
            <a:r>
              <a:rPr lang="en-US" sz="900" b="1" dirty="0">
                <a:effectLst>
                  <a:outerShdw blurRad="38100" dist="38100" dir="2700000" algn="tl">
                    <a:srgbClr val="000000">
                      <a:alpha val="43137"/>
                    </a:srgbClr>
                  </a:outerShdw>
                </a:effectLst>
              </a:rPr>
              <a:t>Electrolysis</a:t>
            </a:r>
          </a:p>
          <a:p>
            <a:pPr>
              <a:lnSpc>
                <a:spcPct val="150000"/>
              </a:lnSpc>
            </a:pPr>
            <a:endParaRPr lang="en-US" sz="900" b="1" dirty="0">
              <a:effectLst>
                <a:outerShdw blurRad="38100" dist="38100" dir="2700000" algn="tl">
                  <a:srgbClr val="000000">
                    <a:alpha val="43137"/>
                  </a:srgbClr>
                </a:outerShdw>
              </a:effectLst>
            </a:endParaRPr>
          </a:p>
          <a:p>
            <a:pPr>
              <a:lnSpc>
                <a:spcPct val="150000"/>
              </a:lnSpc>
            </a:pPr>
            <a:endParaRPr lang="en-NL" sz="900" b="1" dirty="0">
              <a:effectLst>
                <a:outerShdw blurRad="38100" dist="38100" dir="2700000" algn="tl">
                  <a:srgbClr val="000000">
                    <a:alpha val="43137"/>
                  </a:srgbClr>
                </a:outerShdw>
              </a:effectLst>
            </a:endParaRPr>
          </a:p>
        </p:txBody>
      </p:sp>
      <p:sp>
        <p:nvSpPr>
          <p:cNvPr id="25" name="Rectangle: Diagonal Corners Rounded 24">
            <a:extLst>
              <a:ext uri="{FF2B5EF4-FFF2-40B4-BE49-F238E27FC236}">
                <a16:creationId xmlns:a16="http://schemas.microsoft.com/office/drawing/2014/main" id="{9FD3FB5F-26FB-5BE7-982E-717C141BBC23}"/>
              </a:ext>
            </a:extLst>
          </p:cNvPr>
          <p:cNvSpPr/>
          <p:nvPr/>
        </p:nvSpPr>
        <p:spPr>
          <a:xfrm>
            <a:off x="5793802" y="2082199"/>
            <a:ext cx="1152000" cy="864000"/>
          </a:xfrm>
          <a:prstGeom prst="round2DiagRect">
            <a:avLst/>
          </a:prstGeom>
          <a:solidFill>
            <a:srgbClr val="00924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900" b="1" dirty="0">
                <a:effectLst>
                  <a:outerShdw blurRad="38100" dist="38100" dir="2700000" algn="tl">
                    <a:srgbClr val="000000">
                      <a:alpha val="43137"/>
                    </a:srgbClr>
                  </a:outerShdw>
                </a:effectLst>
              </a:rPr>
              <a:t>Renewable </a:t>
            </a:r>
          </a:p>
          <a:p>
            <a:r>
              <a:rPr lang="en-US" sz="900" b="1" dirty="0">
                <a:effectLst>
                  <a:outerShdw blurRad="38100" dist="38100" dir="2700000" algn="tl">
                    <a:srgbClr val="000000">
                      <a:alpha val="43137"/>
                    </a:srgbClr>
                  </a:outerShdw>
                </a:effectLst>
              </a:rPr>
              <a:t>electricity</a:t>
            </a:r>
          </a:p>
          <a:p>
            <a:endParaRPr lang="en-US" sz="900" b="1" dirty="0">
              <a:effectLst>
                <a:outerShdw blurRad="38100" dist="38100" dir="2700000" algn="tl">
                  <a:srgbClr val="000000">
                    <a:alpha val="43137"/>
                  </a:srgbClr>
                </a:outerShdw>
              </a:effectLst>
            </a:endParaRPr>
          </a:p>
          <a:p>
            <a:pPr>
              <a:lnSpc>
                <a:spcPct val="150000"/>
              </a:lnSpc>
            </a:pPr>
            <a:endParaRPr lang="en-US" sz="900" b="1" dirty="0">
              <a:effectLst>
                <a:outerShdw blurRad="38100" dist="38100" dir="2700000" algn="tl">
                  <a:srgbClr val="000000">
                    <a:alpha val="43137"/>
                  </a:srgbClr>
                </a:outerShdw>
              </a:effectLst>
            </a:endParaRPr>
          </a:p>
        </p:txBody>
      </p:sp>
      <p:sp>
        <p:nvSpPr>
          <p:cNvPr id="26" name="Titel 1">
            <a:extLst>
              <a:ext uri="{FF2B5EF4-FFF2-40B4-BE49-F238E27FC236}">
                <a16:creationId xmlns:a16="http://schemas.microsoft.com/office/drawing/2014/main" id="{9E7A5357-A081-4475-E14A-E4EA001013AE}"/>
              </a:ext>
            </a:extLst>
          </p:cNvPr>
          <p:cNvSpPr txBox="1">
            <a:spLocks/>
          </p:cNvSpPr>
          <p:nvPr/>
        </p:nvSpPr>
        <p:spPr>
          <a:xfrm>
            <a:off x="1992898" y="1355678"/>
            <a:ext cx="173985" cy="1573697"/>
          </a:xfrm>
          <a:prstGeom prst="rect">
            <a:avLst/>
          </a:prstGeom>
        </p:spPr>
        <p:txBody>
          <a:bodyPr vert="vert270" lIns="0" tIns="0" rIns="0" bIns="0" rtlCol="0" anchor="t" anchorCtr="0">
            <a:noAutofit/>
          </a:bodyPr>
          <a:lstStyle>
            <a:defPPr>
              <a:defRPr lang="nl-NL"/>
            </a:defPPr>
            <a:lvl1pPr algn="ctr">
              <a:lnSpc>
                <a:spcPct val="100000"/>
              </a:lnSpc>
              <a:spcBef>
                <a:spcPct val="0"/>
              </a:spcBef>
              <a:buNone/>
              <a:defRPr sz="1800" b="1">
                <a:solidFill>
                  <a:schemeClr val="bg1">
                    <a:lumMod val="50000"/>
                  </a:schemeClr>
                </a:solidFill>
                <a:latin typeface="Leelawadee" panose="020B0502040204020203" pitchFamily="34" charset="-34"/>
                <a:ea typeface="HGSSoeiKakugothicUB" panose="020B0400000000000000" pitchFamily="34" charset="-128"/>
                <a:cs typeface="Leelawadee" panose="020B0502040204020203" pitchFamily="34" charset="-34"/>
              </a:defRPr>
            </a:lvl1pPr>
          </a:lstStyle>
          <a:p>
            <a:pPr algn="l"/>
            <a:r>
              <a:rPr lang="en-GB" sz="1400" b="0" dirty="0">
                <a:solidFill>
                  <a:schemeClr val="tx1"/>
                </a:solidFill>
                <a:effectLst>
                  <a:outerShdw blurRad="50800" dist="38100" algn="l" rotWithShape="0">
                    <a:prstClr val="black">
                      <a:alpha val="40000"/>
                    </a:prstClr>
                  </a:outerShdw>
                </a:effectLst>
              </a:rPr>
              <a:t>Source       Process</a:t>
            </a:r>
          </a:p>
        </p:txBody>
      </p:sp>
      <p:pic>
        <p:nvPicPr>
          <p:cNvPr id="29" name="Picture 28">
            <a:extLst>
              <a:ext uri="{FF2B5EF4-FFF2-40B4-BE49-F238E27FC236}">
                <a16:creationId xmlns:a16="http://schemas.microsoft.com/office/drawing/2014/main" id="{A6611536-053E-0112-2C08-5597ED3E92B0}"/>
              </a:ext>
            </a:extLst>
          </p:cNvPr>
          <p:cNvPicPr>
            <a:picLocks noChangeAspect="1"/>
          </p:cNvPicPr>
          <p:nvPr/>
        </p:nvPicPr>
        <p:blipFill>
          <a:blip r:embed="rId8">
            <a:duotone>
              <a:prstClr val="black"/>
              <a:schemeClr val="accent6">
                <a:lumMod val="20000"/>
                <a:lumOff val="80000"/>
                <a:tint val="45000"/>
                <a:satMod val="400000"/>
              </a:schemeClr>
            </a:duotone>
          </a:blip>
          <a:stretch>
            <a:fillRect/>
          </a:stretch>
        </p:blipFill>
        <p:spPr>
          <a:xfrm flipH="1">
            <a:off x="6450487" y="2360862"/>
            <a:ext cx="469500" cy="504000"/>
          </a:xfrm>
          <a:prstGeom prst="rect">
            <a:avLst/>
          </a:prstGeom>
        </p:spPr>
      </p:pic>
      <p:pic>
        <p:nvPicPr>
          <p:cNvPr id="30" name="Picture 2" descr="Methane Icon - Free PNG &amp; SVG 80860 - Noun Project">
            <a:extLst>
              <a:ext uri="{FF2B5EF4-FFF2-40B4-BE49-F238E27FC236}">
                <a16:creationId xmlns:a16="http://schemas.microsoft.com/office/drawing/2014/main" id="{96D50AB5-1C8D-EC4F-98F6-31537FA79DDF}"/>
              </a:ext>
            </a:extLst>
          </p:cNvPr>
          <p:cNvPicPr>
            <a:picLocks noChangeAspect="1" noChangeArrowheads="1"/>
          </p:cNvPicPr>
          <p:nvPr/>
        </p:nvPicPr>
        <p:blipFill>
          <a:blip r:embed="rId6" cstate="print">
            <a:biLevel thresh="75000"/>
            <a:extLst>
              <a:ext uri="{28A0092B-C50C-407E-A947-70E740481C1C}">
                <a14:useLocalDpi xmlns:a14="http://schemas.microsoft.com/office/drawing/2010/main" val="0"/>
              </a:ext>
            </a:extLst>
          </a:blip>
          <a:srcRect/>
          <a:stretch>
            <a:fillRect/>
          </a:stretch>
        </p:blipFill>
        <p:spPr bwMode="auto">
          <a:xfrm>
            <a:off x="2919789" y="2102942"/>
            <a:ext cx="432000" cy="432000"/>
          </a:xfrm>
          <a:prstGeom prst="rect">
            <a:avLst/>
          </a:prstGeom>
          <a:noFill/>
          <a:extLst>
            <a:ext uri="{909E8E84-426E-40DD-AFC4-6F175D3DCCD1}">
              <a14:hiddenFill xmlns:a14="http://schemas.microsoft.com/office/drawing/2010/main">
                <a:solidFill>
                  <a:srgbClr val="FFFFFF"/>
                </a:solidFill>
              </a14:hiddenFill>
            </a:ext>
          </a:extLst>
        </p:spPr>
      </p:pic>
      <p:pic>
        <p:nvPicPr>
          <p:cNvPr id="31" name="Picture 30">
            <a:extLst>
              <a:ext uri="{FF2B5EF4-FFF2-40B4-BE49-F238E27FC236}">
                <a16:creationId xmlns:a16="http://schemas.microsoft.com/office/drawing/2014/main" id="{3B82A739-F0FF-CEA7-5731-C7FC377B9445}"/>
              </a:ext>
            </a:extLst>
          </p:cNvPr>
          <p:cNvPicPr>
            <a:picLocks noChangeAspect="1"/>
          </p:cNvPicPr>
          <p:nvPr/>
        </p:nvPicPr>
        <p:blipFill>
          <a:blip r:embed="rId7">
            <a:biLevel thresh="75000"/>
          </a:blip>
          <a:stretch>
            <a:fillRect/>
          </a:stretch>
        </p:blipFill>
        <p:spPr>
          <a:xfrm>
            <a:off x="2706728" y="2499425"/>
            <a:ext cx="396000" cy="396000"/>
          </a:xfrm>
          <a:prstGeom prst="rect">
            <a:avLst/>
          </a:prstGeom>
        </p:spPr>
      </p:pic>
      <p:pic>
        <p:nvPicPr>
          <p:cNvPr id="32" name="Picture 2" descr="Methane Icon - Free PNG &amp; SVG 80860 - Noun Project">
            <a:extLst>
              <a:ext uri="{FF2B5EF4-FFF2-40B4-BE49-F238E27FC236}">
                <a16:creationId xmlns:a16="http://schemas.microsoft.com/office/drawing/2014/main" id="{31F80EA1-60F0-7708-2382-E13B513B0F6B}"/>
              </a:ext>
            </a:extLst>
          </p:cNvPr>
          <p:cNvPicPr>
            <a:picLocks noChangeAspect="1" noChangeArrowheads="1"/>
          </p:cNvPicPr>
          <p:nvPr/>
        </p:nvPicPr>
        <p:blipFill>
          <a:blip r:embed="rId9" cstate="print">
            <a:biLevel thresh="75000"/>
            <a:extLst>
              <a:ext uri="{28A0092B-C50C-407E-A947-70E740481C1C}">
                <a14:useLocalDpi xmlns:a14="http://schemas.microsoft.com/office/drawing/2010/main" val="0"/>
              </a:ext>
            </a:extLst>
          </a:blip>
          <a:srcRect/>
          <a:stretch>
            <a:fillRect/>
          </a:stretch>
        </p:blipFill>
        <p:spPr bwMode="auto">
          <a:xfrm>
            <a:off x="5127151" y="2247838"/>
            <a:ext cx="626400" cy="626400"/>
          </a:xfrm>
          <a:prstGeom prst="rect">
            <a:avLst/>
          </a:prstGeom>
          <a:noFill/>
          <a:extLst>
            <a:ext uri="{909E8E84-426E-40DD-AFC4-6F175D3DCCD1}">
              <a14:hiddenFill xmlns:a14="http://schemas.microsoft.com/office/drawing/2010/main">
                <a:solidFill>
                  <a:srgbClr val="FFFFFF"/>
                </a:solidFill>
              </a14:hiddenFill>
            </a:ext>
          </a:extLst>
        </p:spPr>
      </p:pic>
      <p:sp>
        <p:nvSpPr>
          <p:cNvPr id="12" name="Arrow: Right 11">
            <a:extLst>
              <a:ext uri="{FF2B5EF4-FFF2-40B4-BE49-F238E27FC236}">
                <a16:creationId xmlns:a16="http://schemas.microsoft.com/office/drawing/2014/main" id="{70E0B774-D6DF-725A-E5EE-FE251EFC64DB}"/>
              </a:ext>
            </a:extLst>
          </p:cNvPr>
          <p:cNvSpPr/>
          <p:nvPr/>
        </p:nvSpPr>
        <p:spPr>
          <a:xfrm>
            <a:off x="2303272" y="3030728"/>
            <a:ext cx="4568921" cy="999426"/>
          </a:xfrm>
          <a:prstGeom prst="rightArrow">
            <a:avLst>
              <a:gd name="adj1" fmla="val 50000"/>
              <a:gd name="adj2" fmla="val 106475"/>
            </a:avLst>
          </a:prstGeom>
          <a:gradFill flip="none" rotWithShape="1">
            <a:gsLst>
              <a:gs pos="63000">
                <a:srgbClr val="009195"/>
              </a:gs>
              <a:gs pos="41000">
                <a:srgbClr val="3B8EBC"/>
              </a:gs>
              <a:gs pos="0">
                <a:srgbClr val="7F7F7F"/>
              </a:gs>
              <a:gs pos="100000">
                <a:srgbClr val="009242"/>
              </a:gs>
            </a:gsLst>
            <a:lin ang="0" scaled="1"/>
            <a:tileRect/>
          </a:gradFill>
          <a:ln>
            <a:no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b="1" dirty="0">
                <a:solidFill>
                  <a:schemeClr val="bg1"/>
                </a:solidFill>
                <a:latin typeface="Leelawadee" panose="020B0502040204020203" pitchFamily="34" charset="-34"/>
                <a:ea typeface="Cambria" panose="02040503050406030204" pitchFamily="18" charset="0"/>
                <a:cs typeface="Leelawadee" panose="020B0502040204020203" pitchFamily="34" charset="-34"/>
              </a:rPr>
              <a:t>ENERGY TRANSITION</a:t>
            </a:r>
            <a:endParaRPr lang="en-NL" b="1" dirty="0">
              <a:solidFill>
                <a:schemeClr val="bg1"/>
              </a:solidFill>
              <a:latin typeface="Leelawadee" panose="020B0502040204020203" pitchFamily="34" charset="-34"/>
              <a:ea typeface="Cambria" panose="02040503050406030204" pitchFamily="18" charset="0"/>
              <a:cs typeface="Leelawadee" panose="020B0502040204020203" pitchFamily="34" charset="-34"/>
            </a:endParaRPr>
          </a:p>
        </p:txBody>
      </p:sp>
      <p:graphicFrame>
        <p:nvGraphicFramePr>
          <p:cNvPr id="34" name="Chart 33">
            <a:extLst>
              <a:ext uri="{FF2B5EF4-FFF2-40B4-BE49-F238E27FC236}">
                <a16:creationId xmlns:a16="http://schemas.microsoft.com/office/drawing/2014/main" id="{FC1F53A8-413B-EBBE-8543-8D7389CC6DD9}"/>
              </a:ext>
            </a:extLst>
          </p:cNvPr>
          <p:cNvGraphicFramePr/>
          <p:nvPr>
            <p:extLst>
              <p:ext uri="{D42A27DB-BD31-4B8C-83A1-F6EECF244321}">
                <p14:modId xmlns:p14="http://schemas.microsoft.com/office/powerpoint/2010/main" val="2500306284"/>
              </p:ext>
            </p:extLst>
          </p:nvPr>
        </p:nvGraphicFramePr>
        <p:xfrm>
          <a:off x="-349587" y="3109668"/>
          <a:ext cx="1646449" cy="1081792"/>
        </p:xfrm>
        <a:graphic>
          <a:graphicData uri="http://schemas.openxmlformats.org/drawingml/2006/chart">
            <c:chart xmlns:c="http://schemas.openxmlformats.org/drawingml/2006/chart" xmlns:r="http://schemas.openxmlformats.org/officeDocument/2006/relationships" r:id="rId10"/>
          </a:graphicData>
        </a:graphic>
      </p:graphicFrame>
      <p:pic>
        <p:nvPicPr>
          <p:cNvPr id="35" name="Graphic 34" descr="Earth globe: Africa and Europe with solid fill">
            <a:extLst>
              <a:ext uri="{FF2B5EF4-FFF2-40B4-BE49-F238E27FC236}">
                <a16:creationId xmlns:a16="http://schemas.microsoft.com/office/drawing/2014/main" id="{3477BE90-A9E2-14E1-CB9A-F3000E4F7F09}"/>
              </a:ext>
            </a:extLst>
          </p:cNvPr>
          <p:cNvPicPr>
            <a:picLocks noChangeAspect="1"/>
          </p:cNvPicPr>
          <p:nvPr/>
        </p:nvPicPr>
        <p:blipFill>
          <a:blip r:embed="rId11">
            <a:extLst>
              <a:ext uri="{28A0092B-C50C-407E-A947-70E740481C1C}">
                <a14:useLocalDpi xmlns:a14="http://schemas.microsoft.com/office/drawing/2010/main" val="0"/>
              </a:ext>
              <a:ext uri="{96DAC541-7B7A-43D3-8B79-37D633B846F1}">
                <asvg:svgBlip xmlns:asvg="http://schemas.microsoft.com/office/drawing/2016/SVG/main" r:embed="rId12"/>
              </a:ext>
            </a:extLst>
          </a:blip>
          <a:stretch>
            <a:fillRect/>
          </a:stretch>
        </p:blipFill>
        <p:spPr>
          <a:xfrm>
            <a:off x="871282" y="2866966"/>
            <a:ext cx="1524000" cy="1524000"/>
          </a:xfrm>
          <a:prstGeom prst="rect">
            <a:avLst/>
          </a:prstGeom>
        </p:spPr>
      </p:pic>
      <p:sp>
        <p:nvSpPr>
          <p:cNvPr id="36" name="TextBox 35">
            <a:extLst>
              <a:ext uri="{FF2B5EF4-FFF2-40B4-BE49-F238E27FC236}">
                <a16:creationId xmlns:a16="http://schemas.microsoft.com/office/drawing/2014/main" id="{BCAB85A0-AC9D-D367-A239-931022570040}"/>
              </a:ext>
            </a:extLst>
          </p:cNvPr>
          <p:cNvSpPr txBox="1"/>
          <p:nvPr/>
        </p:nvSpPr>
        <p:spPr>
          <a:xfrm>
            <a:off x="1192183" y="3374647"/>
            <a:ext cx="887096" cy="584775"/>
          </a:xfrm>
          <a:prstGeom prst="rect">
            <a:avLst/>
          </a:prstGeom>
          <a:noFill/>
        </p:spPr>
        <p:txBody>
          <a:bodyPr wrap="square" rtlCol="0" anchor="ctr">
            <a:spAutoFit/>
          </a:bodyPr>
          <a:lstStyle/>
          <a:p>
            <a:pPr algn="ctr"/>
            <a:r>
              <a:rPr lang="en-US" sz="1600" b="1" dirty="0">
                <a:solidFill>
                  <a:schemeClr val="tx1">
                    <a:lumMod val="75000"/>
                    <a:lumOff val="25000"/>
                  </a:schemeClr>
                </a:solidFill>
                <a:latin typeface="Leelawadee" panose="020B0502040204020203" pitchFamily="34" charset="-34"/>
                <a:cs typeface="Leelawadee" panose="020B0502040204020203" pitchFamily="34" charset="-34"/>
              </a:rPr>
              <a:t>Fossil Fuels</a:t>
            </a:r>
            <a:endParaRPr lang="en-NL" sz="1600" b="1" dirty="0">
              <a:solidFill>
                <a:schemeClr val="tx1">
                  <a:lumMod val="75000"/>
                  <a:lumOff val="25000"/>
                </a:schemeClr>
              </a:solidFill>
              <a:latin typeface="Leelawadee" panose="020B0502040204020203" pitchFamily="34" charset="-34"/>
              <a:cs typeface="Leelawadee" panose="020B0502040204020203" pitchFamily="34" charset="-34"/>
            </a:endParaRPr>
          </a:p>
        </p:txBody>
      </p:sp>
      <p:sp>
        <p:nvSpPr>
          <p:cNvPr id="37" name="TextBox 36">
            <a:extLst>
              <a:ext uri="{FF2B5EF4-FFF2-40B4-BE49-F238E27FC236}">
                <a16:creationId xmlns:a16="http://schemas.microsoft.com/office/drawing/2014/main" id="{EBB4431D-09B8-54C9-D9DE-83712C3477B1}"/>
              </a:ext>
            </a:extLst>
          </p:cNvPr>
          <p:cNvSpPr txBox="1"/>
          <p:nvPr/>
        </p:nvSpPr>
        <p:spPr>
          <a:xfrm>
            <a:off x="22697" y="3491908"/>
            <a:ext cx="887096" cy="338554"/>
          </a:xfrm>
          <a:prstGeom prst="rect">
            <a:avLst/>
          </a:prstGeom>
          <a:noFill/>
        </p:spPr>
        <p:txBody>
          <a:bodyPr wrap="square" rtlCol="0" anchor="ctr">
            <a:spAutoFit/>
          </a:bodyPr>
          <a:lstStyle/>
          <a:p>
            <a:pPr algn="ctr"/>
            <a:r>
              <a:rPr lang="en-US" sz="1600" b="1" dirty="0">
                <a:solidFill>
                  <a:schemeClr val="tx1">
                    <a:lumMod val="75000"/>
                    <a:lumOff val="25000"/>
                  </a:schemeClr>
                </a:solidFill>
                <a:latin typeface="Leelawadee" panose="020B0502040204020203" pitchFamily="34" charset="-34"/>
                <a:cs typeface="Leelawadee" panose="020B0502040204020203" pitchFamily="34" charset="-34"/>
              </a:rPr>
              <a:t>H</a:t>
            </a:r>
            <a:r>
              <a:rPr lang="en-US" sz="1600" b="1" baseline="-25000" dirty="0">
                <a:solidFill>
                  <a:schemeClr val="tx1">
                    <a:lumMod val="75000"/>
                    <a:lumOff val="25000"/>
                  </a:schemeClr>
                </a:solidFill>
                <a:latin typeface="Leelawadee" panose="020B0502040204020203" pitchFamily="34" charset="-34"/>
                <a:cs typeface="Leelawadee" panose="020B0502040204020203" pitchFamily="34" charset="-34"/>
              </a:rPr>
              <a:t>2</a:t>
            </a:r>
            <a:endParaRPr lang="en-NL" sz="1600" b="1" baseline="-25000" dirty="0">
              <a:solidFill>
                <a:schemeClr val="tx1">
                  <a:lumMod val="75000"/>
                  <a:lumOff val="25000"/>
                </a:schemeClr>
              </a:solidFill>
              <a:latin typeface="Leelawadee" panose="020B0502040204020203" pitchFamily="34" charset="-34"/>
              <a:cs typeface="Leelawadee" panose="020B0502040204020203" pitchFamily="34" charset="-34"/>
            </a:endParaRPr>
          </a:p>
        </p:txBody>
      </p:sp>
      <p:pic>
        <p:nvPicPr>
          <p:cNvPr id="38" name="Graphic 37" descr="Earth globe: Africa and Europe with solid fill">
            <a:extLst>
              <a:ext uri="{FF2B5EF4-FFF2-40B4-BE49-F238E27FC236}">
                <a16:creationId xmlns:a16="http://schemas.microsoft.com/office/drawing/2014/main" id="{644BF864-6B51-F2F5-8F6E-07D6DE520DE1}"/>
              </a:ext>
            </a:extLst>
          </p:cNvPr>
          <p:cNvPicPr>
            <a:picLocks noChangeAspect="1"/>
          </p:cNvPicPr>
          <p:nvPr/>
        </p:nvPicPr>
        <p:blipFill>
          <a:blip r:embed="rId13">
            <a:extLst>
              <a:ext uri="{28A0092B-C50C-407E-A947-70E740481C1C}">
                <a14:useLocalDpi xmlns:a14="http://schemas.microsoft.com/office/drawing/2010/main" val="0"/>
              </a:ext>
              <a:ext uri="{96DAC541-7B7A-43D3-8B79-37D633B846F1}">
                <asvg:svgBlip xmlns:asvg="http://schemas.microsoft.com/office/drawing/2016/SVG/main" r:embed="rId14"/>
              </a:ext>
            </a:extLst>
          </a:blip>
          <a:stretch>
            <a:fillRect/>
          </a:stretch>
        </p:blipFill>
        <p:spPr>
          <a:xfrm>
            <a:off x="6768404" y="2866213"/>
            <a:ext cx="1524000" cy="1524000"/>
          </a:xfrm>
          <a:prstGeom prst="rect">
            <a:avLst/>
          </a:prstGeom>
        </p:spPr>
      </p:pic>
      <p:sp>
        <p:nvSpPr>
          <p:cNvPr id="40" name="TextBox 39">
            <a:extLst>
              <a:ext uri="{FF2B5EF4-FFF2-40B4-BE49-F238E27FC236}">
                <a16:creationId xmlns:a16="http://schemas.microsoft.com/office/drawing/2014/main" id="{E25AC102-F522-365D-AD22-D5D2FF348EB9}"/>
              </a:ext>
            </a:extLst>
          </p:cNvPr>
          <p:cNvSpPr txBox="1"/>
          <p:nvPr/>
        </p:nvSpPr>
        <p:spPr>
          <a:xfrm>
            <a:off x="6954860" y="3414031"/>
            <a:ext cx="1137583" cy="584775"/>
          </a:xfrm>
          <a:prstGeom prst="rect">
            <a:avLst/>
          </a:prstGeom>
          <a:noFill/>
        </p:spPr>
        <p:txBody>
          <a:bodyPr wrap="square" rtlCol="0" anchor="ctr">
            <a:spAutoFit/>
          </a:bodyPr>
          <a:lstStyle/>
          <a:p>
            <a:pPr algn="ctr"/>
            <a:r>
              <a:rPr lang="en-US" sz="1600" b="1" dirty="0">
                <a:solidFill>
                  <a:schemeClr val="tx1">
                    <a:lumMod val="75000"/>
                    <a:lumOff val="25000"/>
                  </a:schemeClr>
                </a:solidFill>
                <a:latin typeface="Leelawadee" panose="020B0502040204020203" pitchFamily="34" charset="-34"/>
                <a:cs typeface="Leelawadee" panose="020B0502040204020203" pitchFamily="34" charset="-34"/>
              </a:rPr>
              <a:t>Green</a:t>
            </a:r>
          </a:p>
          <a:p>
            <a:pPr algn="ctr"/>
            <a:r>
              <a:rPr lang="en-US" sz="1600" b="1" dirty="0">
                <a:solidFill>
                  <a:schemeClr val="tx1">
                    <a:lumMod val="75000"/>
                    <a:lumOff val="25000"/>
                  </a:schemeClr>
                </a:solidFill>
                <a:latin typeface="Leelawadee" panose="020B0502040204020203" pitchFamily="34" charset="-34"/>
                <a:cs typeface="Leelawadee" panose="020B0502040204020203" pitchFamily="34" charset="-34"/>
              </a:rPr>
              <a:t>H</a:t>
            </a:r>
            <a:r>
              <a:rPr lang="en-US" sz="1600" b="1" baseline="-25000" dirty="0">
                <a:solidFill>
                  <a:schemeClr val="tx1">
                    <a:lumMod val="75000"/>
                    <a:lumOff val="25000"/>
                  </a:schemeClr>
                </a:solidFill>
                <a:latin typeface="Leelawadee" panose="020B0502040204020203" pitchFamily="34" charset="-34"/>
                <a:cs typeface="Leelawadee" panose="020B0502040204020203" pitchFamily="34" charset="-34"/>
              </a:rPr>
              <a:t>2</a:t>
            </a:r>
            <a:endParaRPr lang="en-NL" sz="1600" b="1" baseline="-25000" dirty="0">
              <a:solidFill>
                <a:schemeClr val="tx1">
                  <a:lumMod val="75000"/>
                  <a:lumOff val="25000"/>
                </a:schemeClr>
              </a:solidFill>
              <a:latin typeface="Leelawadee" panose="020B0502040204020203" pitchFamily="34" charset="-34"/>
              <a:cs typeface="Leelawadee" panose="020B0502040204020203" pitchFamily="34" charset="-34"/>
            </a:endParaRPr>
          </a:p>
        </p:txBody>
      </p:sp>
      <p:graphicFrame>
        <p:nvGraphicFramePr>
          <p:cNvPr id="41" name="Chart 40">
            <a:extLst>
              <a:ext uri="{FF2B5EF4-FFF2-40B4-BE49-F238E27FC236}">
                <a16:creationId xmlns:a16="http://schemas.microsoft.com/office/drawing/2014/main" id="{2C3CEAD9-02D7-62F1-1403-8B0F164873C6}"/>
              </a:ext>
            </a:extLst>
          </p:cNvPr>
          <p:cNvGraphicFramePr/>
          <p:nvPr>
            <p:extLst>
              <p:ext uri="{D42A27DB-BD31-4B8C-83A1-F6EECF244321}">
                <p14:modId xmlns:p14="http://schemas.microsoft.com/office/powerpoint/2010/main" val="2668846057"/>
              </p:ext>
            </p:extLst>
          </p:nvPr>
        </p:nvGraphicFramePr>
        <p:xfrm>
          <a:off x="7875643" y="3085967"/>
          <a:ext cx="1646449" cy="1081792"/>
        </p:xfrm>
        <a:graphic>
          <a:graphicData uri="http://schemas.openxmlformats.org/drawingml/2006/chart">
            <c:chart xmlns:c="http://schemas.openxmlformats.org/drawingml/2006/chart" xmlns:r="http://schemas.openxmlformats.org/officeDocument/2006/relationships" r:id="rId15"/>
          </a:graphicData>
        </a:graphic>
      </p:graphicFrame>
      <p:sp>
        <p:nvSpPr>
          <p:cNvPr id="42" name="TextBox 41">
            <a:extLst>
              <a:ext uri="{FF2B5EF4-FFF2-40B4-BE49-F238E27FC236}">
                <a16:creationId xmlns:a16="http://schemas.microsoft.com/office/drawing/2014/main" id="{31CD3A54-C005-FFD5-F61A-2EA9D4FC1AC1}"/>
              </a:ext>
            </a:extLst>
          </p:cNvPr>
          <p:cNvSpPr txBox="1"/>
          <p:nvPr/>
        </p:nvSpPr>
        <p:spPr>
          <a:xfrm>
            <a:off x="8255319" y="3340766"/>
            <a:ext cx="887096" cy="584775"/>
          </a:xfrm>
          <a:prstGeom prst="rect">
            <a:avLst/>
          </a:prstGeom>
          <a:noFill/>
        </p:spPr>
        <p:txBody>
          <a:bodyPr wrap="square" rtlCol="0" anchor="ctr">
            <a:spAutoFit/>
          </a:bodyPr>
          <a:lstStyle/>
          <a:p>
            <a:pPr algn="ctr"/>
            <a:r>
              <a:rPr lang="en-US" sz="1600" b="1" dirty="0">
                <a:solidFill>
                  <a:schemeClr val="tx1">
                    <a:lumMod val="65000"/>
                    <a:lumOff val="35000"/>
                  </a:schemeClr>
                </a:solidFill>
                <a:latin typeface="Leelawadee" panose="020B0502040204020203" pitchFamily="34" charset="-34"/>
                <a:cs typeface="Leelawadee" panose="020B0502040204020203" pitchFamily="34" charset="-34"/>
              </a:rPr>
              <a:t>Fossil Fuels</a:t>
            </a:r>
            <a:endParaRPr lang="en-NL" sz="1600" b="1" dirty="0">
              <a:solidFill>
                <a:schemeClr val="tx1">
                  <a:lumMod val="65000"/>
                  <a:lumOff val="35000"/>
                </a:schemeClr>
              </a:solidFill>
              <a:latin typeface="Leelawadee" panose="020B0502040204020203" pitchFamily="34" charset="-34"/>
              <a:cs typeface="Leelawadee" panose="020B0502040204020203" pitchFamily="34" charset="-34"/>
            </a:endParaRPr>
          </a:p>
        </p:txBody>
      </p:sp>
      <p:sp>
        <p:nvSpPr>
          <p:cNvPr id="15" name="Tijdelijke aanduiding voor inhoud 2">
            <a:extLst>
              <a:ext uri="{FF2B5EF4-FFF2-40B4-BE49-F238E27FC236}">
                <a16:creationId xmlns:a16="http://schemas.microsoft.com/office/drawing/2014/main" id="{DAF80521-DF62-3478-CE23-4D4558ED1442}"/>
              </a:ext>
            </a:extLst>
          </p:cNvPr>
          <p:cNvSpPr txBox="1">
            <a:spLocks/>
          </p:cNvSpPr>
          <p:nvPr/>
        </p:nvSpPr>
        <p:spPr>
          <a:xfrm>
            <a:off x="1902052" y="4347589"/>
            <a:ext cx="5787820" cy="341588"/>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r>
              <a:rPr lang="en-US" sz="700" dirty="0">
                <a:solidFill>
                  <a:schemeClr val="accent5"/>
                </a:solidFill>
              </a:rPr>
              <a:t>[01]</a:t>
            </a:r>
            <a:r>
              <a:rPr lang="en-US" sz="700" b="1" dirty="0">
                <a:solidFill>
                  <a:schemeClr val="accent5"/>
                </a:solidFill>
              </a:rPr>
              <a:t> Kovac A. et al. </a:t>
            </a:r>
            <a:r>
              <a:rPr lang="en-US" sz="700" dirty="0">
                <a:solidFill>
                  <a:schemeClr val="accent5"/>
                </a:solidFill>
              </a:rPr>
              <a:t>– </a:t>
            </a:r>
            <a:r>
              <a:rPr lang="en-US" sz="700" i="1" dirty="0">
                <a:solidFill>
                  <a:schemeClr val="accent5"/>
                </a:solidFill>
              </a:rPr>
              <a:t>Hydrogen in energy transition: A review </a:t>
            </a:r>
            <a:r>
              <a:rPr lang="en-US" sz="700" dirty="0">
                <a:solidFill>
                  <a:schemeClr val="accent5"/>
                </a:solidFill>
              </a:rPr>
              <a:t>– </a:t>
            </a:r>
            <a:r>
              <a:rPr lang="de-DE" sz="700" dirty="0">
                <a:solidFill>
                  <a:schemeClr val="accent5"/>
                </a:solidFill>
              </a:rPr>
              <a:t>International Journal </a:t>
            </a:r>
            <a:r>
              <a:rPr lang="de-DE" sz="700" dirty="0" err="1">
                <a:solidFill>
                  <a:schemeClr val="accent5"/>
                </a:solidFill>
              </a:rPr>
              <a:t>of</a:t>
            </a:r>
            <a:r>
              <a:rPr lang="de-DE" sz="700" dirty="0">
                <a:solidFill>
                  <a:schemeClr val="accent5"/>
                </a:solidFill>
              </a:rPr>
              <a:t> Hydrogen Energy</a:t>
            </a:r>
            <a:r>
              <a:rPr lang="en-US" sz="700" dirty="0">
                <a:solidFill>
                  <a:schemeClr val="accent5"/>
                </a:solidFill>
              </a:rPr>
              <a:t>, v. 46, 10016-10035 (2021)</a:t>
            </a:r>
          </a:p>
          <a:p>
            <a:pPr lvl="0" algn="just">
              <a:defRPr/>
            </a:pPr>
            <a:r>
              <a:rPr lang="en-US" sz="700" dirty="0">
                <a:solidFill>
                  <a:srgbClr val="101073"/>
                </a:solidFill>
              </a:rPr>
              <a:t>[02] </a:t>
            </a:r>
            <a:r>
              <a:rPr lang="en-US" sz="700" b="1" dirty="0" err="1">
                <a:solidFill>
                  <a:srgbClr val="101073"/>
                </a:solidFill>
              </a:rPr>
              <a:t>Capurso</a:t>
            </a:r>
            <a:r>
              <a:rPr lang="en-US" sz="700" b="1" dirty="0">
                <a:solidFill>
                  <a:srgbClr val="101073"/>
                </a:solidFill>
              </a:rPr>
              <a:t> T. et al. – </a:t>
            </a:r>
            <a:r>
              <a:rPr lang="en-US" sz="700" i="1" dirty="0">
                <a:solidFill>
                  <a:srgbClr val="101073"/>
                </a:solidFill>
              </a:rPr>
              <a:t>Perspective of the role of hydrogen in the 21</a:t>
            </a:r>
            <a:r>
              <a:rPr lang="en-US" sz="700" i="1" baseline="30000" dirty="0">
                <a:solidFill>
                  <a:srgbClr val="101073"/>
                </a:solidFill>
              </a:rPr>
              <a:t>st</a:t>
            </a:r>
            <a:r>
              <a:rPr lang="en-US" sz="700" i="1" dirty="0">
                <a:solidFill>
                  <a:srgbClr val="101073"/>
                </a:solidFill>
              </a:rPr>
              <a:t> century energy transition</a:t>
            </a:r>
            <a:r>
              <a:rPr lang="en-US" sz="700" i="1" dirty="0">
                <a:solidFill>
                  <a:schemeClr val="accent5"/>
                </a:solidFill>
              </a:rPr>
              <a:t> </a:t>
            </a:r>
            <a:r>
              <a:rPr lang="en-US" sz="700" dirty="0">
                <a:solidFill>
                  <a:schemeClr val="accent5"/>
                </a:solidFill>
              </a:rPr>
              <a:t>– </a:t>
            </a:r>
            <a:r>
              <a:rPr lang="en-US" sz="700" dirty="0">
                <a:solidFill>
                  <a:srgbClr val="101073"/>
                </a:solidFill>
              </a:rPr>
              <a:t>Energy Conversion and Management, v. 251, 114898 (2022)</a:t>
            </a:r>
          </a:p>
          <a:p>
            <a:pPr algn="just"/>
            <a:endParaRPr lang="en-US" sz="700" dirty="0">
              <a:solidFill>
                <a:schemeClr val="accent5"/>
              </a:solidFill>
            </a:endParaRPr>
          </a:p>
        </p:txBody>
      </p:sp>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16">
            <a:biLevel thresh="25000"/>
            <a:alphaModFix/>
            <a:extLst>
              <a:ext uri="{BEBA8EAE-BF5A-486C-A8C5-ECC9F3942E4B}">
                <a14:imgProps xmlns:a14="http://schemas.microsoft.com/office/drawing/2010/main">
                  <a14:imgLayer r:embed="rId17">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3</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Introduction</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Hydrogen as flagship of the Energy Transition</a:t>
            </a:r>
          </a:p>
        </p:txBody>
      </p:sp>
    </p:spTree>
    <p:extLst>
      <p:ext uri="{BB962C8B-B14F-4D97-AF65-F5344CB8AC3E}">
        <p14:creationId xmlns:p14="http://schemas.microsoft.com/office/powerpoint/2010/main" val="4242629697"/>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nodeType="withEffect">
                                  <p:stCondLst>
                                    <p:cond delay="0"/>
                                  </p:stCondLst>
                                  <p:childTnLst>
                                    <p:set>
                                      <p:cBhvr>
                                        <p:cTn id="6" dur="1" fill="hold">
                                          <p:stCondLst>
                                            <p:cond delay="0"/>
                                          </p:stCondLst>
                                        </p:cTn>
                                        <p:tgtEl>
                                          <p:spTgt spid="27"/>
                                        </p:tgtEl>
                                        <p:attrNameLst>
                                          <p:attrName>style.visibility</p:attrName>
                                        </p:attrNameLst>
                                      </p:cBhvr>
                                      <p:to>
                                        <p:strVal val="visible"/>
                                      </p:to>
                                    </p:set>
                                    <p:animEffect transition="in" filter="wipe(down)">
                                      <p:cBhvr>
                                        <p:cTn id="7" dur="1000"/>
                                        <p:tgtEl>
                                          <p:spTgt spid="27"/>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34"/>
                                        </p:tgtEl>
                                        <p:attrNameLst>
                                          <p:attrName>style.visibility</p:attrName>
                                        </p:attrNameLst>
                                      </p:cBhvr>
                                      <p:to>
                                        <p:strVal val="visible"/>
                                      </p:to>
                                    </p:set>
                                    <p:animEffect transition="in" filter="wipe(down)">
                                      <p:cBhvr>
                                        <p:cTn id="10" dur="1000"/>
                                        <p:tgtEl>
                                          <p:spTgt spid="34"/>
                                        </p:tgtEl>
                                      </p:cBhvr>
                                    </p:animEffect>
                                  </p:childTnLst>
                                </p:cTn>
                              </p:par>
                              <p:par>
                                <p:cTn id="11" presetID="22" presetClass="entr" presetSubtype="4" fill="hold" grpId="0" nodeType="withEffect">
                                  <p:stCondLst>
                                    <p:cond delay="0"/>
                                  </p:stCondLst>
                                  <p:childTnLst>
                                    <p:set>
                                      <p:cBhvr>
                                        <p:cTn id="12" dur="1" fill="hold">
                                          <p:stCondLst>
                                            <p:cond delay="0"/>
                                          </p:stCondLst>
                                        </p:cTn>
                                        <p:tgtEl>
                                          <p:spTgt spid="36"/>
                                        </p:tgtEl>
                                        <p:attrNameLst>
                                          <p:attrName>style.visibility</p:attrName>
                                        </p:attrNameLst>
                                      </p:cBhvr>
                                      <p:to>
                                        <p:strVal val="visible"/>
                                      </p:to>
                                    </p:set>
                                    <p:animEffect transition="in" filter="wipe(down)">
                                      <p:cBhvr>
                                        <p:cTn id="13" dur="1000"/>
                                        <p:tgtEl>
                                          <p:spTgt spid="36"/>
                                        </p:tgtEl>
                                      </p:cBhvr>
                                    </p:animEffect>
                                  </p:childTnLst>
                                </p:cTn>
                              </p:par>
                              <p:par>
                                <p:cTn id="14" presetID="22" presetClass="entr" presetSubtype="4" fill="hold" grpId="0" nodeType="withEffect">
                                  <p:stCondLst>
                                    <p:cond delay="0"/>
                                  </p:stCondLst>
                                  <p:childTnLst>
                                    <p:set>
                                      <p:cBhvr>
                                        <p:cTn id="15" dur="1" fill="hold">
                                          <p:stCondLst>
                                            <p:cond delay="0"/>
                                          </p:stCondLst>
                                        </p:cTn>
                                        <p:tgtEl>
                                          <p:spTgt spid="37"/>
                                        </p:tgtEl>
                                        <p:attrNameLst>
                                          <p:attrName>style.visibility</p:attrName>
                                        </p:attrNameLst>
                                      </p:cBhvr>
                                      <p:to>
                                        <p:strVal val="visible"/>
                                      </p:to>
                                    </p:set>
                                    <p:animEffect transition="in" filter="wipe(down)">
                                      <p:cBhvr>
                                        <p:cTn id="16" dur="1000"/>
                                        <p:tgtEl>
                                          <p:spTgt spid="37"/>
                                        </p:tgtEl>
                                      </p:cBhvr>
                                    </p:animEffect>
                                  </p:childTnLst>
                                </p:cTn>
                              </p:par>
                              <p:par>
                                <p:cTn id="17" presetID="22" presetClass="entr" presetSubtype="4" fill="hold" nodeType="withEffect">
                                  <p:stCondLst>
                                    <p:cond delay="0"/>
                                  </p:stCondLst>
                                  <p:childTnLst>
                                    <p:set>
                                      <p:cBhvr>
                                        <p:cTn id="18" dur="1" fill="hold">
                                          <p:stCondLst>
                                            <p:cond delay="0"/>
                                          </p:stCondLst>
                                        </p:cTn>
                                        <p:tgtEl>
                                          <p:spTgt spid="35"/>
                                        </p:tgtEl>
                                        <p:attrNameLst>
                                          <p:attrName>style.visibility</p:attrName>
                                        </p:attrNameLst>
                                      </p:cBhvr>
                                      <p:to>
                                        <p:strVal val="visible"/>
                                      </p:to>
                                    </p:set>
                                    <p:animEffect transition="in" filter="wipe(down)">
                                      <p:cBhvr>
                                        <p:cTn id="19" dur="1000"/>
                                        <p:tgtEl>
                                          <p:spTgt spid="35"/>
                                        </p:tgtEl>
                                      </p:cBhvr>
                                    </p:animEffect>
                                  </p:childTnLst>
                                </p:cTn>
                              </p:par>
                            </p:childTnLst>
                          </p:cTn>
                        </p:par>
                        <p:par>
                          <p:cTn id="20" fill="hold">
                            <p:stCondLst>
                              <p:cond delay="1000"/>
                            </p:stCondLst>
                            <p:childTnLst>
                              <p:par>
                                <p:cTn id="21" presetID="22" presetClass="entr" presetSubtype="8" fill="hold" grpId="0" nodeType="afterEffect">
                                  <p:stCondLst>
                                    <p:cond delay="0"/>
                                  </p:stCondLst>
                                  <p:childTnLst>
                                    <p:set>
                                      <p:cBhvr>
                                        <p:cTn id="22" dur="1" fill="hold">
                                          <p:stCondLst>
                                            <p:cond delay="0"/>
                                          </p:stCondLst>
                                        </p:cTn>
                                        <p:tgtEl>
                                          <p:spTgt spid="12"/>
                                        </p:tgtEl>
                                        <p:attrNameLst>
                                          <p:attrName>style.visibility</p:attrName>
                                        </p:attrNameLst>
                                      </p:cBhvr>
                                      <p:to>
                                        <p:strVal val="visible"/>
                                      </p:to>
                                    </p:set>
                                    <p:animEffect transition="in" filter="wipe(left)">
                                      <p:cBhvr>
                                        <p:cTn id="23" dur="1500"/>
                                        <p:tgtEl>
                                          <p:spTgt spid="12"/>
                                        </p:tgtEl>
                                      </p:cBhvr>
                                    </p:animEffect>
                                  </p:childTnLst>
                                </p:cTn>
                              </p:par>
                            </p:childTnLst>
                          </p:cTn>
                        </p:par>
                        <p:par>
                          <p:cTn id="24" fill="hold">
                            <p:stCondLst>
                              <p:cond delay="2500"/>
                            </p:stCondLst>
                            <p:childTnLst>
                              <p:par>
                                <p:cTn id="25" presetID="22" presetClass="entr" presetSubtype="4" fill="hold" nodeType="afterEffect">
                                  <p:stCondLst>
                                    <p:cond delay="0"/>
                                  </p:stCondLst>
                                  <p:childTnLst>
                                    <p:set>
                                      <p:cBhvr>
                                        <p:cTn id="26" dur="1" fill="hold">
                                          <p:stCondLst>
                                            <p:cond delay="0"/>
                                          </p:stCondLst>
                                        </p:cTn>
                                        <p:tgtEl>
                                          <p:spTgt spid="6"/>
                                        </p:tgtEl>
                                        <p:attrNameLst>
                                          <p:attrName>style.visibility</p:attrName>
                                        </p:attrNameLst>
                                      </p:cBhvr>
                                      <p:to>
                                        <p:strVal val="visible"/>
                                      </p:to>
                                    </p:set>
                                    <p:animEffect transition="in" filter="wipe(down)">
                                      <p:cBhvr>
                                        <p:cTn id="27" dur="1000"/>
                                        <p:tgtEl>
                                          <p:spTgt spid="6"/>
                                        </p:tgtEl>
                                      </p:cBhvr>
                                    </p:animEffect>
                                  </p:childTnLst>
                                </p:cTn>
                              </p:par>
                              <p:par>
                                <p:cTn id="28" presetID="22" presetClass="entr" presetSubtype="4" fill="hold" nodeType="withEffect">
                                  <p:stCondLst>
                                    <p:cond delay="0"/>
                                  </p:stCondLst>
                                  <p:childTnLst>
                                    <p:set>
                                      <p:cBhvr>
                                        <p:cTn id="29" dur="1" fill="hold">
                                          <p:stCondLst>
                                            <p:cond delay="0"/>
                                          </p:stCondLst>
                                        </p:cTn>
                                        <p:tgtEl>
                                          <p:spTgt spid="38"/>
                                        </p:tgtEl>
                                        <p:attrNameLst>
                                          <p:attrName>style.visibility</p:attrName>
                                        </p:attrNameLst>
                                      </p:cBhvr>
                                      <p:to>
                                        <p:strVal val="visible"/>
                                      </p:to>
                                    </p:set>
                                    <p:animEffect transition="in" filter="wipe(down)">
                                      <p:cBhvr>
                                        <p:cTn id="30" dur="1000"/>
                                        <p:tgtEl>
                                          <p:spTgt spid="38"/>
                                        </p:tgtEl>
                                      </p:cBhvr>
                                    </p:animEffect>
                                  </p:childTnLst>
                                </p:cTn>
                              </p:par>
                              <p:par>
                                <p:cTn id="31" presetID="22" presetClass="entr" presetSubtype="4" fill="hold" grpId="0" nodeType="withEffect">
                                  <p:stCondLst>
                                    <p:cond delay="0"/>
                                  </p:stCondLst>
                                  <p:childTnLst>
                                    <p:set>
                                      <p:cBhvr>
                                        <p:cTn id="32" dur="1" fill="hold">
                                          <p:stCondLst>
                                            <p:cond delay="0"/>
                                          </p:stCondLst>
                                        </p:cTn>
                                        <p:tgtEl>
                                          <p:spTgt spid="40"/>
                                        </p:tgtEl>
                                        <p:attrNameLst>
                                          <p:attrName>style.visibility</p:attrName>
                                        </p:attrNameLst>
                                      </p:cBhvr>
                                      <p:to>
                                        <p:strVal val="visible"/>
                                      </p:to>
                                    </p:set>
                                    <p:animEffect transition="in" filter="wipe(down)">
                                      <p:cBhvr>
                                        <p:cTn id="33" dur="1000"/>
                                        <p:tgtEl>
                                          <p:spTgt spid="40"/>
                                        </p:tgtEl>
                                      </p:cBhvr>
                                    </p:animEffect>
                                  </p:childTnLst>
                                </p:cTn>
                              </p:par>
                              <p:par>
                                <p:cTn id="34" presetID="22" presetClass="entr" presetSubtype="4" fill="hold" grpId="0" nodeType="withEffect">
                                  <p:stCondLst>
                                    <p:cond delay="0"/>
                                  </p:stCondLst>
                                  <p:childTnLst>
                                    <p:set>
                                      <p:cBhvr>
                                        <p:cTn id="35" dur="1" fill="hold">
                                          <p:stCondLst>
                                            <p:cond delay="0"/>
                                          </p:stCondLst>
                                        </p:cTn>
                                        <p:tgtEl>
                                          <p:spTgt spid="41"/>
                                        </p:tgtEl>
                                        <p:attrNameLst>
                                          <p:attrName>style.visibility</p:attrName>
                                        </p:attrNameLst>
                                      </p:cBhvr>
                                      <p:to>
                                        <p:strVal val="visible"/>
                                      </p:to>
                                    </p:set>
                                    <p:animEffect transition="in" filter="wipe(down)">
                                      <p:cBhvr>
                                        <p:cTn id="36" dur="1000"/>
                                        <p:tgtEl>
                                          <p:spTgt spid="41"/>
                                        </p:tgtEl>
                                      </p:cBhvr>
                                    </p:animEffect>
                                  </p:childTnLst>
                                </p:cTn>
                              </p:par>
                              <p:par>
                                <p:cTn id="37" presetID="22" presetClass="entr" presetSubtype="4" fill="hold" grpId="0" nodeType="withEffect">
                                  <p:stCondLst>
                                    <p:cond delay="0"/>
                                  </p:stCondLst>
                                  <p:childTnLst>
                                    <p:set>
                                      <p:cBhvr>
                                        <p:cTn id="38" dur="1" fill="hold">
                                          <p:stCondLst>
                                            <p:cond delay="0"/>
                                          </p:stCondLst>
                                        </p:cTn>
                                        <p:tgtEl>
                                          <p:spTgt spid="42"/>
                                        </p:tgtEl>
                                        <p:attrNameLst>
                                          <p:attrName>style.visibility</p:attrName>
                                        </p:attrNameLst>
                                      </p:cBhvr>
                                      <p:to>
                                        <p:strVal val="visible"/>
                                      </p:to>
                                    </p:set>
                                    <p:animEffect transition="in" filter="wipe(down)">
                                      <p:cBhvr>
                                        <p:cTn id="39" dur="1000"/>
                                        <p:tgtEl>
                                          <p:spTgt spid="42"/>
                                        </p:tgtEl>
                                      </p:cBhvr>
                                    </p:animEffect>
                                  </p:childTnLst>
                                </p:cTn>
                              </p:par>
                            </p:childTnLst>
                          </p:cTn>
                        </p:par>
                        <p:par>
                          <p:cTn id="40" fill="hold">
                            <p:stCondLst>
                              <p:cond delay="3500"/>
                            </p:stCondLst>
                            <p:childTnLst>
                              <p:par>
                                <p:cTn id="41" presetID="22" presetClass="entr" presetSubtype="8" fill="hold" grpId="0" nodeType="afterEffect">
                                  <p:stCondLst>
                                    <p:cond delay="0"/>
                                  </p:stCondLst>
                                  <p:childTnLst>
                                    <p:set>
                                      <p:cBhvr>
                                        <p:cTn id="42" dur="1" fill="hold">
                                          <p:stCondLst>
                                            <p:cond delay="0"/>
                                          </p:stCondLst>
                                        </p:cTn>
                                        <p:tgtEl>
                                          <p:spTgt spid="13"/>
                                        </p:tgtEl>
                                        <p:attrNameLst>
                                          <p:attrName>style.visibility</p:attrName>
                                        </p:attrNameLst>
                                      </p:cBhvr>
                                      <p:to>
                                        <p:strVal val="visible"/>
                                      </p:to>
                                    </p:set>
                                    <p:animEffect transition="in" filter="wipe(left)">
                                      <p:cBhvr>
                                        <p:cTn id="43" dur="1000"/>
                                        <p:tgtEl>
                                          <p:spTgt spid="13"/>
                                        </p:tgtEl>
                                      </p:cBhvr>
                                    </p:animEffect>
                                  </p:childTnLst>
                                </p:cTn>
                              </p:par>
                            </p:childTnLst>
                          </p:cTn>
                        </p:par>
                        <p:par>
                          <p:cTn id="44" fill="hold">
                            <p:stCondLst>
                              <p:cond delay="4500"/>
                            </p:stCondLst>
                            <p:childTnLst>
                              <p:par>
                                <p:cTn id="45" presetID="22" presetClass="entr" presetSubtype="8" fill="hold" grpId="0" nodeType="afterEffect">
                                  <p:stCondLst>
                                    <p:cond delay="0"/>
                                  </p:stCondLst>
                                  <p:childTnLst>
                                    <p:set>
                                      <p:cBhvr>
                                        <p:cTn id="46" dur="1" fill="hold">
                                          <p:stCondLst>
                                            <p:cond delay="0"/>
                                          </p:stCondLst>
                                        </p:cTn>
                                        <p:tgtEl>
                                          <p:spTgt spid="14"/>
                                        </p:tgtEl>
                                        <p:attrNameLst>
                                          <p:attrName>style.visibility</p:attrName>
                                        </p:attrNameLst>
                                      </p:cBhvr>
                                      <p:to>
                                        <p:strVal val="visible"/>
                                      </p:to>
                                    </p:set>
                                    <p:animEffect transition="in" filter="wipe(left)">
                                      <p:cBhvr>
                                        <p:cTn id="47" dur="1000"/>
                                        <p:tgtEl>
                                          <p:spTgt spid="14"/>
                                        </p:tgtEl>
                                      </p:cBhvr>
                                    </p:animEffect>
                                  </p:childTnLst>
                                </p:cTn>
                              </p:par>
                            </p:childTnLst>
                          </p:cTn>
                        </p:par>
                        <p:par>
                          <p:cTn id="48" fill="hold">
                            <p:stCondLst>
                              <p:cond delay="5500"/>
                            </p:stCondLst>
                            <p:childTnLst>
                              <p:par>
                                <p:cTn id="49" presetID="22" presetClass="entr" presetSubtype="8" fill="hold" grpId="0" nodeType="afterEffect">
                                  <p:stCondLst>
                                    <p:cond delay="0"/>
                                  </p:stCondLst>
                                  <p:childTnLst>
                                    <p:set>
                                      <p:cBhvr>
                                        <p:cTn id="50" dur="1" fill="hold">
                                          <p:stCondLst>
                                            <p:cond delay="0"/>
                                          </p:stCondLst>
                                        </p:cTn>
                                        <p:tgtEl>
                                          <p:spTgt spid="17"/>
                                        </p:tgtEl>
                                        <p:attrNameLst>
                                          <p:attrName>style.visibility</p:attrName>
                                        </p:attrNameLst>
                                      </p:cBhvr>
                                      <p:to>
                                        <p:strVal val="visible"/>
                                      </p:to>
                                    </p:set>
                                    <p:animEffect transition="in" filter="wipe(left)">
                                      <p:cBhvr>
                                        <p:cTn id="51" dur="1000"/>
                                        <p:tgtEl>
                                          <p:spTgt spid="17"/>
                                        </p:tgtEl>
                                      </p:cBhvr>
                                    </p:animEffect>
                                  </p:childTnLst>
                                </p:cTn>
                              </p:par>
                            </p:childTnLst>
                          </p:cTn>
                        </p:par>
                        <p:par>
                          <p:cTn id="52" fill="hold">
                            <p:stCondLst>
                              <p:cond delay="6500"/>
                            </p:stCondLst>
                            <p:childTnLst>
                              <p:par>
                                <p:cTn id="53" presetID="22" presetClass="entr" presetSubtype="8" fill="hold" grpId="0" nodeType="afterEffect">
                                  <p:stCondLst>
                                    <p:cond delay="0"/>
                                  </p:stCondLst>
                                  <p:childTnLst>
                                    <p:set>
                                      <p:cBhvr>
                                        <p:cTn id="54" dur="1" fill="hold">
                                          <p:stCondLst>
                                            <p:cond delay="0"/>
                                          </p:stCondLst>
                                        </p:cTn>
                                        <p:tgtEl>
                                          <p:spTgt spid="18"/>
                                        </p:tgtEl>
                                        <p:attrNameLst>
                                          <p:attrName>style.visibility</p:attrName>
                                        </p:attrNameLst>
                                      </p:cBhvr>
                                      <p:to>
                                        <p:strVal val="visible"/>
                                      </p:to>
                                    </p:set>
                                    <p:animEffect transition="in" filter="wipe(left)">
                                      <p:cBhvr>
                                        <p:cTn id="55" dur="1000"/>
                                        <p:tgtEl>
                                          <p:spTgt spid="18"/>
                                        </p:tgtEl>
                                      </p:cBhvr>
                                    </p:animEffect>
                                  </p:childTnLst>
                                </p:cTn>
                              </p:par>
                            </p:childTnLst>
                          </p:cTn>
                        </p:par>
                        <p:par>
                          <p:cTn id="56" fill="hold">
                            <p:stCondLst>
                              <p:cond delay="7500"/>
                            </p:stCondLst>
                            <p:childTnLst>
                              <p:par>
                                <p:cTn id="57" presetID="22" presetClass="entr" presetSubtype="8" fill="hold" grpId="0" nodeType="afterEffect">
                                  <p:stCondLst>
                                    <p:cond delay="0"/>
                                  </p:stCondLst>
                                  <p:childTnLst>
                                    <p:set>
                                      <p:cBhvr>
                                        <p:cTn id="58" dur="1" fill="hold">
                                          <p:stCondLst>
                                            <p:cond delay="0"/>
                                          </p:stCondLst>
                                        </p:cTn>
                                        <p:tgtEl>
                                          <p:spTgt spid="26"/>
                                        </p:tgtEl>
                                        <p:attrNameLst>
                                          <p:attrName>style.visibility</p:attrName>
                                        </p:attrNameLst>
                                      </p:cBhvr>
                                      <p:to>
                                        <p:strVal val="visible"/>
                                      </p:to>
                                    </p:set>
                                    <p:animEffect transition="in" filter="wipe(left)">
                                      <p:cBhvr>
                                        <p:cTn id="59" dur="500"/>
                                        <p:tgtEl>
                                          <p:spTgt spid="26"/>
                                        </p:tgtEl>
                                      </p:cBhvr>
                                    </p:animEffect>
                                  </p:childTnLst>
                                </p:cTn>
                              </p:par>
                            </p:childTnLst>
                          </p:cTn>
                        </p:par>
                        <p:par>
                          <p:cTn id="60" fill="hold">
                            <p:stCondLst>
                              <p:cond delay="8000"/>
                            </p:stCondLst>
                            <p:childTnLst>
                              <p:par>
                                <p:cTn id="61" presetID="22" presetClass="entr" presetSubtype="1" fill="hold" grpId="0" nodeType="afterEffect">
                                  <p:stCondLst>
                                    <p:cond delay="0"/>
                                  </p:stCondLst>
                                  <p:childTnLst>
                                    <p:set>
                                      <p:cBhvr>
                                        <p:cTn id="62" dur="1" fill="hold">
                                          <p:stCondLst>
                                            <p:cond delay="0"/>
                                          </p:stCondLst>
                                        </p:cTn>
                                        <p:tgtEl>
                                          <p:spTgt spid="4"/>
                                        </p:tgtEl>
                                        <p:attrNameLst>
                                          <p:attrName>style.visibility</p:attrName>
                                        </p:attrNameLst>
                                      </p:cBhvr>
                                      <p:to>
                                        <p:strVal val="visible"/>
                                      </p:to>
                                    </p:set>
                                    <p:animEffect transition="in" filter="wipe(up)">
                                      <p:cBhvr>
                                        <p:cTn id="63" dur="750"/>
                                        <p:tgtEl>
                                          <p:spTgt spid="4"/>
                                        </p:tgtEl>
                                      </p:cBhvr>
                                    </p:animEffect>
                                  </p:childTnLst>
                                </p:cTn>
                              </p:par>
                            </p:childTnLst>
                          </p:cTn>
                        </p:par>
                        <p:par>
                          <p:cTn id="64" fill="hold">
                            <p:stCondLst>
                              <p:cond delay="8750"/>
                            </p:stCondLst>
                            <p:childTnLst>
                              <p:par>
                                <p:cTn id="65" presetID="22" presetClass="entr" presetSubtype="1" fill="hold" grpId="0" nodeType="afterEffect">
                                  <p:stCondLst>
                                    <p:cond delay="0"/>
                                  </p:stCondLst>
                                  <p:childTnLst>
                                    <p:set>
                                      <p:cBhvr>
                                        <p:cTn id="66" dur="1" fill="hold">
                                          <p:stCondLst>
                                            <p:cond delay="0"/>
                                          </p:stCondLst>
                                        </p:cTn>
                                        <p:tgtEl>
                                          <p:spTgt spid="10"/>
                                        </p:tgtEl>
                                        <p:attrNameLst>
                                          <p:attrName>style.visibility</p:attrName>
                                        </p:attrNameLst>
                                      </p:cBhvr>
                                      <p:to>
                                        <p:strVal val="visible"/>
                                      </p:to>
                                    </p:set>
                                    <p:animEffect transition="in" filter="wipe(up)">
                                      <p:cBhvr>
                                        <p:cTn id="67" dur="750"/>
                                        <p:tgtEl>
                                          <p:spTgt spid="10"/>
                                        </p:tgtEl>
                                      </p:cBhvr>
                                    </p:animEffect>
                                  </p:childTnLst>
                                </p:cTn>
                              </p:par>
                              <p:par>
                                <p:cTn id="68" presetID="22" presetClass="entr" presetSubtype="8" fill="hold" nodeType="withEffect">
                                  <p:stCondLst>
                                    <p:cond delay="500"/>
                                  </p:stCondLst>
                                  <p:childTnLst>
                                    <p:set>
                                      <p:cBhvr>
                                        <p:cTn id="69" dur="1" fill="hold">
                                          <p:stCondLst>
                                            <p:cond delay="0"/>
                                          </p:stCondLst>
                                        </p:cTn>
                                        <p:tgtEl>
                                          <p:spTgt spid="30"/>
                                        </p:tgtEl>
                                        <p:attrNameLst>
                                          <p:attrName>style.visibility</p:attrName>
                                        </p:attrNameLst>
                                      </p:cBhvr>
                                      <p:to>
                                        <p:strVal val="visible"/>
                                      </p:to>
                                    </p:set>
                                    <p:animEffect transition="in" filter="wipe(left)">
                                      <p:cBhvr>
                                        <p:cTn id="70" dur="1000"/>
                                        <p:tgtEl>
                                          <p:spTgt spid="30"/>
                                        </p:tgtEl>
                                      </p:cBhvr>
                                    </p:animEffect>
                                  </p:childTnLst>
                                </p:cTn>
                              </p:par>
                              <p:par>
                                <p:cTn id="71" presetID="22" presetClass="entr" presetSubtype="8" fill="hold" nodeType="withEffect">
                                  <p:stCondLst>
                                    <p:cond delay="500"/>
                                  </p:stCondLst>
                                  <p:childTnLst>
                                    <p:set>
                                      <p:cBhvr>
                                        <p:cTn id="72" dur="1" fill="hold">
                                          <p:stCondLst>
                                            <p:cond delay="0"/>
                                          </p:stCondLst>
                                        </p:cTn>
                                        <p:tgtEl>
                                          <p:spTgt spid="31"/>
                                        </p:tgtEl>
                                        <p:attrNameLst>
                                          <p:attrName>style.visibility</p:attrName>
                                        </p:attrNameLst>
                                      </p:cBhvr>
                                      <p:to>
                                        <p:strVal val="visible"/>
                                      </p:to>
                                    </p:set>
                                    <p:animEffect transition="in" filter="wipe(left)">
                                      <p:cBhvr>
                                        <p:cTn id="73" dur="1000"/>
                                        <p:tgtEl>
                                          <p:spTgt spid="31"/>
                                        </p:tgtEl>
                                      </p:cBhvr>
                                    </p:animEffect>
                                  </p:childTnLst>
                                </p:cTn>
                              </p:par>
                            </p:childTnLst>
                          </p:cTn>
                        </p:par>
                        <p:par>
                          <p:cTn id="74" fill="hold">
                            <p:stCondLst>
                              <p:cond delay="10250"/>
                            </p:stCondLst>
                            <p:childTnLst>
                              <p:par>
                                <p:cTn id="75" presetID="22" presetClass="entr" presetSubtype="1" fill="hold" grpId="0" nodeType="afterEffect">
                                  <p:stCondLst>
                                    <p:cond delay="0"/>
                                  </p:stCondLst>
                                  <p:childTnLst>
                                    <p:set>
                                      <p:cBhvr>
                                        <p:cTn id="76" dur="1" fill="hold">
                                          <p:stCondLst>
                                            <p:cond delay="0"/>
                                          </p:stCondLst>
                                        </p:cTn>
                                        <p:tgtEl>
                                          <p:spTgt spid="21"/>
                                        </p:tgtEl>
                                        <p:attrNameLst>
                                          <p:attrName>style.visibility</p:attrName>
                                        </p:attrNameLst>
                                      </p:cBhvr>
                                      <p:to>
                                        <p:strVal val="visible"/>
                                      </p:to>
                                    </p:set>
                                    <p:animEffect transition="in" filter="wipe(up)">
                                      <p:cBhvr>
                                        <p:cTn id="77" dur="750"/>
                                        <p:tgtEl>
                                          <p:spTgt spid="21"/>
                                        </p:tgtEl>
                                      </p:cBhvr>
                                    </p:animEffect>
                                  </p:childTnLst>
                                </p:cTn>
                              </p:par>
                            </p:childTnLst>
                          </p:cTn>
                        </p:par>
                        <p:par>
                          <p:cTn id="78" fill="hold">
                            <p:stCondLst>
                              <p:cond delay="11000"/>
                            </p:stCondLst>
                            <p:childTnLst>
                              <p:par>
                                <p:cTn id="79" presetID="22" presetClass="entr" presetSubtype="1" fill="hold" grpId="0" nodeType="afterEffect">
                                  <p:stCondLst>
                                    <p:cond delay="0"/>
                                  </p:stCondLst>
                                  <p:childTnLst>
                                    <p:set>
                                      <p:cBhvr>
                                        <p:cTn id="80" dur="1" fill="hold">
                                          <p:stCondLst>
                                            <p:cond delay="0"/>
                                          </p:stCondLst>
                                        </p:cTn>
                                        <p:tgtEl>
                                          <p:spTgt spid="8"/>
                                        </p:tgtEl>
                                        <p:attrNameLst>
                                          <p:attrName>style.visibility</p:attrName>
                                        </p:attrNameLst>
                                      </p:cBhvr>
                                      <p:to>
                                        <p:strVal val="visible"/>
                                      </p:to>
                                    </p:set>
                                    <p:animEffect transition="in" filter="wipe(up)">
                                      <p:cBhvr>
                                        <p:cTn id="81" dur="750"/>
                                        <p:tgtEl>
                                          <p:spTgt spid="8"/>
                                        </p:tgtEl>
                                      </p:cBhvr>
                                    </p:animEffect>
                                  </p:childTnLst>
                                </p:cTn>
                              </p:par>
                              <p:par>
                                <p:cTn id="82" presetID="22" presetClass="entr" presetSubtype="8" fill="hold" nodeType="withEffect">
                                  <p:stCondLst>
                                    <p:cond delay="500"/>
                                  </p:stCondLst>
                                  <p:childTnLst>
                                    <p:set>
                                      <p:cBhvr>
                                        <p:cTn id="83" dur="1" fill="hold">
                                          <p:stCondLst>
                                            <p:cond delay="0"/>
                                          </p:stCondLst>
                                        </p:cTn>
                                        <p:tgtEl>
                                          <p:spTgt spid="9"/>
                                        </p:tgtEl>
                                        <p:attrNameLst>
                                          <p:attrName>style.visibility</p:attrName>
                                        </p:attrNameLst>
                                      </p:cBhvr>
                                      <p:to>
                                        <p:strVal val="visible"/>
                                      </p:to>
                                    </p:set>
                                    <p:animEffect transition="in" filter="wipe(left)">
                                      <p:cBhvr>
                                        <p:cTn id="84" dur="1000"/>
                                        <p:tgtEl>
                                          <p:spTgt spid="9"/>
                                        </p:tgtEl>
                                      </p:cBhvr>
                                    </p:animEffect>
                                  </p:childTnLst>
                                </p:cTn>
                              </p:par>
                              <p:par>
                                <p:cTn id="85" presetID="22" presetClass="entr" presetSubtype="8" fill="hold" nodeType="withEffect">
                                  <p:stCondLst>
                                    <p:cond delay="500"/>
                                  </p:stCondLst>
                                  <p:childTnLst>
                                    <p:set>
                                      <p:cBhvr>
                                        <p:cTn id="86" dur="1" fill="hold">
                                          <p:stCondLst>
                                            <p:cond delay="0"/>
                                          </p:stCondLst>
                                        </p:cTn>
                                        <p:tgtEl>
                                          <p:spTgt spid="11"/>
                                        </p:tgtEl>
                                        <p:attrNameLst>
                                          <p:attrName>style.visibility</p:attrName>
                                        </p:attrNameLst>
                                      </p:cBhvr>
                                      <p:to>
                                        <p:strVal val="visible"/>
                                      </p:to>
                                    </p:set>
                                    <p:animEffect transition="in" filter="wipe(left)">
                                      <p:cBhvr>
                                        <p:cTn id="87" dur="1000"/>
                                        <p:tgtEl>
                                          <p:spTgt spid="11"/>
                                        </p:tgtEl>
                                      </p:cBhvr>
                                    </p:animEffect>
                                  </p:childTnLst>
                                </p:cTn>
                              </p:par>
                            </p:childTnLst>
                          </p:cTn>
                        </p:par>
                        <p:par>
                          <p:cTn id="88" fill="hold">
                            <p:stCondLst>
                              <p:cond delay="12500"/>
                            </p:stCondLst>
                            <p:childTnLst>
                              <p:par>
                                <p:cTn id="89" presetID="22" presetClass="entr" presetSubtype="1" fill="hold" grpId="0" nodeType="afterEffect">
                                  <p:stCondLst>
                                    <p:cond delay="0"/>
                                  </p:stCondLst>
                                  <p:childTnLst>
                                    <p:set>
                                      <p:cBhvr>
                                        <p:cTn id="90" dur="1" fill="hold">
                                          <p:stCondLst>
                                            <p:cond delay="0"/>
                                          </p:stCondLst>
                                        </p:cTn>
                                        <p:tgtEl>
                                          <p:spTgt spid="22"/>
                                        </p:tgtEl>
                                        <p:attrNameLst>
                                          <p:attrName>style.visibility</p:attrName>
                                        </p:attrNameLst>
                                      </p:cBhvr>
                                      <p:to>
                                        <p:strVal val="visible"/>
                                      </p:to>
                                    </p:set>
                                    <p:animEffect transition="in" filter="wipe(up)">
                                      <p:cBhvr>
                                        <p:cTn id="91" dur="750"/>
                                        <p:tgtEl>
                                          <p:spTgt spid="22"/>
                                        </p:tgtEl>
                                      </p:cBhvr>
                                    </p:animEffect>
                                  </p:childTnLst>
                                </p:cTn>
                              </p:par>
                            </p:childTnLst>
                          </p:cTn>
                        </p:par>
                        <p:par>
                          <p:cTn id="92" fill="hold">
                            <p:stCondLst>
                              <p:cond delay="13250"/>
                            </p:stCondLst>
                            <p:childTnLst>
                              <p:par>
                                <p:cTn id="93" presetID="22" presetClass="entr" presetSubtype="1" fill="hold" grpId="0" nodeType="afterEffect">
                                  <p:stCondLst>
                                    <p:cond delay="0"/>
                                  </p:stCondLst>
                                  <p:childTnLst>
                                    <p:set>
                                      <p:cBhvr>
                                        <p:cTn id="94" dur="1" fill="hold">
                                          <p:stCondLst>
                                            <p:cond delay="0"/>
                                          </p:stCondLst>
                                        </p:cTn>
                                        <p:tgtEl>
                                          <p:spTgt spid="23"/>
                                        </p:tgtEl>
                                        <p:attrNameLst>
                                          <p:attrName>style.visibility</p:attrName>
                                        </p:attrNameLst>
                                      </p:cBhvr>
                                      <p:to>
                                        <p:strVal val="visible"/>
                                      </p:to>
                                    </p:set>
                                    <p:animEffect transition="in" filter="wipe(up)">
                                      <p:cBhvr>
                                        <p:cTn id="95" dur="750"/>
                                        <p:tgtEl>
                                          <p:spTgt spid="23"/>
                                        </p:tgtEl>
                                      </p:cBhvr>
                                    </p:animEffect>
                                  </p:childTnLst>
                                </p:cTn>
                              </p:par>
                              <p:par>
                                <p:cTn id="96" presetID="22" presetClass="entr" presetSubtype="8" fill="hold" nodeType="withEffect">
                                  <p:stCondLst>
                                    <p:cond delay="500"/>
                                  </p:stCondLst>
                                  <p:childTnLst>
                                    <p:set>
                                      <p:cBhvr>
                                        <p:cTn id="97" dur="1" fill="hold">
                                          <p:stCondLst>
                                            <p:cond delay="0"/>
                                          </p:stCondLst>
                                        </p:cTn>
                                        <p:tgtEl>
                                          <p:spTgt spid="32"/>
                                        </p:tgtEl>
                                        <p:attrNameLst>
                                          <p:attrName>style.visibility</p:attrName>
                                        </p:attrNameLst>
                                      </p:cBhvr>
                                      <p:to>
                                        <p:strVal val="visible"/>
                                      </p:to>
                                    </p:set>
                                    <p:animEffect transition="in" filter="wipe(left)">
                                      <p:cBhvr>
                                        <p:cTn id="98" dur="1000"/>
                                        <p:tgtEl>
                                          <p:spTgt spid="32"/>
                                        </p:tgtEl>
                                      </p:cBhvr>
                                    </p:animEffect>
                                  </p:childTnLst>
                                </p:cTn>
                              </p:par>
                            </p:childTnLst>
                          </p:cTn>
                        </p:par>
                        <p:par>
                          <p:cTn id="99" fill="hold">
                            <p:stCondLst>
                              <p:cond delay="14750"/>
                            </p:stCondLst>
                            <p:childTnLst>
                              <p:par>
                                <p:cTn id="100" presetID="22" presetClass="entr" presetSubtype="1" fill="hold" grpId="0" nodeType="afterEffect">
                                  <p:stCondLst>
                                    <p:cond delay="0"/>
                                  </p:stCondLst>
                                  <p:childTnLst>
                                    <p:set>
                                      <p:cBhvr>
                                        <p:cTn id="101" dur="1" fill="hold">
                                          <p:stCondLst>
                                            <p:cond delay="0"/>
                                          </p:stCondLst>
                                        </p:cTn>
                                        <p:tgtEl>
                                          <p:spTgt spid="24"/>
                                        </p:tgtEl>
                                        <p:attrNameLst>
                                          <p:attrName>style.visibility</p:attrName>
                                        </p:attrNameLst>
                                      </p:cBhvr>
                                      <p:to>
                                        <p:strVal val="visible"/>
                                      </p:to>
                                    </p:set>
                                    <p:animEffect transition="in" filter="wipe(up)">
                                      <p:cBhvr>
                                        <p:cTn id="102" dur="750"/>
                                        <p:tgtEl>
                                          <p:spTgt spid="24"/>
                                        </p:tgtEl>
                                      </p:cBhvr>
                                    </p:animEffect>
                                  </p:childTnLst>
                                </p:cTn>
                              </p:par>
                            </p:childTnLst>
                          </p:cTn>
                        </p:par>
                        <p:par>
                          <p:cTn id="103" fill="hold">
                            <p:stCondLst>
                              <p:cond delay="15500"/>
                            </p:stCondLst>
                            <p:childTnLst>
                              <p:par>
                                <p:cTn id="104" presetID="22" presetClass="entr" presetSubtype="1" fill="hold" grpId="0" nodeType="afterEffect">
                                  <p:stCondLst>
                                    <p:cond delay="0"/>
                                  </p:stCondLst>
                                  <p:childTnLst>
                                    <p:set>
                                      <p:cBhvr>
                                        <p:cTn id="105" dur="1" fill="hold">
                                          <p:stCondLst>
                                            <p:cond delay="0"/>
                                          </p:stCondLst>
                                        </p:cTn>
                                        <p:tgtEl>
                                          <p:spTgt spid="25"/>
                                        </p:tgtEl>
                                        <p:attrNameLst>
                                          <p:attrName>style.visibility</p:attrName>
                                        </p:attrNameLst>
                                      </p:cBhvr>
                                      <p:to>
                                        <p:strVal val="visible"/>
                                      </p:to>
                                    </p:set>
                                    <p:animEffect transition="in" filter="wipe(up)">
                                      <p:cBhvr>
                                        <p:cTn id="106" dur="750"/>
                                        <p:tgtEl>
                                          <p:spTgt spid="25"/>
                                        </p:tgtEl>
                                      </p:cBhvr>
                                    </p:animEffect>
                                  </p:childTnLst>
                                </p:cTn>
                              </p:par>
                              <p:par>
                                <p:cTn id="107" presetID="22" presetClass="entr" presetSubtype="8" fill="hold" nodeType="withEffect">
                                  <p:stCondLst>
                                    <p:cond delay="500"/>
                                  </p:stCondLst>
                                  <p:childTnLst>
                                    <p:set>
                                      <p:cBhvr>
                                        <p:cTn id="108" dur="1" fill="hold">
                                          <p:stCondLst>
                                            <p:cond delay="0"/>
                                          </p:stCondLst>
                                        </p:cTn>
                                        <p:tgtEl>
                                          <p:spTgt spid="29"/>
                                        </p:tgtEl>
                                        <p:attrNameLst>
                                          <p:attrName>style.visibility</p:attrName>
                                        </p:attrNameLst>
                                      </p:cBhvr>
                                      <p:to>
                                        <p:strVal val="visible"/>
                                      </p:to>
                                    </p:set>
                                    <p:animEffect transition="in" filter="wipe(left)">
                                      <p:cBhvr>
                                        <p:cTn id="109" dur="1000"/>
                                        <p:tgtEl>
                                          <p:spTgt spid="29"/>
                                        </p:tgtEl>
                                      </p:cBhvr>
                                    </p:animEffect>
                                  </p:childTnLst>
                                </p:cTn>
                              </p:par>
                            </p:childTnLst>
                          </p:cTn>
                        </p:par>
                        <p:par>
                          <p:cTn id="110" fill="hold">
                            <p:stCondLst>
                              <p:cond delay="17000"/>
                            </p:stCondLst>
                            <p:childTnLst>
                              <p:par>
                                <p:cTn id="111" presetID="22" presetClass="entr" presetSubtype="8" fill="hold" grpId="0" nodeType="afterEffect">
                                  <p:stCondLst>
                                    <p:cond delay="0"/>
                                  </p:stCondLst>
                                  <p:childTnLst>
                                    <p:set>
                                      <p:cBhvr>
                                        <p:cTn id="112" dur="1" fill="hold">
                                          <p:stCondLst>
                                            <p:cond delay="0"/>
                                          </p:stCondLst>
                                        </p:cTn>
                                        <p:tgtEl>
                                          <p:spTgt spid="15"/>
                                        </p:tgtEl>
                                        <p:attrNameLst>
                                          <p:attrName>style.visibility</p:attrName>
                                        </p:attrNameLst>
                                      </p:cBhvr>
                                      <p:to>
                                        <p:strVal val="visible"/>
                                      </p:to>
                                    </p:set>
                                    <p:animEffect transition="in" filter="wipe(left)">
                                      <p:cBhvr>
                                        <p:cTn id="113" dur="1000"/>
                                        <p:tgtEl>
                                          <p:spTgt spid="1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animBg="1"/>
      <p:bldP spid="13" grpId="0"/>
      <p:bldP spid="14" grpId="0"/>
      <p:bldP spid="17" grpId="0"/>
      <p:bldP spid="18" grpId="0"/>
      <p:bldP spid="4" grpId="0" animBg="1"/>
      <p:bldP spid="10" grpId="0" animBg="1"/>
      <p:bldP spid="21" grpId="0" animBg="1"/>
      <p:bldP spid="22" grpId="0" animBg="1"/>
      <p:bldP spid="23" grpId="0" animBg="1"/>
      <p:bldP spid="24" grpId="0" animBg="1"/>
      <p:bldP spid="25" grpId="0" animBg="1"/>
      <p:bldP spid="26" grpId="0"/>
      <p:bldP spid="12" grpId="0" animBg="1"/>
      <p:bldGraphic spid="34" grpId="0">
        <p:bldAsOne/>
      </p:bldGraphic>
      <p:bldP spid="36" grpId="0"/>
      <p:bldP spid="37" grpId="0"/>
      <p:bldP spid="40" grpId="0"/>
      <p:bldGraphic spid="41" grpId="0">
        <p:bldAsOne/>
      </p:bldGraphic>
      <p:bldP spid="42" grpId="0"/>
      <p:bldP spid="15"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descr="Car Green 3D - Free GIF on Pixabay - Pixabay">
            <a:extLst>
              <a:ext uri="{FF2B5EF4-FFF2-40B4-BE49-F238E27FC236}">
                <a16:creationId xmlns:a16="http://schemas.microsoft.com/office/drawing/2014/main" id="{E64E80D8-6F57-49F9-FD57-87ECA5B8082A}"/>
              </a:ext>
            </a:extLst>
          </p:cNvPr>
          <p:cNvPicPr>
            <a:picLocks noChangeAspect="1" noChangeArrowheads="1"/>
          </p:cNvPicPr>
          <p:nvPr/>
        </p:nvPicPr>
        <p:blipFill rotWithShape="1">
          <a:blip r:embed="rId3" cstate="print">
            <a:duotone>
              <a:schemeClr val="accent5">
                <a:shade val="45000"/>
                <a:satMod val="135000"/>
              </a:schemeClr>
              <a:prstClr val="white"/>
            </a:duotone>
            <a:extLst>
              <a:ext uri="{28A0092B-C50C-407E-A947-70E740481C1C}">
                <a14:useLocalDpi xmlns:a14="http://schemas.microsoft.com/office/drawing/2010/main" val="0"/>
              </a:ext>
            </a:extLst>
          </a:blip>
          <a:srcRect l="3184"/>
          <a:stretch/>
        </p:blipFill>
        <p:spPr bwMode="auto">
          <a:xfrm flipH="1">
            <a:off x="5417173" y="3333696"/>
            <a:ext cx="1620052" cy="941248"/>
          </a:xfrm>
          <a:prstGeom prst="rect">
            <a:avLst/>
          </a:prstGeom>
          <a:noFill/>
          <a:extLst>
            <a:ext uri="{909E8E84-426E-40DD-AFC4-6F175D3DCCD1}">
              <a14:hiddenFill xmlns:a14="http://schemas.microsoft.com/office/drawing/2010/main">
                <a:solidFill>
                  <a:srgbClr val="FFFFFF"/>
                </a:solidFill>
              </a14:hiddenFill>
            </a:ext>
          </a:extLst>
        </p:spPr>
      </p:pic>
      <p:grpSp>
        <p:nvGrpSpPr>
          <p:cNvPr id="33" name="Group 32">
            <a:extLst>
              <a:ext uri="{FF2B5EF4-FFF2-40B4-BE49-F238E27FC236}">
                <a16:creationId xmlns:a16="http://schemas.microsoft.com/office/drawing/2014/main" id="{A8EDDEAB-ABBE-EADC-5CD4-1F9A25D73CAA}"/>
              </a:ext>
            </a:extLst>
          </p:cNvPr>
          <p:cNvGrpSpPr/>
          <p:nvPr/>
        </p:nvGrpSpPr>
        <p:grpSpPr>
          <a:xfrm>
            <a:off x="6413693" y="1771476"/>
            <a:ext cx="2708315" cy="2355220"/>
            <a:chOff x="6882551" y="1518024"/>
            <a:chExt cx="2691656" cy="2454223"/>
          </a:xfrm>
        </p:grpSpPr>
        <p:grpSp>
          <p:nvGrpSpPr>
            <p:cNvPr id="7" name="Group 6">
              <a:extLst>
                <a:ext uri="{FF2B5EF4-FFF2-40B4-BE49-F238E27FC236}">
                  <a16:creationId xmlns:a16="http://schemas.microsoft.com/office/drawing/2014/main" id="{EEDF0F09-99D8-570B-8FD4-496ECECB0A3A}"/>
                </a:ext>
              </a:extLst>
            </p:cNvPr>
            <p:cNvGrpSpPr/>
            <p:nvPr/>
          </p:nvGrpSpPr>
          <p:grpSpPr>
            <a:xfrm>
              <a:off x="6882551" y="2459650"/>
              <a:ext cx="2134895" cy="1372700"/>
              <a:chOff x="6708991" y="2742498"/>
              <a:chExt cx="2134895" cy="1372700"/>
            </a:xfrm>
          </p:grpSpPr>
          <p:pic>
            <p:nvPicPr>
              <p:cNvPr id="45" name="Picture 10" descr="See the source image">
                <a:extLst>
                  <a:ext uri="{FF2B5EF4-FFF2-40B4-BE49-F238E27FC236}">
                    <a16:creationId xmlns:a16="http://schemas.microsoft.com/office/drawing/2014/main" id="{AD76EA14-B366-D165-3492-0E0F888F8594}"/>
                  </a:ext>
                </a:extLst>
              </p:cNvPr>
              <p:cNvPicPr>
                <a:picLocks noChangeAspect="1" noChangeArrowheads="1" noCrop="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824609" y="2867619"/>
                <a:ext cx="2019277" cy="1247579"/>
              </a:xfrm>
              <a:prstGeom prst="rect">
                <a:avLst/>
              </a:prstGeom>
              <a:extLst>
                <a:ext uri="{909E8E84-426E-40DD-AFC4-6F175D3DCCD1}">
                  <a14:hiddenFill xmlns:a14="http://schemas.microsoft.com/office/drawing/2010/main">
                    <a:solidFill>
                      <a:srgbClr val="FFFFFF"/>
                    </a:solidFill>
                  </a14:hiddenFill>
                </a:ext>
              </a:extLst>
            </p:spPr>
          </p:pic>
          <p:sp>
            <p:nvSpPr>
              <p:cNvPr id="48" name="Rectangle 47">
                <a:extLst>
                  <a:ext uri="{FF2B5EF4-FFF2-40B4-BE49-F238E27FC236}">
                    <a16:creationId xmlns:a16="http://schemas.microsoft.com/office/drawing/2014/main" id="{8F0FF8C7-D2BD-4586-7EBF-86A8291B0210}"/>
                  </a:ext>
                </a:extLst>
              </p:cNvPr>
              <p:cNvSpPr/>
              <p:nvPr/>
            </p:nvSpPr>
            <p:spPr>
              <a:xfrm>
                <a:off x="7565708" y="2831746"/>
                <a:ext cx="830900" cy="16153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a:p>
            </p:txBody>
          </p:sp>
          <p:sp>
            <p:nvSpPr>
              <p:cNvPr id="49" name="Rectangle 48">
                <a:extLst>
                  <a:ext uri="{FF2B5EF4-FFF2-40B4-BE49-F238E27FC236}">
                    <a16:creationId xmlns:a16="http://schemas.microsoft.com/office/drawing/2014/main" id="{96034AD3-374B-EB6B-AB52-EC170BEF367B}"/>
                  </a:ext>
                </a:extLst>
              </p:cNvPr>
              <p:cNvSpPr/>
              <p:nvPr/>
            </p:nvSpPr>
            <p:spPr>
              <a:xfrm>
                <a:off x="8321528" y="3793561"/>
                <a:ext cx="503211" cy="32163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a:p>
            </p:txBody>
          </p:sp>
          <p:sp>
            <p:nvSpPr>
              <p:cNvPr id="50" name="Rectangle 49">
                <a:extLst>
                  <a:ext uri="{FF2B5EF4-FFF2-40B4-BE49-F238E27FC236}">
                    <a16:creationId xmlns:a16="http://schemas.microsoft.com/office/drawing/2014/main" id="{FCE42A17-5501-BB4B-244D-FBB04E61B1AB}"/>
                  </a:ext>
                </a:extLst>
              </p:cNvPr>
              <p:cNvSpPr/>
              <p:nvPr/>
            </p:nvSpPr>
            <p:spPr>
              <a:xfrm>
                <a:off x="6832931" y="3528152"/>
                <a:ext cx="464006" cy="12528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a:p>
            </p:txBody>
          </p:sp>
          <p:sp>
            <p:nvSpPr>
              <p:cNvPr id="51" name="Rectangle 50">
                <a:extLst>
                  <a:ext uri="{FF2B5EF4-FFF2-40B4-BE49-F238E27FC236}">
                    <a16:creationId xmlns:a16="http://schemas.microsoft.com/office/drawing/2014/main" id="{BEEB7C46-520E-6A2E-3B4F-DB43515C3395}"/>
                  </a:ext>
                </a:extLst>
              </p:cNvPr>
              <p:cNvSpPr/>
              <p:nvPr/>
            </p:nvSpPr>
            <p:spPr>
              <a:xfrm>
                <a:off x="6708991" y="3047718"/>
                <a:ext cx="540113" cy="19048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a:p>
            </p:txBody>
          </p:sp>
          <p:sp>
            <p:nvSpPr>
              <p:cNvPr id="52" name="Rectangle 51">
                <a:extLst>
                  <a:ext uri="{FF2B5EF4-FFF2-40B4-BE49-F238E27FC236}">
                    <a16:creationId xmlns:a16="http://schemas.microsoft.com/office/drawing/2014/main" id="{F7DCFF25-CA5E-5A54-733F-C2937B323B59}"/>
                  </a:ext>
                </a:extLst>
              </p:cNvPr>
              <p:cNvSpPr/>
              <p:nvPr/>
            </p:nvSpPr>
            <p:spPr>
              <a:xfrm>
                <a:off x="7476163" y="2854116"/>
                <a:ext cx="183639" cy="16153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a:p>
            </p:txBody>
          </p:sp>
          <p:sp>
            <p:nvSpPr>
              <p:cNvPr id="53" name="Rectangle 52">
                <a:extLst>
                  <a:ext uri="{FF2B5EF4-FFF2-40B4-BE49-F238E27FC236}">
                    <a16:creationId xmlns:a16="http://schemas.microsoft.com/office/drawing/2014/main" id="{39568A7E-1803-3B5D-7948-5D37D43E40CC}"/>
                  </a:ext>
                </a:extLst>
              </p:cNvPr>
              <p:cNvSpPr/>
              <p:nvPr/>
            </p:nvSpPr>
            <p:spPr>
              <a:xfrm>
                <a:off x="8360733" y="3082910"/>
                <a:ext cx="464006" cy="16153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a:p>
            </p:txBody>
          </p:sp>
          <p:sp>
            <p:nvSpPr>
              <p:cNvPr id="54" name="Rectangle 53">
                <a:extLst>
                  <a:ext uri="{FF2B5EF4-FFF2-40B4-BE49-F238E27FC236}">
                    <a16:creationId xmlns:a16="http://schemas.microsoft.com/office/drawing/2014/main" id="{C60F6CB6-EFF5-14AD-A914-DA3BD7D3FC91}"/>
                  </a:ext>
                </a:extLst>
              </p:cNvPr>
              <p:cNvSpPr/>
              <p:nvPr/>
            </p:nvSpPr>
            <p:spPr>
              <a:xfrm>
                <a:off x="7187224" y="2886829"/>
                <a:ext cx="406226" cy="292041"/>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b="1">
                  <a:solidFill>
                    <a:srgbClr val="002060"/>
                  </a:solidFill>
                </a:endParaRPr>
              </a:p>
            </p:txBody>
          </p:sp>
          <p:sp>
            <p:nvSpPr>
              <p:cNvPr id="55" name="Oval 54">
                <a:extLst>
                  <a:ext uri="{FF2B5EF4-FFF2-40B4-BE49-F238E27FC236}">
                    <a16:creationId xmlns:a16="http://schemas.microsoft.com/office/drawing/2014/main" id="{CAD5FAF2-F7C4-937B-B2AF-FBACE2CDB7F5}"/>
                  </a:ext>
                </a:extLst>
              </p:cNvPr>
              <p:cNvSpPr/>
              <p:nvPr/>
            </p:nvSpPr>
            <p:spPr>
              <a:xfrm>
                <a:off x="7711211" y="2815466"/>
                <a:ext cx="196625" cy="302865"/>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b="1">
                  <a:solidFill>
                    <a:srgbClr val="002060"/>
                  </a:solidFill>
                </a:endParaRPr>
              </a:p>
            </p:txBody>
          </p:sp>
          <p:sp>
            <p:nvSpPr>
              <p:cNvPr id="56" name="Rectangle 55">
                <a:extLst>
                  <a:ext uri="{FF2B5EF4-FFF2-40B4-BE49-F238E27FC236}">
                    <a16:creationId xmlns:a16="http://schemas.microsoft.com/office/drawing/2014/main" id="{DB1D42FB-ABFF-E234-B5F8-FB765E1F0199}"/>
                  </a:ext>
                </a:extLst>
              </p:cNvPr>
              <p:cNvSpPr/>
              <p:nvPr/>
            </p:nvSpPr>
            <p:spPr>
              <a:xfrm>
                <a:off x="7258061" y="2742498"/>
                <a:ext cx="406226" cy="34002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b="1">
                  <a:solidFill>
                    <a:srgbClr val="002060"/>
                  </a:solidFill>
                </a:endParaRPr>
              </a:p>
            </p:txBody>
          </p:sp>
          <p:sp>
            <p:nvSpPr>
              <p:cNvPr id="57" name="Rectangle 56">
                <a:extLst>
                  <a:ext uri="{FF2B5EF4-FFF2-40B4-BE49-F238E27FC236}">
                    <a16:creationId xmlns:a16="http://schemas.microsoft.com/office/drawing/2014/main" id="{546DE49A-4571-A514-A998-FFB7CEB787C4}"/>
                  </a:ext>
                </a:extLst>
              </p:cNvPr>
              <p:cNvSpPr/>
              <p:nvPr/>
            </p:nvSpPr>
            <p:spPr>
              <a:xfrm>
                <a:off x="8058792" y="3030463"/>
                <a:ext cx="321089" cy="16153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a:p>
            </p:txBody>
          </p:sp>
          <p:sp>
            <p:nvSpPr>
              <p:cNvPr id="58" name="Rectangle 57">
                <a:extLst>
                  <a:ext uri="{FF2B5EF4-FFF2-40B4-BE49-F238E27FC236}">
                    <a16:creationId xmlns:a16="http://schemas.microsoft.com/office/drawing/2014/main" id="{C32F9A95-546D-DB7E-B83D-1D4C5CE0595A}"/>
                  </a:ext>
                </a:extLst>
              </p:cNvPr>
              <p:cNvSpPr/>
              <p:nvPr/>
            </p:nvSpPr>
            <p:spPr>
              <a:xfrm>
                <a:off x="7187223" y="3826611"/>
                <a:ext cx="1656663" cy="288586"/>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50" i="1" dirty="0">
                    <a:solidFill>
                      <a:srgbClr val="002060"/>
                    </a:solidFill>
                  </a:rPr>
                  <a:t>H</a:t>
                </a:r>
                <a:r>
                  <a:rPr lang="en-US" sz="1050" i="1" baseline="-25000" dirty="0">
                    <a:solidFill>
                      <a:srgbClr val="002060"/>
                    </a:solidFill>
                  </a:rPr>
                  <a:t>2</a:t>
                </a:r>
                <a:r>
                  <a:rPr lang="en-US" sz="1050" i="1" dirty="0">
                    <a:solidFill>
                      <a:srgbClr val="002060"/>
                    </a:solidFill>
                  </a:rPr>
                  <a:t> engines and Fuel Cells</a:t>
                </a:r>
                <a:endParaRPr lang="en-NL" sz="1050" i="1" dirty="0">
                  <a:solidFill>
                    <a:srgbClr val="002060"/>
                  </a:solidFill>
                </a:endParaRPr>
              </a:p>
            </p:txBody>
          </p:sp>
        </p:grpSp>
        <p:sp>
          <p:nvSpPr>
            <p:cNvPr id="16" name="TextBox 15">
              <a:extLst>
                <a:ext uri="{FF2B5EF4-FFF2-40B4-BE49-F238E27FC236}">
                  <a16:creationId xmlns:a16="http://schemas.microsoft.com/office/drawing/2014/main" id="{022F6911-BF0E-E281-46C3-6D8DD7F69AD7}"/>
                </a:ext>
              </a:extLst>
            </p:cNvPr>
            <p:cNvSpPr txBox="1"/>
            <p:nvPr/>
          </p:nvSpPr>
          <p:spPr>
            <a:xfrm>
              <a:off x="6955000" y="3076120"/>
              <a:ext cx="540113" cy="308128"/>
            </a:xfrm>
            <a:prstGeom prst="rect">
              <a:avLst/>
            </a:prstGeom>
            <a:solidFill>
              <a:schemeClr val="bg1"/>
            </a:solidFill>
            <a:ln>
              <a:noFill/>
            </a:ln>
          </p:spPr>
          <p:txBody>
            <a:bodyPr vert="horz" lIns="0" tIns="0" rIns="0" bIns="0" rtlCol="0" anchor="ctr" anchorCtr="0">
              <a:noAutofit/>
            </a:bodyPr>
            <a:lstStyle>
              <a:defPPr>
                <a:defRPr lang="nl-NL"/>
              </a:defPPr>
              <a:lvl1pPr>
                <a:lnSpc>
                  <a:spcPts val="2700"/>
                </a:lnSpc>
                <a:spcBef>
                  <a:spcPct val="0"/>
                </a:spcBef>
                <a:buNone/>
                <a:defRPr sz="1800" b="0" i="1">
                  <a:solidFill>
                    <a:schemeClr val="accent5"/>
                  </a:solidFill>
                  <a:latin typeface="+mj-lt"/>
                  <a:ea typeface="+mj-ea"/>
                  <a:cs typeface="+mj-cs"/>
                </a:defRPr>
              </a:lvl1pPr>
            </a:lstStyle>
            <a:p>
              <a:pPr algn="ctr">
                <a:lnSpc>
                  <a:spcPct val="100000"/>
                </a:lnSpc>
              </a:pPr>
              <a:r>
                <a:rPr lang="en-US" sz="1050" dirty="0"/>
                <a:t>H</a:t>
              </a:r>
              <a:r>
                <a:rPr lang="en-US" sz="1050" baseline="-25000" dirty="0"/>
                <a:t>2</a:t>
              </a:r>
              <a:r>
                <a:rPr lang="en-US" sz="1050" dirty="0"/>
                <a:t> </a:t>
              </a:r>
            </a:p>
          </p:txBody>
        </p:sp>
        <p:sp>
          <p:nvSpPr>
            <p:cNvPr id="28" name="TextBox 27">
              <a:extLst>
                <a:ext uri="{FF2B5EF4-FFF2-40B4-BE49-F238E27FC236}">
                  <a16:creationId xmlns:a16="http://schemas.microsoft.com/office/drawing/2014/main" id="{9CB34109-FB28-C4F9-EF7B-2761ABF08E28}"/>
                </a:ext>
              </a:extLst>
            </p:cNvPr>
            <p:cNvSpPr txBox="1"/>
            <p:nvPr/>
          </p:nvSpPr>
          <p:spPr>
            <a:xfrm>
              <a:off x="8612871" y="2930374"/>
              <a:ext cx="373498" cy="622181"/>
            </a:xfrm>
            <a:prstGeom prst="rect">
              <a:avLst/>
            </a:prstGeom>
            <a:noFill/>
            <a:ln>
              <a:noFill/>
            </a:ln>
          </p:spPr>
          <p:txBody>
            <a:bodyPr vert="horz" lIns="0" tIns="0" rIns="0" bIns="0" rtlCol="0" anchor="t" anchorCtr="0">
              <a:noAutofit/>
            </a:bodyPr>
            <a:lstStyle>
              <a:defPPr>
                <a:defRPr lang="nl-NL"/>
              </a:defPPr>
              <a:lvl1pPr>
                <a:lnSpc>
                  <a:spcPts val="2700"/>
                </a:lnSpc>
                <a:spcBef>
                  <a:spcPct val="0"/>
                </a:spcBef>
                <a:buNone/>
                <a:defRPr sz="1800" b="0" i="1">
                  <a:solidFill>
                    <a:schemeClr val="accent5"/>
                  </a:solidFill>
                  <a:latin typeface="+mj-lt"/>
                  <a:ea typeface="+mj-ea"/>
                  <a:cs typeface="+mj-cs"/>
                </a:defRPr>
              </a:lvl1pPr>
            </a:lstStyle>
            <a:p>
              <a:pPr algn="ctr">
                <a:lnSpc>
                  <a:spcPct val="100000"/>
                </a:lnSpc>
              </a:pPr>
              <a:r>
                <a:rPr lang="en-US" sz="1050"/>
                <a:t>O</a:t>
              </a:r>
              <a:r>
                <a:rPr lang="en-US" sz="1050" baseline="-25000"/>
                <a:t>2</a:t>
              </a:r>
              <a:r>
                <a:rPr lang="en-US" sz="1050"/>
                <a:t> </a:t>
              </a:r>
            </a:p>
          </p:txBody>
        </p:sp>
        <p:sp>
          <p:nvSpPr>
            <p:cNvPr id="39" name="TextBox 38">
              <a:extLst>
                <a:ext uri="{FF2B5EF4-FFF2-40B4-BE49-F238E27FC236}">
                  <a16:creationId xmlns:a16="http://schemas.microsoft.com/office/drawing/2014/main" id="{FEFB2DA0-3A18-2A86-CAE3-65E6550B797C}"/>
                </a:ext>
              </a:extLst>
            </p:cNvPr>
            <p:cNvSpPr txBox="1"/>
            <p:nvPr/>
          </p:nvSpPr>
          <p:spPr>
            <a:xfrm>
              <a:off x="8616153" y="3350066"/>
              <a:ext cx="373498" cy="622181"/>
            </a:xfrm>
            <a:prstGeom prst="rect">
              <a:avLst/>
            </a:prstGeom>
            <a:noFill/>
            <a:ln>
              <a:noFill/>
            </a:ln>
          </p:spPr>
          <p:txBody>
            <a:bodyPr vert="horz" lIns="0" tIns="0" rIns="0" bIns="0" rtlCol="0" anchor="t" anchorCtr="0">
              <a:noAutofit/>
            </a:bodyPr>
            <a:lstStyle>
              <a:defPPr>
                <a:defRPr lang="nl-NL"/>
              </a:defPPr>
              <a:lvl1pPr>
                <a:lnSpc>
                  <a:spcPts val="2700"/>
                </a:lnSpc>
                <a:spcBef>
                  <a:spcPct val="0"/>
                </a:spcBef>
                <a:buNone/>
                <a:defRPr sz="1800" b="0" i="1">
                  <a:solidFill>
                    <a:schemeClr val="accent5"/>
                  </a:solidFill>
                  <a:latin typeface="+mj-lt"/>
                  <a:ea typeface="+mj-ea"/>
                  <a:cs typeface="+mj-cs"/>
                </a:defRPr>
              </a:lvl1pPr>
            </a:lstStyle>
            <a:p>
              <a:pPr algn="ctr">
                <a:lnSpc>
                  <a:spcPct val="100000"/>
                </a:lnSpc>
              </a:pPr>
              <a:r>
                <a:rPr lang="en-US" sz="1050"/>
                <a:t>H</a:t>
              </a:r>
              <a:r>
                <a:rPr lang="en-US" sz="1050" baseline="-25000"/>
                <a:t>2 </a:t>
              </a:r>
              <a:r>
                <a:rPr lang="en-US" sz="1050"/>
                <a:t>O </a:t>
              </a:r>
            </a:p>
          </p:txBody>
        </p:sp>
        <p:pic>
          <p:nvPicPr>
            <p:cNvPr id="43" name="Picture 16" descr="spoti-fries - Tumblr blog | Tumgir">
              <a:extLst>
                <a:ext uri="{FF2B5EF4-FFF2-40B4-BE49-F238E27FC236}">
                  <a16:creationId xmlns:a16="http://schemas.microsoft.com/office/drawing/2014/main" id="{8BEA9843-F8BA-68E1-6A05-AF5F4EF9CB12}"/>
                </a:ext>
              </a:extLst>
            </p:cNvPr>
            <p:cNvPicPr>
              <a:picLocks noChangeAspect="1" noChangeArrowheads="1" noCrop="1"/>
            </p:cNvPicPr>
            <p:nvPr/>
          </p:nvPicPr>
          <p:blipFill>
            <a:blip r:embed="rId5" cstate="print">
              <a:duotone>
                <a:schemeClr val="accent5">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flipH="1">
              <a:off x="7785279" y="1518024"/>
              <a:ext cx="1788928" cy="1788927"/>
            </a:xfrm>
            <a:prstGeom prst="rect">
              <a:avLst/>
            </a:prstGeom>
            <a:extLst>
              <a:ext uri="{909E8E84-426E-40DD-AFC4-6F175D3DCCD1}">
                <a14:hiddenFill xmlns:a14="http://schemas.microsoft.com/office/drawing/2010/main">
                  <a:solidFill>
                    <a:srgbClr val="FFFFFF"/>
                  </a:solidFill>
                </a14:hiddenFill>
              </a:ext>
            </a:extLst>
          </p:spPr>
        </p:pic>
        <p:sp>
          <p:nvSpPr>
            <p:cNvPr id="44" name="TextBox 43">
              <a:extLst>
                <a:ext uri="{FF2B5EF4-FFF2-40B4-BE49-F238E27FC236}">
                  <a16:creationId xmlns:a16="http://schemas.microsoft.com/office/drawing/2014/main" id="{011DA6D6-8F10-0FD7-DCE5-95ECD30DE9A2}"/>
                </a:ext>
              </a:extLst>
            </p:cNvPr>
            <p:cNvSpPr txBox="1"/>
            <p:nvPr/>
          </p:nvSpPr>
          <p:spPr>
            <a:xfrm>
              <a:off x="8108911" y="1620680"/>
              <a:ext cx="860848" cy="372073"/>
            </a:xfrm>
            <a:prstGeom prst="rect">
              <a:avLst/>
            </a:prstGeom>
          </p:spPr>
          <p:txBody>
            <a:bodyPr vert="horz" lIns="0" tIns="0" rIns="0" bIns="0" rtlCol="0" anchor="t" anchorCtr="0">
              <a:noAutofit/>
            </a:bodyPr>
            <a:lstStyle>
              <a:defPPr>
                <a:defRPr lang="nl-NL"/>
              </a:defPPr>
              <a:lvl1pPr>
                <a:lnSpc>
                  <a:spcPts val="2700"/>
                </a:lnSpc>
                <a:spcBef>
                  <a:spcPct val="0"/>
                </a:spcBef>
                <a:buNone/>
                <a:defRPr sz="1800" b="0" i="1">
                  <a:solidFill>
                    <a:schemeClr val="accent5"/>
                  </a:solidFill>
                  <a:latin typeface="+mj-lt"/>
                  <a:ea typeface="+mj-ea"/>
                  <a:cs typeface="+mj-cs"/>
                </a:defRPr>
              </a:lvl1pPr>
            </a:lstStyle>
            <a:p>
              <a:pPr algn="ctr"/>
              <a:r>
                <a:rPr lang="en-US" b="1" i="0" dirty="0"/>
                <a:t>Uses</a:t>
              </a:r>
              <a:endParaRPr lang="en-NL" sz="2400" b="1" i="0" dirty="0"/>
            </a:p>
          </p:txBody>
        </p:sp>
      </p:grpSp>
      <p:sp>
        <p:nvSpPr>
          <p:cNvPr id="67" name="Arrow: Bent 66">
            <a:extLst>
              <a:ext uri="{FF2B5EF4-FFF2-40B4-BE49-F238E27FC236}">
                <a16:creationId xmlns:a16="http://schemas.microsoft.com/office/drawing/2014/main" id="{572615E8-D050-A4C6-0A96-D834332A8F73}"/>
              </a:ext>
            </a:extLst>
          </p:cNvPr>
          <p:cNvSpPr/>
          <p:nvPr/>
        </p:nvSpPr>
        <p:spPr>
          <a:xfrm rot="10800000">
            <a:off x="5970674" y="3970439"/>
            <a:ext cx="2226757" cy="576001"/>
          </a:xfrm>
          <a:prstGeom prst="bentArrow">
            <a:avLst>
              <a:gd name="adj1" fmla="val 26356"/>
              <a:gd name="adj2" fmla="val 35794"/>
              <a:gd name="adj3" fmla="val 47883"/>
              <a:gd name="adj4" fmla="val 4828"/>
            </a:avLst>
          </a:prstGeom>
          <a:solidFill>
            <a:srgbClr val="002060"/>
          </a:solidFill>
          <a:ln>
            <a:solidFill>
              <a:srgbClr val="002060"/>
            </a:solidFill>
          </a:ln>
        </p:spPr>
        <p:style>
          <a:lnRef idx="0">
            <a:schemeClr val="accent3"/>
          </a:lnRef>
          <a:fillRef idx="3">
            <a:schemeClr val="accent3"/>
          </a:fillRef>
          <a:effectRef idx="3">
            <a:schemeClr val="accent3"/>
          </a:effectRef>
          <a:fontRef idx="minor">
            <a:schemeClr val="lt1"/>
          </a:fontRef>
        </p:style>
        <p:txBody>
          <a:bodyPr rtlCol="0" anchor="ctr"/>
          <a:lstStyle/>
          <a:p>
            <a:pPr algn="ctr"/>
            <a:endParaRPr lang="LID4096">
              <a:solidFill>
                <a:schemeClr val="tx1"/>
              </a:solidFill>
              <a:effectLst>
                <a:outerShdw blurRad="38100" dist="38100" dir="2700000" algn="tl">
                  <a:srgbClr val="000000">
                    <a:alpha val="43137"/>
                  </a:srgbClr>
                </a:outerShdw>
              </a:effectLst>
            </a:endParaRPr>
          </a:p>
        </p:txBody>
      </p:sp>
      <p:pic>
        <p:nvPicPr>
          <p:cNvPr id="59" name="Picture 6" descr="See the source image">
            <a:extLst>
              <a:ext uri="{FF2B5EF4-FFF2-40B4-BE49-F238E27FC236}">
                <a16:creationId xmlns:a16="http://schemas.microsoft.com/office/drawing/2014/main" id="{A1A9143A-8AB7-A4E4-C0C1-A7E51B5468E3}"/>
              </a:ext>
            </a:extLst>
          </p:cNvPr>
          <p:cNvPicPr>
            <a:picLocks noChangeAspect="1" noChangeArrowheads="1" noCrop="1"/>
          </p:cNvPicPr>
          <p:nvPr/>
        </p:nvPicPr>
        <p:blipFill>
          <a:blip r:embed="rId6">
            <a:alphaModFix/>
            <a:duotone>
              <a:schemeClr val="bg2">
                <a:shade val="45000"/>
                <a:satMod val="135000"/>
              </a:schemeClr>
              <a:prstClr val="white"/>
            </a:duotone>
            <a:extLst>
              <a:ext uri="{28A0092B-C50C-407E-A947-70E740481C1C}">
                <a14:useLocalDpi xmlns:a14="http://schemas.microsoft.com/office/drawing/2010/main" val="0"/>
              </a:ext>
            </a:extLst>
          </a:blip>
          <a:srcRect/>
          <a:stretch>
            <a:fillRect/>
          </a:stretch>
        </p:blipFill>
        <p:spPr bwMode="auto">
          <a:xfrm flipH="1">
            <a:off x="1879653" y="3551793"/>
            <a:ext cx="1540219" cy="1112381"/>
          </a:xfrm>
          <a:prstGeom prst="rect">
            <a:avLst/>
          </a:prstGeom>
          <a:noFill/>
          <a:extLst>
            <a:ext uri="{909E8E84-426E-40DD-AFC4-6F175D3DCCD1}">
              <a14:hiddenFill xmlns:a14="http://schemas.microsoft.com/office/drawing/2010/main">
                <a:solidFill>
                  <a:srgbClr val="FFFFFF"/>
                </a:solidFill>
              </a14:hiddenFill>
            </a:ext>
          </a:extLst>
        </p:spPr>
      </p:pic>
      <p:grpSp>
        <p:nvGrpSpPr>
          <p:cNvPr id="60" name="Group 59">
            <a:extLst>
              <a:ext uri="{FF2B5EF4-FFF2-40B4-BE49-F238E27FC236}">
                <a16:creationId xmlns:a16="http://schemas.microsoft.com/office/drawing/2014/main" id="{8D5DB79F-5885-FCC4-F3CD-0DB50F112FC8}"/>
              </a:ext>
            </a:extLst>
          </p:cNvPr>
          <p:cNvGrpSpPr/>
          <p:nvPr/>
        </p:nvGrpSpPr>
        <p:grpSpPr>
          <a:xfrm>
            <a:off x="179513" y="1928404"/>
            <a:ext cx="2478568" cy="1723058"/>
            <a:chOff x="179513" y="1545875"/>
            <a:chExt cx="2478568" cy="1723058"/>
          </a:xfrm>
        </p:grpSpPr>
        <p:pic>
          <p:nvPicPr>
            <p:cNvPr id="61" name="Picture 2" descr="See the source image">
              <a:extLst>
                <a:ext uri="{FF2B5EF4-FFF2-40B4-BE49-F238E27FC236}">
                  <a16:creationId xmlns:a16="http://schemas.microsoft.com/office/drawing/2014/main" id="{EC70E757-D327-9C5B-A7BF-4FF5A6D6F005}"/>
                </a:ext>
              </a:extLst>
            </p:cNvPr>
            <p:cNvPicPr>
              <a:picLocks noChangeAspect="1" noChangeArrowheads="1" noCrop="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79513" y="1762967"/>
              <a:ext cx="2478568" cy="1505966"/>
            </a:xfrm>
            <a:prstGeom prst="rect">
              <a:avLst/>
            </a:prstGeom>
            <a:noFill/>
            <a:extLst>
              <a:ext uri="{909E8E84-426E-40DD-AFC4-6F175D3DCCD1}">
                <a14:hiddenFill xmlns:a14="http://schemas.microsoft.com/office/drawing/2010/main">
                  <a:solidFill>
                    <a:srgbClr val="FFFFFF"/>
                  </a:solidFill>
                </a14:hiddenFill>
              </a:ext>
            </a:extLst>
          </p:spPr>
        </p:pic>
        <p:sp>
          <p:nvSpPr>
            <p:cNvPr id="62" name="TextBox 61">
              <a:extLst>
                <a:ext uri="{FF2B5EF4-FFF2-40B4-BE49-F238E27FC236}">
                  <a16:creationId xmlns:a16="http://schemas.microsoft.com/office/drawing/2014/main" id="{9E94388C-DF8C-6C9C-783C-374142887EFF}"/>
                </a:ext>
              </a:extLst>
            </p:cNvPr>
            <p:cNvSpPr txBox="1"/>
            <p:nvPr/>
          </p:nvSpPr>
          <p:spPr>
            <a:xfrm>
              <a:off x="251520" y="1701053"/>
              <a:ext cx="2304256" cy="499980"/>
            </a:xfrm>
            <a:prstGeom prst="rect">
              <a:avLst/>
            </a:prstGeom>
            <a:solidFill>
              <a:schemeClr val="bg1"/>
            </a:solidFill>
          </p:spPr>
          <p:txBody>
            <a:bodyPr vert="horz" lIns="0" tIns="0" rIns="0" bIns="0" rtlCol="0" anchor="t" anchorCtr="0">
              <a:noAutofit/>
            </a:bodyPr>
            <a:lstStyle>
              <a:defPPr>
                <a:defRPr lang="nl-NL"/>
              </a:defPPr>
              <a:lvl1pPr>
                <a:lnSpc>
                  <a:spcPts val="2700"/>
                </a:lnSpc>
                <a:spcBef>
                  <a:spcPct val="0"/>
                </a:spcBef>
                <a:buNone/>
                <a:defRPr sz="1800" b="0" i="1">
                  <a:solidFill>
                    <a:schemeClr val="accent5"/>
                  </a:solidFill>
                  <a:latin typeface="+mj-lt"/>
                  <a:ea typeface="+mj-ea"/>
                  <a:cs typeface="+mj-cs"/>
                </a:defRPr>
              </a:lvl1pPr>
            </a:lstStyle>
            <a:p>
              <a:pPr algn="ctr">
                <a:lnSpc>
                  <a:spcPct val="100000"/>
                </a:lnSpc>
              </a:pPr>
              <a:endParaRPr lang="en-US" sz="1200" b="1" i="0"/>
            </a:p>
            <a:p>
              <a:pPr algn="ctr"/>
              <a:r>
                <a:rPr lang="en-US" sz="1050"/>
                <a:t>O</a:t>
              </a:r>
              <a:r>
                <a:rPr lang="en-US" sz="1050" baseline="-25000"/>
                <a:t>2</a:t>
              </a:r>
              <a:r>
                <a:rPr lang="en-US" sz="1050"/>
                <a:t>                  Electrolysis              H</a:t>
              </a:r>
              <a:r>
                <a:rPr lang="en-US" sz="1050" baseline="-25000"/>
                <a:t>2</a:t>
              </a:r>
              <a:r>
                <a:rPr lang="en-US" sz="1050"/>
                <a:t> </a:t>
              </a:r>
            </a:p>
          </p:txBody>
        </p:sp>
        <p:sp>
          <p:nvSpPr>
            <p:cNvPr id="63" name="TextBox 62">
              <a:extLst>
                <a:ext uri="{FF2B5EF4-FFF2-40B4-BE49-F238E27FC236}">
                  <a16:creationId xmlns:a16="http://schemas.microsoft.com/office/drawing/2014/main" id="{5709E290-9947-CAC1-CBAA-63A14BB896BC}"/>
                </a:ext>
              </a:extLst>
            </p:cNvPr>
            <p:cNvSpPr txBox="1"/>
            <p:nvPr/>
          </p:nvSpPr>
          <p:spPr>
            <a:xfrm>
              <a:off x="703297" y="1545875"/>
              <a:ext cx="1540220" cy="471261"/>
            </a:xfrm>
            <a:prstGeom prst="rect">
              <a:avLst/>
            </a:prstGeom>
          </p:spPr>
          <p:txBody>
            <a:bodyPr vert="horz" lIns="0" tIns="0" rIns="0" bIns="0" rtlCol="0" anchor="t" anchorCtr="0">
              <a:noAutofit/>
            </a:bodyPr>
            <a:lstStyle>
              <a:defPPr>
                <a:defRPr lang="nl-NL"/>
              </a:defPPr>
              <a:lvl1pPr>
                <a:lnSpc>
                  <a:spcPts val="2700"/>
                </a:lnSpc>
                <a:spcBef>
                  <a:spcPct val="0"/>
                </a:spcBef>
                <a:buNone/>
                <a:defRPr sz="1800" b="0" i="1">
                  <a:solidFill>
                    <a:schemeClr val="accent5"/>
                  </a:solidFill>
                  <a:latin typeface="+mj-lt"/>
                  <a:ea typeface="+mj-ea"/>
                  <a:cs typeface="+mj-cs"/>
                </a:defRPr>
              </a:lvl1pPr>
            </a:lstStyle>
            <a:p>
              <a:pPr algn="ctr"/>
              <a:r>
                <a:rPr lang="en-US" b="1" i="0" dirty="0"/>
                <a:t>H</a:t>
              </a:r>
              <a:r>
                <a:rPr lang="en-US" b="1" i="0" baseline="-25000" dirty="0"/>
                <a:t>2</a:t>
              </a:r>
              <a:r>
                <a:rPr lang="en-US" b="1" i="0" dirty="0"/>
                <a:t> Production</a:t>
              </a:r>
            </a:p>
          </p:txBody>
        </p:sp>
      </p:grpSp>
      <p:sp>
        <p:nvSpPr>
          <p:cNvPr id="66" name="TextBox 65">
            <a:extLst>
              <a:ext uri="{FF2B5EF4-FFF2-40B4-BE49-F238E27FC236}">
                <a16:creationId xmlns:a16="http://schemas.microsoft.com/office/drawing/2014/main" id="{E45818F9-32E1-E8FC-9008-0AF71E57BE6B}"/>
              </a:ext>
            </a:extLst>
          </p:cNvPr>
          <p:cNvSpPr txBox="1"/>
          <p:nvPr/>
        </p:nvSpPr>
        <p:spPr>
          <a:xfrm>
            <a:off x="6055589" y="1477467"/>
            <a:ext cx="1936593" cy="528840"/>
          </a:xfrm>
          <a:prstGeom prst="rect">
            <a:avLst/>
          </a:prstGeom>
        </p:spPr>
        <p:txBody>
          <a:bodyPr vert="horz" lIns="0" tIns="0" rIns="0" bIns="0" rtlCol="0" anchor="t" anchorCtr="0">
            <a:noAutofit/>
          </a:bodyPr>
          <a:lstStyle>
            <a:defPPr>
              <a:defRPr lang="nl-NL"/>
            </a:defPPr>
            <a:lvl1pPr>
              <a:lnSpc>
                <a:spcPts val="2700"/>
              </a:lnSpc>
              <a:spcBef>
                <a:spcPct val="0"/>
              </a:spcBef>
              <a:buNone/>
              <a:defRPr sz="1800" b="0" i="1">
                <a:solidFill>
                  <a:schemeClr val="accent5"/>
                </a:solidFill>
                <a:latin typeface="+mj-lt"/>
                <a:ea typeface="+mj-ea"/>
                <a:cs typeface="+mj-cs"/>
              </a:defRPr>
            </a:lvl1pPr>
          </a:lstStyle>
          <a:p>
            <a:pPr algn="ctr">
              <a:lnSpc>
                <a:spcPct val="100000"/>
              </a:lnSpc>
            </a:pPr>
            <a:r>
              <a:rPr lang="en-US" sz="1400" b="1" i="0" dirty="0"/>
              <a:t>Storage &amp; Distribution</a:t>
            </a:r>
            <a:endParaRPr lang="en-NL" sz="1400" b="1" i="0" dirty="0"/>
          </a:p>
        </p:txBody>
      </p:sp>
      <p:pic>
        <p:nvPicPr>
          <p:cNvPr id="68" name="Picture 67">
            <a:extLst>
              <a:ext uri="{FF2B5EF4-FFF2-40B4-BE49-F238E27FC236}">
                <a16:creationId xmlns:a16="http://schemas.microsoft.com/office/drawing/2014/main" id="{8A408D91-BAE2-9FD6-A23D-215D38ECFBC5}"/>
              </a:ext>
            </a:extLst>
          </p:cNvPr>
          <p:cNvPicPr>
            <a:picLocks noChangeAspect="1"/>
          </p:cNvPicPr>
          <p:nvPr/>
        </p:nvPicPr>
        <p:blipFill rotWithShape="1">
          <a:blip r:embed="rId8">
            <a:extLst>
              <a:ext uri="{BEBA8EAE-BF5A-486C-A8C5-ECC9F3942E4B}">
                <a14:imgProps xmlns:a14="http://schemas.microsoft.com/office/drawing/2010/main">
                  <a14:imgLayer r:embed="rId9">
                    <a14:imgEffect>
                      <a14:backgroundRemoval t="10000" b="91563" l="10000" r="90000">
                        <a14:foregroundMark x1="36167" y1="28594" x2="45750" y2="10938"/>
                        <a14:foregroundMark x1="45750" y1="10938" x2="55167" y2="15625"/>
                        <a14:foregroundMark x1="55167" y1="15625" x2="63000" y2="35156"/>
                        <a14:foregroundMark x1="63000" y1="35156" x2="54333" y2="47656"/>
                        <a14:foregroundMark x1="54333" y1="47656" x2="41500" y2="40781"/>
                        <a14:foregroundMark x1="41500" y1="40781" x2="39750" y2="26875"/>
                        <a14:foregroundMark x1="39750" y1="26875" x2="36250" y2="26719"/>
                        <a14:foregroundMark x1="53167" y1="87969" x2="46083" y2="89219"/>
                        <a14:foregroundMark x1="46083" y1="89219" x2="52083" y2="89219"/>
                        <a14:foregroundMark x1="52083" y1="89219" x2="54583" y2="89219"/>
                        <a14:foregroundMark x1="72000" y1="45313" x2="70167" y2="34219"/>
                        <a14:foregroundMark x1="71417" y1="39688" x2="71417" y2="39688"/>
                        <a14:foregroundMark x1="71167" y1="38281" x2="71167" y2="38281"/>
                        <a14:foregroundMark x1="29000" y1="63125" x2="28667" y2="58125"/>
                        <a14:foregroundMark x1="30333" y1="65625" x2="28833" y2="56094"/>
                        <a14:foregroundMark x1="28833" y1="56094" x2="30167" y2="68438"/>
                        <a14:foregroundMark x1="30167" y1="68438" x2="33750" y2="77969"/>
                        <a14:foregroundMark x1="56083" y1="90781" x2="49167" y2="91563"/>
                        <a14:foregroundMark x1="49167" y1="91563" x2="39667" y2="86875"/>
                        <a14:foregroundMark x1="39667" y1="86875" x2="35083" y2="80156"/>
                        <a14:foregroundMark x1="35083" y1="80156" x2="31667" y2="67344"/>
                        <a14:foregroundMark x1="28500" y1="60781" x2="29167" y2="60156"/>
                        <a14:foregroundMark x1="28167" y1="59844" x2="27500" y2="50781"/>
                        <a14:foregroundMark x1="71500" y1="38750" x2="67583" y2="27344"/>
                        <a14:foregroundMark x1="71167" y1="37031" x2="68167" y2="27969"/>
                        <a14:foregroundMark x1="70750" y1="35469" x2="68500" y2="29688"/>
                      </a14:backgroundRemoval>
                    </a14:imgEffect>
                  </a14:imgLayer>
                </a14:imgProps>
              </a:ext>
            </a:extLst>
          </a:blip>
          <a:srcRect l="26035" t="7181" r="27162" b="5563"/>
          <a:stretch/>
        </p:blipFill>
        <p:spPr>
          <a:xfrm>
            <a:off x="2699792" y="888530"/>
            <a:ext cx="3672408" cy="3651590"/>
          </a:xfrm>
          <a:prstGeom prst="rect">
            <a:avLst/>
          </a:prstGeom>
        </p:spPr>
      </p:pic>
      <p:sp>
        <p:nvSpPr>
          <p:cNvPr id="69" name="Oval 68">
            <a:extLst>
              <a:ext uri="{FF2B5EF4-FFF2-40B4-BE49-F238E27FC236}">
                <a16:creationId xmlns:a16="http://schemas.microsoft.com/office/drawing/2014/main" id="{5ECF1077-CE01-A2E4-1E41-31EA4AE69375}"/>
              </a:ext>
            </a:extLst>
          </p:cNvPr>
          <p:cNvSpPr/>
          <p:nvPr/>
        </p:nvSpPr>
        <p:spPr>
          <a:xfrm>
            <a:off x="3548937" y="1356786"/>
            <a:ext cx="1828252" cy="1156165"/>
          </a:xfrm>
          <a:prstGeom prst="ellips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dirty="0">
              <a:ln>
                <a:solidFill>
                  <a:schemeClr val="bg1"/>
                </a:solidFill>
              </a:ln>
            </a:endParaRPr>
          </a:p>
        </p:txBody>
      </p:sp>
      <p:sp>
        <p:nvSpPr>
          <p:cNvPr id="70" name="TextBox 69">
            <a:extLst>
              <a:ext uri="{FF2B5EF4-FFF2-40B4-BE49-F238E27FC236}">
                <a16:creationId xmlns:a16="http://schemas.microsoft.com/office/drawing/2014/main" id="{117705CC-74B0-BB58-8E45-127D434FCE22}"/>
              </a:ext>
            </a:extLst>
          </p:cNvPr>
          <p:cNvSpPr txBox="1"/>
          <p:nvPr/>
        </p:nvSpPr>
        <p:spPr>
          <a:xfrm>
            <a:off x="3779912" y="3840858"/>
            <a:ext cx="1828252" cy="373903"/>
          </a:xfrm>
          <a:prstGeom prst="rect">
            <a:avLst/>
          </a:prstGeom>
        </p:spPr>
        <p:txBody>
          <a:bodyPr vert="horz" lIns="0" tIns="0" rIns="0" bIns="0" rtlCol="0" anchor="t" anchorCtr="0">
            <a:noAutofit/>
          </a:bodyPr>
          <a:lstStyle>
            <a:defPPr>
              <a:defRPr lang="nl-NL"/>
            </a:defPPr>
            <a:lvl1pPr>
              <a:lnSpc>
                <a:spcPts val="2700"/>
              </a:lnSpc>
              <a:spcBef>
                <a:spcPct val="0"/>
              </a:spcBef>
              <a:buNone/>
              <a:defRPr sz="1800" b="0" i="1">
                <a:solidFill>
                  <a:schemeClr val="accent5"/>
                </a:solidFill>
                <a:latin typeface="+mj-lt"/>
                <a:ea typeface="+mj-ea"/>
                <a:cs typeface="+mj-cs"/>
              </a:defRPr>
            </a:lvl1pPr>
          </a:lstStyle>
          <a:p>
            <a:pPr algn="ctr"/>
            <a:r>
              <a:rPr lang="en-US" sz="7200" b="1" i="0" dirty="0">
                <a:ln>
                  <a:solidFill>
                    <a:srgbClr val="002060"/>
                  </a:solidFill>
                </a:ln>
                <a:solidFill>
                  <a:srgbClr val="002060"/>
                </a:solidFill>
                <a:latin typeface="Seaford" panose="00000500000000000000" pitchFamily="2" charset="0"/>
                <a:cs typeface="Leelawadee" panose="020B0502040204020203" pitchFamily="34" charset="-34"/>
              </a:rPr>
              <a:t>H</a:t>
            </a:r>
            <a:r>
              <a:rPr lang="en-US" sz="7200" b="1" i="0" baseline="-25000" dirty="0">
                <a:ln>
                  <a:solidFill>
                    <a:srgbClr val="002060"/>
                  </a:solidFill>
                </a:ln>
                <a:solidFill>
                  <a:srgbClr val="002060"/>
                </a:solidFill>
                <a:latin typeface="Seaford" panose="00000500000000000000" pitchFamily="2" charset="0"/>
                <a:cs typeface="Leelawadee" panose="020B0502040204020203" pitchFamily="34" charset="-34"/>
              </a:rPr>
              <a:t>2</a:t>
            </a:r>
            <a:r>
              <a:rPr lang="en-US" sz="7200" b="1" i="0" dirty="0">
                <a:ln>
                  <a:solidFill>
                    <a:srgbClr val="002060"/>
                  </a:solidFill>
                </a:ln>
                <a:solidFill>
                  <a:srgbClr val="002060"/>
                </a:solidFill>
                <a:latin typeface="Seaford" panose="00000500000000000000" pitchFamily="2" charset="0"/>
                <a:cs typeface="Leelawadee" panose="020B0502040204020203" pitchFamily="34" charset="-34"/>
              </a:rPr>
              <a:t>O</a:t>
            </a:r>
          </a:p>
        </p:txBody>
      </p:sp>
      <p:sp>
        <p:nvSpPr>
          <p:cNvPr id="71" name="TextBox 70">
            <a:extLst>
              <a:ext uri="{FF2B5EF4-FFF2-40B4-BE49-F238E27FC236}">
                <a16:creationId xmlns:a16="http://schemas.microsoft.com/office/drawing/2014/main" id="{5CD2235F-D78B-98A4-B82E-5EF06941FC7F}"/>
              </a:ext>
            </a:extLst>
          </p:cNvPr>
          <p:cNvSpPr txBox="1"/>
          <p:nvPr/>
        </p:nvSpPr>
        <p:spPr>
          <a:xfrm>
            <a:off x="3923928" y="1610025"/>
            <a:ext cx="1540220" cy="1246360"/>
          </a:xfrm>
          <a:prstGeom prst="rect">
            <a:avLst/>
          </a:prstGeom>
        </p:spPr>
        <p:txBody>
          <a:bodyPr vert="horz" lIns="0" tIns="0" rIns="0" bIns="0" rtlCol="0" anchor="t" anchorCtr="0">
            <a:noAutofit/>
          </a:bodyPr>
          <a:lstStyle>
            <a:defPPr>
              <a:defRPr lang="nl-NL"/>
            </a:defPPr>
            <a:lvl1pPr>
              <a:lnSpc>
                <a:spcPts val="2700"/>
              </a:lnSpc>
              <a:spcBef>
                <a:spcPct val="0"/>
              </a:spcBef>
              <a:buNone/>
              <a:defRPr sz="1800" b="0" i="1">
                <a:solidFill>
                  <a:schemeClr val="accent5"/>
                </a:solidFill>
                <a:latin typeface="+mj-lt"/>
                <a:ea typeface="+mj-ea"/>
                <a:cs typeface="+mj-cs"/>
              </a:defRPr>
            </a:lvl1pPr>
          </a:lstStyle>
          <a:p>
            <a:pPr algn="ctr"/>
            <a:r>
              <a:rPr lang="en-US" sz="7200" b="1" i="0" dirty="0">
                <a:ln>
                  <a:solidFill>
                    <a:srgbClr val="002060"/>
                  </a:solidFill>
                </a:ln>
                <a:solidFill>
                  <a:srgbClr val="0070C0"/>
                </a:solidFill>
                <a:latin typeface="Seaford" panose="00000500000000000000" pitchFamily="2" charset="0"/>
                <a:cs typeface="Leelawadee" panose="020B0502040204020203" pitchFamily="34" charset="-34"/>
              </a:rPr>
              <a:t>H</a:t>
            </a:r>
            <a:r>
              <a:rPr lang="en-US" sz="7200" b="1" i="0" baseline="-25000" dirty="0">
                <a:ln>
                  <a:solidFill>
                    <a:srgbClr val="002060"/>
                  </a:solidFill>
                </a:ln>
                <a:solidFill>
                  <a:srgbClr val="0070C0"/>
                </a:solidFill>
                <a:latin typeface="Seaford" panose="00000500000000000000" pitchFamily="2" charset="0"/>
                <a:cs typeface="Leelawadee" panose="020B0502040204020203" pitchFamily="34" charset="-34"/>
              </a:rPr>
              <a:t>2</a:t>
            </a:r>
          </a:p>
        </p:txBody>
      </p:sp>
      <p:sp>
        <p:nvSpPr>
          <p:cNvPr id="72" name="Arrow: Bent 71">
            <a:extLst>
              <a:ext uri="{FF2B5EF4-FFF2-40B4-BE49-F238E27FC236}">
                <a16:creationId xmlns:a16="http://schemas.microsoft.com/office/drawing/2014/main" id="{DB8631D5-D66C-14EB-6689-9649200CF917}"/>
              </a:ext>
            </a:extLst>
          </p:cNvPr>
          <p:cNvSpPr/>
          <p:nvPr/>
        </p:nvSpPr>
        <p:spPr>
          <a:xfrm rot="16200000">
            <a:off x="1293415" y="3737539"/>
            <a:ext cx="623760" cy="748839"/>
          </a:xfrm>
          <a:prstGeom prst="bentArrow">
            <a:avLst>
              <a:gd name="adj1" fmla="val 22869"/>
              <a:gd name="adj2" fmla="val 29120"/>
              <a:gd name="adj3" fmla="val 36348"/>
              <a:gd name="adj4" fmla="val 4828"/>
            </a:avLst>
          </a:prstGeom>
          <a:solidFill>
            <a:srgbClr val="002060"/>
          </a:solidFill>
          <a:ln>
            <a:solidFill>
              <a:srgbClr val="002060"/>
            </a:solidFill>
          </a:ln>
        </p:spPr>
        <p:style>
          <a:lnRef idx="0">
            <a:schemeClr val="accent3"/>
          </a:lnRef>
          <a:fillRef idx="3">
            <a:schemeClr val="accent3"/>
          </a:fillRef>
          <a:effectRef idx="3">
            <a:schemeClr val="accent3"/>
          </a:effectRef>
          <a:fontRef idx="minor">
            <a:schemeClr val="lt1"/>
          </a:fontRef>
        </p:style>
        <p:txBody>
          <a:bodyPr rtlCol="0" anchor="ctr"/>
          <a:lstStyle/>
          <a:p>
            <a:pPr algn="ctr"/>
            <a:endParaRPr lang="LID4096">
              <a:solidFill>
                <a:schemeClr val="tx1"/>
              </a:solidFill>
              <a:effectLst>
                <a:outerShdw blurRad="38100" dist="38100" dir="2700000" algn="tl">
                  <a:srgbClr val="000000">
                    <a:alpha val="43137"/>
                  </a:srgbClr>
                </a:outerShdw>
              </a:effectLst>
            </a:endParaRPr>
          </a:p>
        </p:txBody>
      </p:sp>
      <p:pic>
        <p:nvPicPr>
          <p:cNvPr id="73" name="Picture 20" descr="See the source image">
            <a:extLst>
              <a:ext uri="{FF2B5EF4-FFF2-40B4-BE49-F238E27FC236}">
                <a16:creationId xmlns:a16="http://schemas.microsoft.com/office/drawing/2014/main" id="{13EB64BB-5F08-045B-7586-089EB1C09463}"/>
              </a:ext>
            </a:extLst>
          </p:cNvPr>
          <p:cNvPicPr>
            <a:picLocks noChangeAspect="1" noChangeArrowheads="1"/>
          </p:cNvPicPr>
          <p:nvPr/>
        </p:nvPicPr>
        <p:blipFill rotWithShape="1">
          <a:blip r:embed="rId10" cstate="print">
            <a:duotone>
              <a:schemeClr val="bg2">
                <a:shade val="45000"/>
                <a:satMod val="135000"/>
              </a:schemeClr>
              <a:prstClr val="white"/>
            </a:duotone>
            <a:extLst>
              <a:ext uri="{BEBA8EAE-BF5A-486C-A8C5-ECC9F3942E4B}">
                <a14:imgProps xmlns:a14="http://schemas.microsoft.com/office/drawing/2010/main">
                  <a14:imgLayer r:embed="rId11">
                    <a14:imgEffect>
                      <a14:artisticPhotocopy/>
                    </a14:imgEffect>
                  </a14:imgLayer>
                </a14:imgProps>
              </a:ext>
              <a:ext uri="{28A0092B-C50C-407E-A947-70E740481C1C}">
                <a14:useLocalDpi xmlns:a14="http://schemas.microsoft.com/office/drawing/2010/main" val="0"/>
              </a:ext>
            </a:extLst>
          </a:blip>
          <a:srcRect b="23109"/>
          <a:stretch/>
        </p:blipFill>
        <p:spPr bwMode="auto">
          <a:xfrm flipH="1">
            <a:off x="6681410" y="493400"/>
            <a:ext cx="1481134" cy="858687"/>
          </a:xfrm>
          <a:prstGeom prst="rect">
            <a:avLst/>
          </a:prstGeom>
          <a:noFill/>
          <a:extLst>
            <a:ext uri="{909E8E84-426E-40DD-AFC4-6F175D3DCCD1}">
              <a14:hiddenFill xmlns:a14="http://schemas.microsoft.com/office/drawing/2010/main">
                <a:solidFill>
                  <a:srgbClr val="FFFFFF"/>
                </a:solidFill>
              </a14:hiddenFill>
            </a:ext>
          </a:extLst>
        </p:spPr>
      </p:pic>
      <p:pic>
        <p:nvPicPr>
          <p:cNvPr id="74" name="Picture 18" descr="See the source image">
            <a:extLst>
              <a:ext uri="{FF2B5EF4-FFF2-40B4-BE49-F238E27FC236}">
                <a16:creationId xmlns:a16="http://schemas.microsoft.com/office/drawing/2014/main" id="{3E8E35CA-3842-A6A6-27D2-67B1CF90EF3E}"/>
              </a:ext>
            </a:extLst>
          </p:cNvPr>
          <p:cNvPicPr>
            <a:picLocks noChangeAspect="1" noChangeArrowheads="1"/>
          </p:cNvPicPr>
          <p:nvPr/>
        </p:nvPicPr>
        <p:blipFill>
          <a:blip r:embed="rId12" cstate="print">
            <a:duotone>
              <a:schemeClr val="bg2">
                <a:shade val="45000"/>
                <a:satMod val="135000"/>
              </a:schemeClr>
              <a:prstClr val="white"/>
            </a:duotone>
            <a:extLst>
              <a:ext uri="{BEBA8EAE-BF5A-486C-A8C5-ECC9F3942E4B}">
                <a14:imgProps xmlns:a14="http://schemas.microsoft.com/office/drawing/2010/main">
                  <a14:imgLayer r:embed="rId13">
                    <a14:imgEffect>
                      <a14:backgroundRemoval t="10000" b="90875" l="10000" r="90000">
                        <a14:foregroundMark x1="75000" y1="89250" x2="75000" y2="89250"/>
                        <a14:foregroundMark x1="15750" y1="90375" x2="15750" y2="90375"/>
                        <a14:foregroundMark x1="45000" y1="90875" x2="45000" y2="90875"/>
                        <a14:foregroundMark x1="40000" y1="46250" x2="40000" y2="46250"/>
                        <a14:foregroundMark x1="52625" y1="46125" x2="52625" y2="46125"/>
                        <a14:foregroundMark x1="60625" y1="12000" x2="60625" y2="12000"/>
                        <a14:backgroundMark x1="22375" y1="82375" x2="22375" y2="82375"/>
                        <a14:backgroundMark x1="39500" y1="82750" x2="39500" y2="82750"/>
                        <a14:backgroundMark x1="50000" y1="82000" x2="50000" y2="82000"/>
                        <a14:backgroundMark x1="65500" y1="88125" x2="65500" y2="88125"/>
                        <a14:backgroundMark x1="67250" y1="82750" x2="67250" y2="82750"/>
                        <a14:backgroundMark x1="65750" y1="78125" x2="65750" y2="78125"/>
                        <a14:backgroundMark x1="64500" y1="76625" x2="64500" y2="76625"/>
                      </a14:backgroundRemoval>
                    </a14:imgEffect>
                  </a14:imgLayer>
                </a14:imgProps>
              </a:ext>
              <a:ext uri="{28A0092B-C50C-407E-A947-70E740481C1C}">
                <a14:useLocalDpi xmlns:a14="http://schemas.microsoft.com/office/drawing/2010/main" val="0"/>
              </a:ext>
            </a:extLst>
          </a:blip>
          <a:srcRect/>
          <a:stretch>
            <a:fillRect/>
          </a:stretch>
        </p:blipFill>
        <p:spPr bwMode="auto">
          <a:xfrm>
            <a:off x="5887764" y="514682"/>
            <a:ext cx="858887" cy="858887"/>
          </a:xfrm>
          <a:prstGeom prst="rect">
            <a:avLst/>
          </a:prstGeom>
          <a:noFill/>
          <a:extLst>
            <a:ext uri="{909E8E84-426E-40DD-AFC4-6F175D3DCCD1}">
              <a14:hiddenFill xmlns:a14="http://schemas.microsoft.com/office/drawing/2010/main">
                <a:solidFill>
                  <a:srgbClr val="FFFFFF"/>
                </a:solidFill>
              </a14:hiddenFill>
            </a:ext>
          </a:extLst>
        </p:spPr>
      </p:pic>
      <p:sp>
        <p:nvSpPr>
          <p:cNvPr id="75" name="Arrow: Bent 74">
            <a:extLst>
              <a:ext uri="{FF2B5EF4-FFF2-40B4-BE49-F238E27FC236}">
                <a16:creationId xmlns:a16="http://schemas.microsoft.com/office/drawing/2014/main" id="{DCDD98D9-A1E8-9D4B-2EFA-0CAAE97220A4}"/>
              </a:ext>
            </a:extLst>
          </p:cNvPr>
          <p:cNvSpPr/>
          <p:nvPr/>
        </p:nvSpPr>
        <p:spPr>
          <a:xfrm rot="5400000">
            <a:off x="6738518" y="446047"/>
            <a:ext cx="623760" cy="2339885"/>
          </a:xfrm>
          <a:prstGeom prst="bentArrow">
            <a:avLst>
              <a:gd name="adj1" fmla="val 22869"/>
              <a:gd name="adj2" fmla="val 29120"/>
              <a:gd name="adj3" fmla="val 36348"/>
              <a:gd name="adj4" fmla="val 4828"/>
            </a:avLst>
          </a:prstGeom>
          <a:solidFill>
            <a:srgbClr val="0070C0"/>
          </a:solidFill>
          <a:ln>
            <a:solidFill>
              <a:srgbClr val="002060"/>
            </a:solidFill>
          </a:ln>
        </p:spPr>
        <p:style>
          <a:lnRef idx="0">
            <a:schemeClr val="accent3"/>
          </a:lnRef>
          <a:fillRef idx="3">
            <a:schemeClr val="accent3"/>
          </a:fillRef>
          <a:effectRef idx="3">
            <a:schemeClr val="accent3"/>
          </a:effectRef>
          <a:fontRef idx="minor">
            <a:schemeClr val="lt1"/>
          </a:fontRef>
        </p:style>
        <p:txBody>
          <a:bodyPr rtlCol="0" anchor="ctr"/>
          <a:lstStyle/>
          <a:p>
            <a:pPr algn="ctr"/>
            <a:endParaRPr lang="LID4096">
              <a:solidFill>
                <a:schemeClr val="tx1"/>
              </a:solidFill>
              <a:effectLst>
                <a:outerShdw blurRad="38100" dist="38100" dir="2700000" algn="tl">
                  <a:srgbClr val="000000">
                    <a:alpha val="43137"/>
                  </a:srgbClr>
                </a:outerShdw>
              </a:effectLst>
            </a:endParaRPr>
          </a:p>
        </p:txBody>
      </p:sp>
      <p:sp>
        <p:nvSpPr>
          <p:cNvPr id="76" name="Arrow: Bent 75">
            <a:extLst>
              <a:ext uri="{FF2B5EF4-FFF2-40B4-BE49-F238E27FC236}">
                <a16:creationId xmlns:a16="http://schemas.microsoft.com/office/drawing/2014/main" id="{1B51A839-8B90-260A-B6AF-054994FA8D32}"/>
              </a:ext>
            </a:extLst>
          </p:cNvPr>
          <p:cNvSpPr/>
          <p:nvPr/>
        </p:nvSpPr>
        <p:spPr>
          <a:xfrm>
            <a:off x="1393053" y="1257222"/>
            <a:ext cx="1828252" cy="656969"/>
          </a:xfrm>
          <a:prstGeom prst="bentArrow">
            <a:avLst>
              <a:gd name="adj1" fmla="val 22869"/>
              <a:gd name="adj2" fmla="val 29120"/>
              <a:gd name="adj3" fmla="val 36348"/>
              <a:gd name="adj4" fmla="val 4828"/>
            </a:avLst>
          </a:prstGeom>
          <a:solidFill>
            <a:srgbClr val="0070C0"/>
          </a:solidFill>
          <a:ln>
            <a:solidFill>
              <a:srgbClr val="002060"/>
            </a:solidFill>
          </a:ln>
        </p:spPr>
        <p:style>
          <a:lnRef idx="0">
            <a:schemeClr val="accent3"/>
          </a:lnRef>
          <a:fillRef idx="3">
            <a:schemeClr val="accent3"/>
          </a:fillRef>
          <a:effectRef idx="3">
            <a:schemeClr val="accent3"/>
          </a:effectRef>
          <a:fontRef idx="minor">
            <a:schemeClr val="lt1"/>
          </a:fontRef>
        </p:style>
        <p:txBody>
          <a:bodyPr rtlCol="0" anchor="ctr"/>
          <a:lstStyle/>
          <a:p>
            <a:pPr algn="ctr"/>
            <a:endParaRPr lang="LID4096">
              <a:solidFill>
                <a:schemeClr val="tx1"/>
              </a:solidFill>
              <a:effectLst>
                <a:outerShdw blurRad="38100" dist="38100" dir="2700000" algn="tl">
                  <a:srgbClr val="000000">
                    <a:alpha val="43137"/>
                  </a:srgbClr>
                </a:outerShdw>
              </a:effectLst>
            </a:endParaRPr>
          </a:p>
        </p:txBody>
      </p:sp>
      <p:sp>
        <p:nvSpPr>
          <p:cNvPr id="77" name="TextBox 76">
            <a:extLst>
              <a:ext uri="{FF2B5EF4-FFF2-40B4-BE49-F238E27FC236}">
                <a16:creationId xmlns:a16="http://schemas.microsoft.com/office/drawing/2014/main" id="{BEBC7E65-C208-43B9-3341-F2263C47F0D9}"/>
              </a:ext>
            </a:extLst>
          </p:cNvPr>
          <p:cNvSpPr txBox="1"/>
          <p:nvPr/>
        </p:nvSpPr>
        <p:spPr>
          <a:xfrm>
            <a:off x="6277674" y="1695391"/>
            <a:ext cx="1388008" cy="415498"/>
          </a:xfrm>
          <a:prstGeom prst="rect">
            <a:avLst/>
          </a:prstGeom>
          <a:solidFill>
            <a:srgbClr val="0070C0"/>
          </a:solidFill>
          <a:ln>
            <a:solidFill>
              <a:srgbClr val="002061"/>
            </a:solidFill>
          </a:ln>
        </p:spPr>
        <p:txBody>
          <a:bodyPr wrap="square">
            <a:spAutoFit/>
          </a:bodyPr>
          <a:lstStyle/>
          <a:p>
            <a:pPr lvl="0" algn="ctr"/>
            <a:r>
              <a:rPr lang="en-US" sz="900" dirty="0">
                <a:ln>
                  <a:solidFill>
                    <a:schemeClr val="bg1"/>
                  </a:solidFill>
                </a:ln>
                <a:solidFill>
                  <a:schemeClr val="bg1"/>
                </a:solidFill>
                <a:effectLst/>
              </a:rPr>
              <a:t>Wide flammability range</a:t>
            </a:r>
          </a:p>
          <a:p>
            <a:pPr lvl="0" algn="ctr"/>
            <a:endParaRPr lang="en-US" sz="300" dirty="0">
              <a:ln>
                <a:solidFill>
                  <a:schemeClr val="bg1"/>
                </a:solidFill>
              </a:ln>
              <a:solidFill>
                <a:schemeClr val="bg1"/>
              </a:solidFill>
              <a:effectLst/>
            </a:endParaRPr>
          </a:p>
          <a:p>
            <a:pPr lvl="0" algn="ctr"/>
            <a:r>
              <a:rPr lang="en-US" sz="900" dirty="0">
                <a:ln>
                  <a:solidFill>
                    <a:schemeClr val="bg1"/>
                  </a:solidFill>
                </a:ln>
                <a:solidFill>
                  <a:schemeClr val="bg1"/>
                </a:solidFill>
                <a:effectLst/>
              </a:rPr>
              <a:t>Low ignition energy</a:t>
            </a:r>
          </a:p>
        </p:txBody>
      </p:sp>
      <p:sp>
        <p:nvSpPr>
          <p:cNvPr id="78" name="Rectangle 77">
            <a:extLst>
              <a:ext uri="{FF2B5EF4-FFF2-40B4-BE49-F238E27FC236}">
                <a16:creationId xmlns:a16="http://schemas.microsoft.com/office/drawing/2014/main" id="{D1F7F5EF-9F2A-57A7-C7BF-03E269A0384D}"/>
              </a:ext>
            </a:extLst>
          </p:cNvPr>
          <p:cNvSpPr/>
          <p:nvPr/>
        </p:nvSpPr>
        <p:spPr>
          <a:xfrm>
            <a:off x="6446472" y="3504780"/>
            <a:ext cx="223999" cy="1156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a:p>
        </p:txBody>
      </p:sp>
      <p:sp>
        <p:nvSpPr>
          <p:cNvPr id="79" name="Rectangle 78">
            <a:extLst>
              <a:ext uri="{FF2B5EF4-FFF2-40B4-BE49-F238E27FC236}">
                <a16:creationId xmlns:a16="http://schemas.microsoft.com/office/drawing/2014/main" id="{FD92CA5E-0161-66EA-87FA-AE08AD9E967B}"/>
              </a:ext>
            </a:extLst>
          </p:cNvPr>
          <p:cNvSpPr/>
          <p:nvPr/>
        </p:nvSpPr>
        <p:spPr>
          <a:xfrm>
            <a:off x="8017167" y="3250771"/>
            <a:ext cx="223999" cy="30932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NL"/>
          </a:p>
        </p:txBody>
      </p:sp>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14">
            <a:biLevel thresh="25000"/>
            <a:alphaModFix/>
            <a:extLst>
              <a:ext uri="{BEBA8EAE-BF5A-486C-A8C5-ECC9F3942E4B}">
                <a14:imgProps xmlns:a14="http://schemas.microsoft.com/office/drawing/2010/main">
                  <a14:imgLayer r:embed="rId15">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4</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Hydrogen</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Renewable green hydrogen cycle</a:t>
            </a:r>
          </a:p>
        </p:txBody>
      </p:sp>
    </p:spTree>
    <p:extLst>
      <p:ext uri="{BB962C8B-B14F-4D97-AF65-F5344CB8AC3E}">
        <p14:creationId xmlns:p14="http://schemas.microsoft.com/office/powerpoint/2010/main" val="4111700100"/>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nodeType="afterEffect">
                                  <p:stCondLst>
                                    <p:cond delay="0"/>
                                  </p:stCondLst>
                                  <p:childTnLst>
                                    <p:set>
                                      <p:cBhvr>
                                        <p:cTn id="6" dur="1" fill="hold">
                                          <p:stCondLst>
                                            <p:cond delay="0"/>
                                          </p:stCondLst>
                                        </p:cTn>
                                        <p:tgtEl>
                                          <p:spTgt spid="68"/>
                                        </p:tgtEl>
                                        <p:attrNameLst>
                                          <p:attrName>style.visibility</p:attrName>
                                        </p:attrNameLst>
                                      </p:cBhvr>
                                      <p:to>
                                        <p:strVal val="visible"/>
                                      </p:to>
                                    </p:set>
                                    <p:animEffect transition="in" filter="wipe(down)">
                                      <p:cBhvr>
                                        <p:cTn id="7" dur="1000"/>
                                        <p:tgtEl>
                                          <p:spTgt spid="68"/>
                                        </p:tgtEl>
                                      </p:cBhvr>
                                    </p:animEffect>
                                  </p:childTnLst>
                                </p:cTn>
                              </p:par>
                              <p:par>
                                <p:cTn id="8" presetID="22" presetClass="entr" presetSubtype="4" fill="hold" grpId="0" nodeType="withEffect">
                                  <p:stCondLst>
                                    <p:cond delay="0"/>
                                  </p:stCondLst>
                                  <p:childTnLst>
                                    <p:set>
                                      <p:cBhvr>
                                        <p:cTn id="9" dur="1" fill="hold">
                                          <p:stCondLst>
                                            <p:cond delay="0"/>
                                          </p:stCondLst>
                                        </p:cTn>
                                        <p:tgtEl>
                                          <p:spTgt spid="70"/>
                                        </p:tgtEl>
                                        <p:attrNameLst>
                                          <p:attrName>style.visibility</p:attrName>
                                        </p:attrNameLst>
                                      </p:cBhvr>
                                      <p:to>
                                        <p:strVal val="visible"/>
                                      </p:to>
                                    </p:set>
                                    <p:animEffect transition="in" filter="wipe(down)">
                                      <p:cBhvr>
                                        <p:cTn id="10" dur="1000"/>
                                        <p:tgtEl>
                                          <p:spTgt spid="70"/>
                                        </p:tgtEl>
                                      </p:cBhvr>
                                    </p:animEffect>
                                  </p:childTnLst>
                                </p:cTn>
                              </p:par>
                            </p:childTnLst>
                          </p:cTn>
                        </p:par>
                        <p:par>
                          <p:cTn id="11" fill="hold">
                            <p:stCondLst>
                              <p:cond delay="1000"/>
                            </p:stCondLst>
                            <p:childTnLst>
                              <p:par>
                                <p:cTn id="12" presetID="22" presetClass="entr" presetSubtype="2" fill="hold" nodeType="afterEffect">
                                  <p:stCondLst>
                                    <p:cond delay="0"/>
                                  </p:stCondLst>
                                  <p:childTnLst>
                                    <p:set>
                                      <p:cBhvr>
                                        <p:cTn id="13" dur="1" fill="hold">
                                          <p:stCondLst>
                                            <p:cond delay="0"/>
                                          </p:stCondLst>
                                        </p:cTn>
                                        <p:tgtEl>
                                          <p:spTgt spid="59"/>
                                        </p:tgtEl>
                                        <p:attrNameLst>
                                          <p:attrName>style.visibility</p:attrName>
                                        </p:attrNameLst>
                                      </p:cBhvr>
                                      <p:to>
                                        <p:strVal val="visible"/>
                                      </p:to>
                                    </p:set>
                                    <p:animEffect transition="in" filter="wipe(right)">
                                      <p:cBhvr>
                                        <p:cTn id="14" dur="500"/>
                                        <p:tgtEl>
                                          <p:spTgt spid="59"/>
                                        </p:tgtEl>
                                      </p:cBhvr>
                                    </p:animEffect>
                                  </p:childTnLst>
                                </p:cTn>
                              </p:par>
                              <p:par>
                                <p:cTn id="15" presetID="22" presetClass="entr" presetSubtype="4" fill="hold" grpId="0" nodeType="withEffect">
                                  <p:stCondLst>
                                    <p:cond delay="500"/>
                                  </p:stCondLst>
                                  <p:childTnLst>
                                    <p:set>
                                      <p:cBhvr>
                                        <p:cTn id="16" dur="1" fill="hold">
                                          <p:stCondLst>
                                            <p:cond delay="0"/>
                                          </p:stCondLst>
                                        </p:cTn>
                                        <p:tgtEl>
                                          <p:spTgt spid="72"/>
                                        </p:tgtEl>
                                        <p:attrNameLst>
                                          <p:attrName>style.visibility</p:attrName>
                                        </p:attrNameLst>
                                      </p:cBhvr>
                                      <p:to>
                                        <p:strVal val="visible"/>
                                      </p:to>
                                    </p:set>
                                    <p:animEffect transition="in" filter="wipe(down)">
                                      <p:cBhvr>
                                        <p:cTn id="17" dur="500"/>
                                        <p:tgtEl>
                                          <p:spTgt spid="72"/>
                                        </p:tgtEl>
                                      </p:cBhvr>
                                    </p:animEffect>
                                  </p:childTnLst>
                                </p:cTn>
                              </p:par>
                            </p:childTnLst>
                          </p:cTn>
                        </p:par>
                        <p:par>
                          <p:cTn id="18" fill="hold">
                            <p:stCondLst>
                              <p:cond delay="2000"/>
                            </p:stCondLst>
                            <p:childTnLst>
                              <p:par>
                                <p:cTn id="19" presetID="22" presetClass="entr" presetSubtype="4" fill="hold" nodeType="afterEffect">
                                  <p:stCondLst>
                                    <p:cond delay="0"/>
                                  </p:stCondLst>
                                  <p:childTnLst>
                                    <p:set>
                                      <p:cBhvr>
                                        <p:cTn id="20" dur="1" fill="hold">
                                          <p:stCondLst>
                                            <p:cond delay="0"/>
                                          </p:stCondLst>
                                        </p:cTn>
                                        <p:tgtEl>
                                          <p:spTgt spid="60"/>
                                        </p:tgtEl>
                                        <p:attrNameLst>
                                          <p:attrName>style.visibility</p:attrName>
                                        </p:attrNameLst>
                                      </p:cBhvr>
                                      <p:to>
                                        <p:strVal val="visible"/>
                                      </p:to>
                                    </p:set>
                                    <p:animEffect transition="in" filter="wipe(down)">
                                      <p:cBhvr>
                                        <p:cTn id="21" dur="500"/>
                                        <p:tgtEl>
                                          <p:spTgt spid="60"/>
                                        </p:tgtEl>
                                      </p:cBhvr>
                                    </p:animEffect>
                                  </p:childTnLst>
                                </p:cTn>
                              </p:par>
                            </p:childTnLst>
                          </p:cTn>
                        </p:par>
                        <p:par>
                          <p:cTn id="22" fill="hold">
                            <p:stCondLst>
                              <p:cond delay="2500"/>
                            </p:stCondLst>
                            <p:childTnLst>
                              <p:par>
                                <p:cTn id="23" presetID="22" presetClass="entr" presetSubtype="8" fill="hold" grpId="0" nodeType="afterEffect">
                                  <p:stCondLst>
                                    <p:cond delay="500"/>
                                  </p:stCondLst>
                                  <p:childTnLst>
                                    <p:set>
                                      <p:cBhvr>
                                        <p:cTn id="24" dur="1" fill="hold">
                                          <p:stCondLst>
                                            <p:cond delay="0"/>
                                          </p:stCondLst>
                                        </p:cTn>
                                        <p:tgtEl>
                                          <p:spTgt spid="76"/>
                                        </p:tgtEl>
                                        <p:attrNameLst>
                                          <p:attrName>style.visibility</p:attrName>
                                        </p:attrNameLst>
                                      </p:cBhvr>
                                      <p:to>
                                        <p:strVal val="visible"/>
                                      </p:to>
                                    </p:set>
                                    <p:animEffect transition="in" filter="wipe(left)">
                                      <p:cBhvr>
                                        <p:cTn id="25" dur="500"/>
                                        <p:tgtEl>
                                          <p:spTgt spid="76"/>
                                        </p:tgtEl>
                                      </p:cBhvr>
                                    </p:animEffect>
                                  </p:childTnLst>
                                </p:cTn>
                              </p:par>
                            </p:childTnLst>
                          </p:cTn>
                        </p:par>
                        <p:par>
                          <p:cTn id="26" fill="hold">
                            <p:stCondLst>
                              <p:cond delay="3500"/>
                            </p:stCondLst>
                            <p:childTnLst>
                              <p:par>
                                <p:cTn id="27" presetID="22" presetClass="entr" presetSubtype="8" fill="hold" grpId="0" nodeType="afterEffect">
                                  <p:stCondLst>
                                    <p:cond delay="0"/>
                                  </p:stCondLst>
                                  <p:childTnLst>
                                    <p:set>
                                      <p:cBhvr>
                                        <p:cTn id="28" dur="1" fill="hold">
                                          <p:stCondLst>
                                            <p:cond delay="0"/>
                                          </p:stCondLst>
                                        </p:cTn>
                                        <p:tgtEl>
                                          <p:spTgt spid="71"/>
                                        </p:tgtEl>
                                        <p:attrNameLst>
                                          <p:attrName>style.visibility</p:attrName>
                                        </p:attrNameLst>
                                      </p:cBhvr>
                                      <p:to>
                                        <p:strVal val="visible"/>
                                      </p:to>
                                    </p:set>
                                    <p:animEffect transition="in" filter="wipe(left)">
                                      <p:cBhvr>
                                        <p:cTn id="29" dur="500"/>
                                        <p:tgtEl>
                                          <p:spTgt spid="71"/>
                                        </p:tgtEl>
                                      </p:cBhvr>
                                    </p:animEffect>
                                  </p:childTnLst>
                                </p:cTn>
                              </p:par>
                            </p:childTnLst>
                          </p:cTn>
                        </p:par>
                        <p:par>
                          <p:cTn id="30" fill="hold">
                            <p:stCondLst>
                              <p:cond delay="4000"/>
                            </p:stCondLst>
                            <p:childTnLst>
                              <p:par>
                                <p:cTn id="31" presetID="22" presetClass="entr" presetSubtype="8" fill="hold" grpId="0" nodeType="afterEffect">
                                  <p:stCondLst>
                                    <p:cond delay="500"/>
                                  </p:stCondLst>
                                  <p:childTnLst>
                                    <p:set>
                                      <p:cBhvr>
                                        <p:cTn id="32" dur="1" fill="hold">
                                          <p:stCondLst>
                                            <p:cond delay="0"/>
                                          </p:stCondLst>
                                        </p:cTn>
                                        <p:tgtEl>
                                          <p:spTgt spid="75"/>
                                        </p:tgtEl>
                                        <p:attrNameLst>
                                          <p:attrName>style.visibility</p:attrName>
                                        </p:attrNameLst>
                                      </p:cBhvr>
                                      <p:to>
                                        <p:strVal val="visible"/>
                                      </p:to>
                                    </p:set>
                                    <p:animEffect transition="in" filter="wipe(left)">
                                      <p:cBhvr>
                                        <p:cTn id="33" dur="500"/>
                                        <p:tgtEl>
                                          <p:spTgt spid="75"/>
                                        </p:tgtEl>
                                      </p:cBhvr>
                                    </p:animEffect>
                                  </p:childTnLst>
                                </p:cTn>
                              </p:par>
                            </p:childTnLst>
                          </p:cTn>
                        </p:par>
                        <p:par>
                          <p:cTn id="34" fill="hold">
                            <p:stCondLst>
                              <p:cond delay="5000"/>
                            </p:stCondLst>
                            <p:childTnLst>
                              <p:par>
                                <p:cTn id="35" presetID="22" presetClass="entr" presetSubtype="8" fill="hold" nodeType="afterEffect">
                                  <p:stCondLst>
                                    <p:cond delay="0"/>
                                  </p:stCondLst>
                                  <p:childTnLst>
                                    <p:set>
                                      <p:cBhvr>
                                        <p:cTn id="36" dur="1" fill="hold">
                                          <p:stCondLst>
                                            <p:cond delay="0"/>
                                          </p:stCondLst>
                                        </p:cTn>
                                        <p:tgtEl>
                                          <p:spTgt spid="73"/>
                                        </p:tgtEl>
                                        <p:attrNameLst>
                                          <p:attrName>style.visibility</p:attrName>
                                        </p:attrNameLst>
                                      </p:cBhvr>
                                      <p:to>
                                        <p:strVal val="visible"/>
                                      </p:to>
                                    </p:set>
                                    <p:animEffect transition="in" filter="wipe(left)">
                                      <p:cBhvr>
                                        <p:cTn id="37" dur="500"/>
                                        <p:tgtEl>
                                          <p:spTgt spid="73"/>
                                        </p:tgtEl>
                                      </p:cBhvr>
                                    </p:animEffect>
                                  </p:childTnLst>
                                </p:cTn>
                              </p:par>
                              <p:par>
                                <p:cTn id="38" presetID="22" presetClass="entr" presetSubtype="8" fill="hold" nodeType="withEffect">
                                  <p:stCondLst>
                                    <p:cond delay="0"/>
                                  </p:stCondLst>
                                  <p:childTnLst>
                                    <p:set>
                                      <p:cBhvr>
                                        <p:cTn id="39" dur="1" fill="hold">
                                          <p:stCondLst>
                                            <p:cond delay="0"/>
                                          </p:stCondLst>
                                        </p:cTn>
                                        <p:tgtEl>
                                          <p:spTgt spid="74"/>
                                        </p:tgtEl>
                                        <p:attrNameLst>
                                          <p:attrName>style.visibility</p:attrName>
                                        </p:attrNameLst>
                                      </p:cBhvr>
                                      <p:to>
                                        <p:strVal val="visible"/>
                                      </p:to>
                                    </p:set>
                                    <p:animEffect transition="in" filter="wipe(left)">
                                      <p:cBhvr>
                                        <p:cTn id="40" dur="500"/>
                                        <p:tgtEl>
                                          <p:spTgt spid="74"/>
                                        </p:tgtEl>
                                      </p:cBhvr>
                                    </p:animEffect>
                                  </p:childTnLst>
                                </p:cTn>
                              </p:par>
                              <p:par>
                                <p:cTn id="41" presetID="22" presetClass="entr" presetSubtype="8" fill="hold" grpId="0" nodeType="withEffect">
                                  <p:stCondLst>
                                    <p:cond delay="0"/>
                                  </p:stCondLst>
                                  <p:childTnLst>
                                    <p:set>
                                      <p:cBhvr>
                                        <p:cTn id="42" dur="1" fill="hold">
                                          <p:stCondLst>
                                            <p:cond delay="0"/>
                                          </p:stCondLst>
                                        </p:cTn>
                                        <p:tgtEl>
                                          <p:spTgt spid="66"/>
                                        </p:tgtEl>
                                        <p:attrNameLst>
                                          <p:attrName>style.visibility</p:attrName>
                                        </p:attrNameLst>
                                      </p:cBhvr>
                                      <p:to>
                                        <p:strVal val="visible"/>
                                      </p:to>
                                    </p:set>
                                    <p:animEffect transition="in" filter="wipe(left)">
                                      <p:cBhvr>
                                        <p:cTn id="43" dur="500"/>
                                        <p:tgtEl>
                                          <p:spTgt spid="66"/>
                                        </p:tgtEl>
                                      </p:cBhvr>
                                    </p:animEffect>
                                  </p:childTnLst>
                                </p:cTn>
                              </p:par>
                            </p:childTnLst>
                          </p:cTn>
                        </p:par>
                        <p:par>
                          <p:cTn id="44" fill="hold">
                            <p:stCondLst>
                              <p:cond delay="5500"/>
                            </p:stCondLst>
                            <p:childTnLst>
                              <p:par>
                                <p:cTn id="45" presetID="22" presetClass="entr" presetSubtype="1" fill="hold" nodeType="afterEffect">
                                  <p:stCondLst>
                                    <p:cond delay="500"/>
                                  </p:stCondLst>
                                  <p:childTnLst>
                                    <p:set>
                                      <p:cBhvr>
                                        <p:cTn id="46" dur="1" fill="hold">
                                          <p:stCondLst>
                                            <p:cond delay="0"/>
                                          </p:stCondLst>
                                        </p:cTn>
                                        <p:tgtEl>
                                          <p:spTgt spid="33"/>
                                        </p:tgtEl>
                                        <p:attrNameLst>
                                          <p:attrName>style.visibility</p:attrName>
                                        </p:attrNameLst>
                                      </p:cBhvr>
                                      <p:to>
                                        <p:strVal val="visible"/>
                                      </p:to>
                                    </p:set>
                                    <p:animEffect transition="in" filter="wipe(up)">
                                      <p:cBhvr>
                                        <p:cTn id="47" dur="1000"/>
                                        <p:tgtEl>
                                          <p:spTgt spid="33"/>
                                        </p:tgtEl>
                                      </p:cBhvr>
                                    </p:animEffect>
                                  </p:childTnLst>
                                </p:cTn>
                              </p:par>
                              <p:par>
                                <p:cTn id="48" presetID="22" presetClass="entr" presetSubtype="8" fill="hold" nodeType="withEffect">
                                  <p:stCondLst>
                                    <p:cond delay="500"/>
                                  </p:stCondLst>
                                  <p:childTnLst>
                                    <p:set>
                                      <p:cBhvr>
                                        <p:cTn id="49" dur="1" fill="hold">
                                          <p:stCondLst>
                                            <p:cond delay="0"/>
                                          </p:stCondLst>
                                        </p:cTn>
                                        <p:tgtEl>
                                          <p:spTgt spid="2050"/>
                                        </p:tgtEl>
                                        <p:attrNameLst>
                                          <p:attrName>style.visibility</p:attrName>
                                        </p:attrNameLst>
                                      </p:cBhvr>
                                      <p:to>
                                        <p:strVal val="visible"/>
                                      </p:to>
                                    </p:set>
                                    <p:animEffect transition="in" filter="wipe(left)">
                                      <p:cBhvr>
                                        <p:cTn id="50" dur="1000"/>
                                        <p:tgtEl>
                                          <p:spTgt spid="2050"/>
                                        </p:tgtEl>
                                      </p:cBhvr>
                                    </p:animEffect>
                                  </p:childTnLst>
                                </p:cTn>
                              </p:par>
                            </p:childTnLst>
                          </p:cTn>
                        </p:par>
                        <p:par>
                          <p:cTn id="51" fill="hold">
                            <p:stCondLst>
                              <p:cond delay="7000"/>
                            </p:stCondLst>
                            <p:childTnLst>
                              <p:par>
                                <p:cTn id="52" presetID="22" presetClass="entr" presetSubtype="2" fill="hold" grpId="0" nodeType="afterEffect">
                                  <p:stCondLst>
                                    <p:cond delay="500"/>
                                  </p:stCondLst>
                                  <p:childTnLst>
                                    <p:set>
                                      <p:cBhvr>
                                        <p:cTn id="53" dur="1" fill="hold">
                                          <p:stCondLst>
                                            <p:cond delay="0"/>
                                          </p:stCondLst>
                                        </p:cTn>
                                        <p:tgtEl>
                                          <p:spTgt spid="67"/>
                                        </p:tgtEl>
                                        <p:attrNameLst>
                                          <p:attrName>style.visibility</p:attrName>
                                        </p:attrNameLst>
                                      </p:cBhvr>
                                      <p:to>
                                        <p:strVal val="visible"/>
                                      </p:to>
                                    </p:set>
                                    <p:animEffect transition="in" filter="wipe(right)">
                                      <p:cBhvr>
                                        <p:cTn id="54" dur="500"/>
                                        <p:tgtEl>
                                          <p:spTgt spid="67"/>
                                        </p:tgtEl>
                                      </p:cBhvr>
                                    </p:animEffect>
                                  </p:childTnLst>
                                </p:cTn>
                              </p:par>
                            </p:childTnLst>
                          </p:cTn>
                        </p:par>
                        <p:par>
                          <p:cTn id="55" fill="hold">
                            <p:stCondLst>
                              <p:cond delay="8000"/>
                            </p:stCondLst>
                            <p:childTnLst>
                              <p:par>
                                <p:cTn id="56" presetID="22" presetClass="entr" presetSubtype="1" fill="hold" grpId="0" nodeType="afterEffect">
                                  <p:stCondLst>
                                    <p:cond delay="0"/>
                                  </p:stCondLst>
                                  <p:childTnLst>
                                    <p:set>
                                      <p:cBhvr>
                                        <p:cTn id="57" dur="1" fill="hold">
                                          <p:stCondLst>
                                            <p:cond delay="0"/>
                                          </p:stCondLst>
                                        </p:cTn>
                                        <p:tgtEl>
                                          <p:spTgt spid="77"/>
                                        </p:tgtEl>
                                        <p:attrNameLst>
                                          <p:attrName>style.visibility</p:attrName>
                                        </p:attrNameLst>
                                      </p:cBhvr>
                                      <p:to>
                                        <p:strVal val="visible"/>
                                      </p:to>
                                    </p:set>
                                    <p:animEffect transition="in" filter="wipe(up)">
                                      <p:cBhvr>
                                        <p:cTn id="58" dur="1000"/>
                                        <p:tgtEl>
                                          <p:spTgt spid="7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7" grpId="0" animBg="1"/>
      <p:bldP spid="66" grpId="0"/>
      <p:bldP spid="70" grpId="0"/>
      <p:bldP spid="71" grpId="0"/>
      <p:bldP spid="72" grpId="0" animBg="1"/>
      <p:bldP spid="75" grpId="0" animBg="1"/>
      <p:bldP spid="76" grpId="0" animBg="1"/>
      <p:bldP spid="77"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5</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Hydrogen</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Storage solutions</a:t>
            </a:r>
          </a:p>
        </p:txBody>
      </p:sp>
      <p:graphicFrame>
        <p:nvGraphicFramePr>
          <p:cNvPr id="4" name="Content Placeholder 15">
            <a:extLst>
              <a:ext uri="{FF2B5EF4-FFF2-40B4-BE49-F238E27FC236}">
                <a16:creationId xmlns:a16="http://schemas.microsoft.com/office/drawing/2014/main" id="{20342F0A-732A-8443-F153-3C1B53A46176}"/>
              </a:ext>
            </a:extLst>
          </p:cNvPr>
          <p:cNvGraphicFramePr>
            <a:graphicFrameLocks noGrp="1"/>
          </p:cNvGraphicFramePr>
          <p:nvPr>
            <p:ph idx="1"/>
            <p:extLst>
              <p:ext uri="{D42A27DB-BD31-4B8C-83A1-F6EECF244321}">
                <p14:modId xmlns:p14="http://schemas.microsoft.com/office/powerpoint/2010/main" val="2816762076"/>
              </p:ext>
            </p:extLst>
          </p:nvPr>
        </p:nvGraphicFramePr>
        <p:xfrm>
          <a:off x="209965" y="582686"/>
          <a:ext cx="8934032" cy="3759672"/>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
        <p:nvSpPr>
          <p:cNvPr id="12" name="Tijdelijke aanduiding voor inhoud 2">
            <a:extLst>
              <a:ext uri="{FF2B5EF4-FFF2-40B4-BE49-F238E27FC236}">
                <a16:creationId xmlns:a16="http://schemas.microsoft.com/office/drawing/2014/main" id="{5460AEBB-0F24-FDAA-BDDD-BD977DFD5653}"/>
              </a:ext>
            </a:extLst>
          </p:cNvPr>
          <p:cNvSpPr txBox="1">
            <a:spLocks/>
          </p:cNvSpPr>
          <p:nvPr/>
        </p:nvSpPr>
        <p:spPr>
          <a:xfrm>
            <a:off x="467544" y="4332577"/>
            <a:ext cx="8352926" cy="200598"/>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r>
              <a:rPr lang="en-US" sz="700" dirty="0">
                <a:solidFill>
                  <a:schemeClr val="accent5"/>
                </a:solidFill>
              </a:rPr>
              <a:t>[03] </a:t>
            </a:r>
            <a:r>
              <a:rPr lang="en-US" sz="700" b="1" dirty="0">
                <a:solidFill>
                  <a:schemeClr val="accent5"/>
                </a:solidFill>
                <a:hlinkClick r:id="rId10"/>
              </a:rPr>
              <a:t>[https://www.energy.gov/eere/fuelcells/hydrogen-storage</a:t>
            </a:r>
            <a:r>
              <a:rPr lang="en-US" sz="700" dirty="0">
                <a:solidFill>
                  <a:schemeClr val="accent5"/>
                </a:solidFill>
              </a:rPr>
              <a:t> (</a:t>
            </a:r>
            <a:r>
              <a:rPr lang="en-US" sz="700" dirty="0">
                <a:solidFill>
                  <a:srgbClr val="101073"/>
                </a:solidFill>
              </a:rPr>
              <a:t>Accessed on </a:t>
            </a:r>
            <a:r>
              <a:rPr lang="en-US" sz="700" dirty="0">
                <a:solidFill>
                  <a:schemeClr val="accent5"/>
                </a:solidFill>
              </a:rPr>
              <a:t>09.10.2023)</a:t>
            </a:r>
            <a:endParaRPr lang="en-US" sz="700" b="1" dirty="0">
              <a:solidFill>
                <a:schemeClr val="accent5"/>
              </a:solidFill>
            </a:endParaRPr>
          </a:p>
          <a:p>
            <a:pPr algn="just"/>
            <a:r>
              <a:rPr lang="en-US" sz="700" dirty="0">
                <a:solidFill>
                  <a:schemeClr val="accent5"/>
                </a:solidFill>
              </a:rPr>
              <a:t>[04] </a:t>
            </a:r>
            <a:r>
              <a:rPr lang="en-US" sz="700" b="1" dirty="0" err="1">
                <a:solidFill>
                  <a:schemeClr val="accent5"/>
                </a:solidFill>
              </a:rPr>
              <a:t>Morandi</a:t>
            </a:r>
            <a:r>
              <a:rPr lang="en-US" sz="700" b="1" dirty="0">
                <a:solidFill>
                  <a:schemeClr val="accent5"/>
                </a:solidFill>
              </a:rPr>
              <a:t> R. and </a:t>
            </a:r>
            <a:r>
              <a:rPr lang="en-US" sz="700" b="1" dirty="0" err="1">
                <a:solidFill>
                  <a:schemeClr val="accent5"/>
                </a:solidFill>
              </a:rPr>
              <a:t>Groth</a:t>
            </a:r>
            <a:r>
              <a:rPr lang="en-US" sz="700" b="1" dirty="0">
                <a:solidFill>
                  <a:schemeClr val="accent5"/>
                </a:solidFill>
              </a:rPr>
              <a:t> K. M. </a:t>
            </a:r>
            <a:r>
              <a:rPr lang="en-US" sz="700" dirty="0">
                <a:solidFill>
                  <a:schemeClr val="accent5"/>
                </a:solidFill>
              </a:rPr>
              <a:t>– </a:t>
            </a:r>
            <a:r>
              <a:rPr lang="en-US" sz="700" i="1" dirty="0">
                <a:solidFill>
                  <a:schemeClr val="accent5"/>
                </a:solidFill>
              </a:rPr>
              <a:t>Hydrogen storage and delivery: Review of the state of the art technologies and risk and reliability analysis </a:t>
            </a:r>
            <a:r>
              <a:rPr lang="en-US" sz="700" dirty="0">
                <a:solidFill>
                  <a:schemeClr val="accent5"/>
                </a:solidFill>
              </a:rPr>
              <a:t>– </a:t>
            </a:r>
            <a:r>
              <a:rPr lang="de-DE" sz="700" dirty="0">
                <a:solidFill>
                  <a:schemeClr val="accent5"/>
                </a:solidFill>
              </a:rPr>
              <a:t>International Journal </a:t>
            </a:r>
            <a:r>
              <a:rPr lang="de-DE" sz="700" dirty="0" err="1">
                <a:solidFill>
                  <a:schemeClr val="accent5"/>
                </a:solidFill>
              </a:rPr>
              <a:t>of</a:t>
            </a:r>
            <a:r>
              <a:rPr lang="de-DE" sz="700" dirty="0">
                <a:solidFill>
                  <a:schemeClr val="accent5"/>
                </a:solidFill>
              </a:rPr>
              <a:t> Hydrogen Energy</a:t>
            </a:r>
            <a:r>
              <a:rPr lang="en-US" sz="700" dirty="0">
                <a:solidFill>
                  <a:schemeClr val="accent5"/>
                </a:solidFill>
              </a:rPr>
              <a:t>, v. 44, 12254-12269 (2019)</a:t>
            </a:r>
          </a:p>
        </p:txBody>
      </p:sp>
      <p:graphicFrame>
        <p:nvGraphicFramePr>
          <p:cNvPr id="13" name="Diagramma 6">
            <a:extLst>
              <a:ext uri="{FF2B5EF4-FFF2-40B4-BE49-F238E27FC236}">
                <a16:creationId xmlns:a16="http://schemas.microsoft.com/office/drawing/2014/main" id="{D69BD762-60C7-6340-F9C8-42662F7BFF4C}"/>
              </a:ext>
            </a:extLst>
          </p:cNvPr>
          <p:cNvGraphicFramePr/>
          <p:nvPr/>
        </p:nvGraphicFramePr>
        <p:xfrm>
          <a:off x="6442245" y="2555022"/>
          <a:ext cx="2656840" cy="1800733"/>
        </p:xfrm>
        <a:graphic>
          <a:graphicData uri="http://schemas.openxmlformats.org/drawingml/2006/diagram">
            <dgm:relIds xmlns:dgm="http://schemas.openxmlformats.org/drawingml/2006/diagram" xmlns:r="http://schemas.openxmlformats.org/officeDocument/2006/relationships" r:dm="rId11" r:lo="rId12" r:qs="rId13" r:cs="rId14"/>
          </a:graphicData>
        </a:graphic>
      </p:graphicFrame>
      <p:cxnSp>
        <p:nvCxnSpPr>
          <p:cNvPr id="6" name="Connector: Elbow 5">
            <a:extLst>
              <a:ext uri="{FF2B5EF4-FFF2-40B4-BE49-F238E27FC236}">
                <a16:creationId xmlns:a16="http://schemas.microsoft.com/office/drawing/2014/main" id="{4D0551C9-935C-2C8E-7ECE-EB25FF155A99}"/>
              </a:ext>
            </a:extLst>
          </p:cNvPr>
          <p:cNvCxnSpPr>
            <a:cxnSpLocks/>
            <a:stCxn id="8" idx="3"/>
            <a:endCxn id="13" idx="0"/>
          </p:cNvCxnSpPr>
          <p:nvPr/>
        </p:nvCxnSpPr>
        <p:spPr>
          <a:xfrm>
            <a:off x="4888338" y="2324184"/>
            <a:ext cx="2882327" cy="230838"/>
          </a:xfrm>
          <a:prstGeom prst="bentConnector2">
            <a:avLst/>
          </a:prstGeom>
          <a:ln w="19050">
            <a:solidFill>
              <a:srgbClr val="002060"/>
            </a:solidFill>
            <a:headEnd w="lg" len="sm"/>
            <a:tailEnd type="arrow"/>
          </a:ln>
        </p:spPr>
        <p:style>
          <a:lnRef idx="2">
            <a:schemeClr val="accent5"/>
          </a:lnRef>
          <a:fillRef idx="0">
            <a:schemeClr val="accent5"/>
          </a:fillRef>
          <a:effectRef idx="1">
            <a:schemeClr val="accent5"/>
          </a:effectRef>
          <a:fontRef idx="minor">
            <a:schemeClr val="tx1"/>
          </a:fontRef>
        </p:style>
      </p:cxnSp>
      <p:sp>
        <p:nvSpPr>
          <p:cNvPr id="8" name="Rectangle 7">
            <a:extLst>
              <a:ext uri="{FF2B5EF4-FFF2-40B4-BE49-F238E27FC236}">
                <a16:creationId xmlns:a16="http://schemas.microsoft.com/office/drawing/2014/main" id="{99A0F5BA-FA4D-B571-87BE-48C3FD306834}"/>
              </a:ext>
            </a:extLst>
          </p:cNvPr>
          <p:cNvSpPr/>
          <p:nvPr/>
        </p:nvSpPr>
        <p:spPr>
          <a:xfrm>
            <a:off x="4115079" y="2223885"/>
            <a:ext cx="773259" cy="200598"/>
          </a:xfrm>
          <a:prstGeom prst="rect">
            <a:avLst/>
          </a:prstGeom>
          <a:ln w="19050">
            <a:solidFill>
              <a:srgbClr val="002060"/>
            </a:solidFill>
            <a:headEnd w="lg" len="sm"/>
            <a:tailEnd type="arrow"/>
          </a:ln>
        </p:spPr>
        <p:style>
          <a:lnRef idx="2">
            <a:schemeClr val="accent5"/>
          </a:lnRef>
          <a:fillRef idx="0">
            <a:schemeClr val="accent5"/>
          </a:fillRef>
          <a:effectRef idx="1">
            <a:schemeClr val="accent5"/>
          </a:effectRef>
          <a:fontRef idx="minor">
            <a:schemeClr val="tx1"/>
          </a:fontRef>
        </p:style>
        <p:txBody>
          <a:bodyPr rtlCol="0" anchor="ctr"/>
          <a:lstStyle/>
          <a:p>
            <a:pPr algn="ctr"/>
            <a:endParaRPr lang="en-NL"/>
          </a:p>
        </p:txBody>
      </p:sp>
      <p:cxnSp>
        <p:nvCxnSpPr>
          <p:cNvPr id="9" name="Straight Connector 8">
            <a:extLst>
              <a:ext uri="{FF2B5EF4-FFF2-40B4-BE49-F238E27FC236}">
                <a16:creationId xmlns:a16="http://schemas.microsoft.com/office/drawing/2014/main" id="{A21BBBAD-6BD4-5C38-77A0-2F316D383750}"/>
              </a:ext>
            </a:extLst>
          </p:cNvPr>
          <p:cNvCxnSpPr>
            <a:cxnSpLocks/>
          </p:cNvCxnSpPr>
          <p:nvPr/>
        </p:nvCxnSpPr>
        <p:spPr>
          <a:xfrm>
            <a:off x="0" y="4568400"/>
            <a:ext cx="9144000" cy="0"/>
          </a:xfrm>
          <a:prstGeom prst="line">
            <a:avLst/>
          </a:prstGeom>
          <a:ln w="19050">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562457281"/>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8" fill="hold" grpId="0" nodeType="afterEffect">
                                  <p:stCondLst>
                                    <p:cond delay="0"/>
                                  </p:stCondLst>
                                  <p:childTnLst>
                                    <p:set>
                                      <p:cBhvr>
                                        <p:cTn id="6" dur="1" fill="hold">
                                          <p:stCondLst>
                                            <p:cond delay="0"/>
                                          </p:stCondLst>
                                        </p:cTn>
                                        <p:tgtEl>
                                          <p:spTgt spid="4">
                                            <p:graphicEl>
                                              <a:dgm id="{7C46917E-CF7A-46BF-BA17-611861CBD8D4}"/>
                                            </p:graphicEl>
                                          </p:spTgt>
                                        </p:tgtEl>
                                        <p:attrNameLst>
                                          <p:attrName>style.visibility</p:attrName>
                                        </p:attrNameLst>
                                      </p:cBhvr>
                                      <p:to>
                                        <p:strVal val="visible"/>
                                      </p:to>
                                    </p:set>
                                    <p:animEffect transition="in" filter="wipe(left)">
                                      <p:cBhvr>
                                        <p:cTn id="7" dur="1250"/>
                                        <p:tgtEl>
                                          <p:spTgt spid="4">
                                            <p:graphicEl>
                                              <a:dgm id="{7C46917E-CF7A-46BF-BA17-611861CBD8D4}"/>
                                            </p:graphicEl>
                                          </p:spTgt>
                                        </p:tgtEl>
                                      </p:cBhvr>
                                    </p:animEffect>
                                  </p:childTnLst>
                                </p:cTn>
                              </p:par>
                            </p:childTnLst>
                          </p:cTn>
                        </p:par>
                        <p:par>
                          <p:cTn id="8" fill="hold">
                            <p:stCondLst>
                              <p:cond delay="1250"/>
                            </p:stCondLst>
                            <p:childTnLst>
                              <p:par>
                                <p:cTn id="9" presetID="22" presetClass="entr" presetSubtype="8" fill="hold" grpId="0" nodeType="afterEffect">
                                  <p:stCondLst>
                                    <p:cond delay="0"/>
                                  </p:stCondLst>
                                  <p:childTnLst>
                                    <p:set>
                                      <p:cBhvr>
                                        <p:cTn id="10" dur="1" fill="hold">
                                          <p:stCondLst>
                                            <p:cond delay="0"/>
                                          </p:stCondLst>
                                        </p:cTn>
                                        <p:tgtEl>
                                          <p:spTgt spid="4">
                                            <p:graphicEl>
                                              <a:dgm id="{E18624D5-0917-43DF-8685-512D07C5B126}"/>
                                            </p:graphicEl>
                                          </p:spTgt>
                                        </p:tgtEl>
                                        <p:attrNameLst>
                                          <p:attrName>style.visibility</p:attrName>
                                        </p:attrNameLst>
                                      </p:cBhvr>
                                      <p:to>
                                        <p:strVal val="visible"/>
                                      </p:to>
                                    </p:set>
                                    <p:animEffect transition="in" filter="wipe(left)">
                                      <p:cBhvr>
                                        <p:cTn id="11" dur="1250"/>
                                        <p:tgtEl>
                                          <p:spTgt spid="4">
                                            <p:graphicEl>
                                              <a:dgm id="{E18624D5-0917-43DF-8685-512D07C5B126}"/>
                                            </p:graphicEl>
                                          </p:spTgt>
                                        </p:tgtEl>
                                      </p:cBhvr>
                                    </p:animEffect>
                                  </p:childTnLst>
                                </p:cTn>
                              </p:par>
                              <p:par>
                                <p:cTn id="12" presetID="22" presetClass="entr" presetSubtype="8" fill="hold" grpId="0" nodeType="withEffect">
                                  <p:stCondLst>
                                    <p:cond delay="500"/>
                                  </p:stCondLst>
                                  <p:childTnLst>
                                    <p:set>
                                      <p:cBhvr>
                                        <p:cTn id="13" dur="1" fill="hold">
                                          <p:stCondLst>
                                            <p:cond delay="0"/>
                                          </p:stCondLst>
                                        </p:cTn>
                                        <p:tgtEl>
                                          <p:spTgt spid="4">
                                            <p:graphicEl>
                                              <a:dgm id="{64CB719F-5D46-4706-A682-0C7B3A197848}"/>
                                            </p:graphicEl>
                                          </p:spTgt>
                                        </p:tgtEl>
                                        <p:attrNameLst>
                                          <p:attrName>style.visibility</p:attrName>
                                        </p:attrNameLst>
                                      </p:cBhvr>
                                      <p:to>
                                        <p:strVal val="visible"/>
                                      </p:to>
                                    </p:set>
                                    <p:animEffect transition="in" filter="wipe(left)">
                                      <p:cBhvr>
                                        <p:cTn id="14" dur="1250"/>
                                        <p:tgtEl>
                                          <p:spTgt spid="4">
                                            <p:graphicEl>
                                              <a:dgm id="{64CB719F-5D46-4706-A682-0C7B3A197848}"/>
                                            </p:graphicEl>
                                          </p:spTgt>
                                        </p:tgtEl>
                                      </p:cBhvr>
                                    </p:animEffect>
                                  </p:childTnLst>
                                </p:cTn>
                              </p:par>
                              <p:par>
                                <p:cTn id="15" presetID="22" presetClass="entr" presetSubtype="8" fill="hold" grpId="0" nodeType="withEffect">
                                  <p:stCondLst>
                                    <p:cond delay="500"/>
                                  </p:stCondLst>
                                  <p:childTnLst>
                                    <p:set>
                                      <p:cBhvr>
                                        <p:cTn id="16" dur="1" fill="hold">
                                          <p:stCondLst>
                                            <p:cond delay="0"/>
                                          </p:stCondLst>
                                        </p:cTn>
                                        <p:tgtEl>
                                          <p:spTgt spid="4">
                                            <p:graphicEl>
                                              <a:dgm id="{C2AF73B6-5128-4C91-8276-BEE6D68381B3}"/>
                                            </p:graphicEl>
                                          </p:spTgt>
                                        </p:tgtEl>
                                        <p:attrNameLst>
                                          <p:attrName>style.visibility</p:attrName>
                                        </p:attrNameLst>
                                      </p:cBhvr>
                                      <p:to>
                                        <p:strVal val="visible"/>
                                      </p:to>
                                    </p:set>
                                    <p:animEffect transition="in" filter="wipe(left)">
                                      <p:cBhvr>
                                        <p:cTn id="17" dur="1250"/>
                                        <p:tgtEl>
                                          <p:spTgt spid="4">
                                            <p:graphicEl>
                                              <a:dgm id="{C2AF73B6-5128-4C91-8276-BEE6D68381B3}"/>
                                            </p:graphicEl>
                                          </p:spTgt>
                                        </p:tgtEl>
                                      </p:cBhvr>
                                    </p:animEffect>
                                  </p:childTnLst>
                                </p:cTn>
                              </p:par>
                              <p:par>
                                <p:cTn id="18" presetID="22" presetClass="entr" presetSubtype="8" fill="hold" grpId="0" nodeType="withEffect">
                                  <p:stCondLst>
                                    <p:cond delay="500"/>
                                  </p:stCondLst>
                                  <p:childTnLst>
                                    <p:set>
                                      <p:cBhvr>
                                        <p:cTn id="19" dur="1" fill="hold">
                                          <p:stCondLst>
                                            <p:cond delay="0"/>
                                          </p:stCondLst>
                                        </p:cTn>
                                        <p:tgtEl>
                                          <p:spTgt spid="4">
                                            <p:graphicEl>
                                              <a:dgm id="{0A4D042F-0F72-425F-95CF-2851E88D7012}"/>
                                            </p:graphicEl>
                                          </p:spTgt>
                                        </p:tgtEl>
                                        <p:attrNameLst>
                                          <p:attrName>style.visibility</p:attrName>
                                        </p:attrNameLst>
                                      </p:cBhvr>
                                      <p:to>
                                        <p:strVal val="visible"/>
                                      </p:to>
                                    </p:set>
                                    <p:animEffect transition="in" filter="wipe(left)">
                                      <p:cBhvr>
                                        <p:cTn id="20" dur="1250"/>
                                        <p:tgtEl>
                                          <p:spTgt spid="4">
                                            <p:graphicEl>
                                              <a:dgm id="{0A4D042F-0F72-425F-95CF-2851E88D7012}"/>
                                            </p:graphicEl>
                                          </p:spTgt>
                                        </p:tgtEl>
                                      </p:cBhvr>
                                    </p:animEffect>
                                  </p:childTnLst>
                                </p:cTn>
                              </p:par>
                            </p:childTnLst>
                          </p:cTn>
                        </p:par>
                        <p:par>
                          <p:cTn id="21" fill="hold">
                            <p:stCondLst>
                              <p:cond delay="3000"/>
                            </p:stCondLst>
                            <p:childTnLst>
                              <p:par>
                                <p:cTn id="22" presetID="22" presetClass="entr" presetSubtype="8" fill="hold" grpId="0" nodeType="afterEffect">
                                  <p:stCondLst>
                                    <p:cond delay="0"/>
                                  </p:stCondLst>
                                  <p:childTnLst>
                                    <p:set>
                                      <p:cBhvr>
                                        <p:cTn id="23" dur="1" fill="hold">
                                          <p:stCondLst>
                                            <p:cond delay="0"/>
                                          </p:stCondLst>
                                        </p:cTn>
                                        <p:tgtEl>
                                          <p:spTgt spid="4">
                                            <p:graphicEl>
                                              <a:dgm id="{5356E633-9A2F-492E-847C-4C3B3DA1A456}"/>
                                            </p:graphicEl>
                                          </p:spTgt>
                                        </p:tgtEl>
                                        <p:attrNameLst>
                                          <p:attrName>style.visibility</p:attrName>
                                        </p:attrNameLst>
                                      </p:cBhvr>
                                      <p:to>
                                        <p:strVal val="visible"/>
                                      </p:to>
                                    </p:set>
                                    <p:animEffect transition="in" filter="wipe(left)">
                                      <p:cBhvr>
                                        <p:cTn id="24" dur="1250"/>
                                        <p:tgtEl>
                                          <p:spTgt spid="4">
                                            <p:graphicEl>
                                              <a:dgm id="{5356E633-9A2F-492E-847C-4C3B3DA1A456}"/>
                                            </p:graphicEl>
                                          </p:spTgt>
                                        </p:tgtEl>
                                      </p:cBhvr>
                                    </p:animEffect>
                                  </p:childTnLst>
                                </p:cTn>
                              </p:par>
                              <p:par>
                                <p:cTn id="25" presetID="22" presetClass="entr" presetSubtype="8" fill="hold" grpId="0" nodeType="withEffect">
                                  <p:stCondLst>
                                    <p:cond delay="1000"/>
                                  </p:stCondLst>
                                  <p:childTnLst>
                                    <p:set>
                                      <p:cBhvr>
                                        <p:cTn id="26" dur="1" fill="hold">
                                          <p:stCondLst>
                                            <p:cond delay="0"/>
                                          </p:stCondLst>
                                        </p:cTn>
                                        <p:tgtEl>
                                          <p:spTgt spid="4">
                                            <p:graphicEl>
                                              <a:dgm id="{500F6B74-F2F7-49BA-B066-B1B34C1D2D60}"/>
                                            </p:graphicEl>
                                          </p:spTgt>
                                        </p:tgtEl>
                                        <p:attrNameLst>
                                          <p:attrName>style.visibility</p:attrName>
                                        </p:attrNameLst>
                                      </p:cBhvr>
                                      <p:to>
                                        <p:strVal val="visible"/>
                                      </p:to>
                                    </p:set>
                                    <p:animEffect transition="in" filter="wipe(left)">
                                      <p:cBhvr>
                                        <p:cTn id="27" dur="1250"/>
                                        <p:tgtEl>
                                          <p:spTgt spid="4">
                                            <p:graphicEl>
                                              <a:dgm id="{500F6B74-F2F7-49BA-B066-B1B34C1D2D60}"/>
                                            </p:graphicEl>
                                          </p:spTgt>
                                        </p:tgtEl>
                                      </p:cBhvr>
                                    </p:animEffect>
                                  </p:childTnLst>
                                </p:cTn>
                              </p:par>
                              <p:par>
                                <p:cTn id="28" presetID="22" presetClass="entr" presetSubtype="8" fill="hold" grpId="0" nodeType="withEffect">
                                  <p:stCondLst>
                                    <p:cond delay="1000"/>
                                  </p:stCondLst>
                                  <p:childTnLst>
                                    <p:set>
                                      <p:cBhvr>
                                        <p:cTn id="29" dur="1" fill="hold">
                                          <p:stCondLst>
                                            <p:cond delay="0"/>
                                          </p:stCondLst>
                                        </p:cTn>
                                        <p:tgtEl>
                                          <p:spTgt spid="4">
                                            <p:graphicEl>
                                              <a:dgm id="{23EB0705-5496-413B-8A56-7C59A640BBDA}"/>
                                            </p:graphicEl>
                                          </p:spTgt>
                                        </p:tgtEl>
                                        <p:attrNameLst>
                                          <p:attrName>style.visibility</p:attrName>
                                        </p:attrNameLst>
                                      </p:cBhvr>
                                      <p:to>
                                        <p:strVal val="visible"/>
                                      </p:to>
                                    </p:set>
                                    <p:animEffect transition="in" filter="wipe(left)">
                                      <p:cBhvr>
                                        <p:cTn id="30" dur="1250"/>
                                        <p:tgtEl>
                                          <p:spTgt spid="4">
                                            <p:graphicEl>
                                              <a:dgm id="{23EB0705-5496-413B-8A56-7C59A640BBDA}"/>
                                            </p:graphicEl>
                                          </p:spTgt>
                                        </p:tgtEl>
                                      </p:cBhvr>
                                    </p:animEffect>
                                  </p:childTnLst>
                                </p:cTn>
                              </p:par>
                              <p:par>
                                <p:cTn id="31" presetID="22" presetClass="entr" presetSubtype="8" fill="hold" grpId="0" nodeType="withEffect">
                                  <p:stCondLst>
                                    <p:cond delay="1000"/>
                                  </p:stCondLst>
                                  <p:childTnLst>
                                    <p:set>
                                      <p:cBhvr>
                                        <p:cTn id="32" dur="1" fill="hold">
                                          <p:stCondLst>
                                            <p:cond delay="0"/>
                                          </p:stCondLst>
                                        </p:cTn>
                                        <p:tgtEl>
                                          <p:spTgt spid="4">
                                            <p:graphicEl>
                                              <a:dgm id="{582FA1D1-B695-44B1-A69A-FF935B4B3845}"/>
                                            </p:graphicEl>
                                          </p:spTgt>
                                        </p:tgtEl>
                                        <p:attrNameLst>
                                          <p:attrName>style.visibility</p:attrName>
                                        </p:attrNameLst>
                                      </p:cBhvr>
                                      <p:to>
                                        <p:strVal val="visible"/>
                                      </p:to>
                                    </p:set>
                                    <p:animEffect transition="in" filter="wipe(left)">
                                      <p:cBhvr>
                                        <p:cTn id="33" dur="1250"/>
                                        <p:tgtEl>
                                          <p:spTgt spid="4">
                                            <p:graphicEl>
                                              <a:dgm id="{582FA1D1-B695-44B1-A69A-FF935B4B3845}"/>
                                            </p:graphicEl>
                                          </p:spTgt>
                                        </p:tgtEl>
                                      </p:cBhvr>
                                    </p:animEffect>
                                  </p:childTnLst>
                                </p:cTn>
                              </p:par>
                              <p:par>
                                <p:cTn id="34" presetID="22" presetClass="entr" presetSubtype="8" fill="hold" grpId="0" nodeType="withEffect">
                                  <p:stCondLst>
                                    <p:cond delay="1000"/>
                                  </p:stCondLst>
                                  <p:childTnLst>
                                    <p:set>
                                      <p:cBhvr>
                                        <p:cTn id="35" dur="1" fill="hold">
                                          <p:stCondLst>
                                            <p:cond delay="0"/>
                                          </p:stCondLst>
                                        </p:cTn>
                                        <p:tgtEl>
                                          <p:spTgt spid="4">
                                            <p:graphicEl>
                                              <a:dgm id="{98B63674-8713-450A-88B3-6D508DD91CB2}"/>
                                            </p:graphicEl>
                                          </p:spTgt>
                                        </p:tgtEl>
                                        <p:attrNameLst>
                                          <p:attrName>style.visibility</p:attrName>
                                        </p:attrNameLst>
                                      </p:cBhvr>
                                      <p:to>
                                        <p:strVal val="visible"/>
                                      </p:to>
                                    </p:set>
                                    <p:animEffect transition="in" filter="wipe(left)">
                                      <p:cBhvr>
                                        <p:cTn id="36" dur="1250"/>
                                        <p:tgtEl>
                                          <p:spTgt spid="4">
                                            <p:graphicEl>
                                              <a:dgm id="{98B63674-8713-450A-88B3-6D508DD91CB2}"/>
                                            </p:graphicEl>
                                          </p:spTgt>
                                        </p:tgtEl>
                                      </p:cBhvr>
                                    </p:animEffect>
                                  </p:childTnLst>
                                </p:cTn>
                              </p:par>
                              <p:par>
                                <p:cTn id="37" presetID="22" presetClass="entr" presetSubtype="8" fill="hold" grpId="0" nodeType="withEffect">
                                  <p:stCondLst>
                                    <p:cond delay="1000"/>
                                  </p:stCondLst>
                                  <p:childTnLst>
                                    <p:set>
                                      <p:cBhvr>
                                        <p:cTn id="38" dur="1" fill="hold">
                                          <p:stCondLst>
                                            <p:cond delay="0"/>
                                          </p:stCondLst>
                                        </p:cTn>
                                        <p:tgtEl>
                                          <p:spTgt spid="4">
                                            <p:graphicEl>
                                              <a:dgm id="{B5FABF18-8252-4D52-BC5B-FE5CD9A377BB}"/>
                                            </p:graphicEl>
                                          </p:spTgt>
                                        </p:tgtEl>
                                        <p:attrNameLst>
                                          <p:attrName>style.visibility</p:attrName>
                                        </p:attrNameLst>
                                      </p:cBhvr>
                                      <p:to>
                                        <p:strVal val="visible"/>
                                      </p:to>
                                    </p:set>
                                    <p:animEffect transition="in" filter="wipe(left)">
                                      <p:cBhvr>
                                        <p:cTn id="39" dur="1250"/>
                                        <p:tgtEl>
                                          <p:spTgt spid="4">
                                            <p:graphicEl>
                                              <a:dgm id="{B5FABF18-8252-4D52-BC5B-FE5CD9A377BB}"/>
                                            </p:graphicEl>
                                          </p:spTgt>
                                        </p:tgtEl>
                                      </p:cBhvr>
                                    </p:animEffect>
                                  </p:childTnLst>
                                </p:cTn>
                              </p:par>
                              <p:par>
                                <p:cTn id="40" presetID="22" presetClass="entr" presetSubtype="8" fill="hold" grpId="0" nodeType="withEffect">
                                  <p:stCondLst>
                                    <p:cond delay="1000"/>
                                  </p:stCondLst>
                                  <p:childTnLst>
                                    <p:set>
                                      <p:cBhvr>
                                        <p:cTn id="41" dur="1" fill="hold">
                                          <p:stCondLst>
                                            <p:cond delay="0"/>
                                          </p:stCondLst>
                                        </p:cTn>
                                        <p:tgtEl>
                                          <p:spTgt spid="4">
                                            <p:graphicEl>
                                              <a:dgm id="{8A6523C2-5E27-4FD8-9365-9166F84ECC76}"/>
                                            </p:graphicEl>
                                          </p:spTgt>
                                        </p:tgtEl>
                                        <p:attrNameLst>
                                          <p:attrName>style.visibility</p:attrName>
                                        </p:attrNameLst>
                                      </p:cBhvr>
                                      <p:to>
                                        <p:strVal val="visible"/>
                                      </p:to>
                                    </p:set>
                                    <p:animEffect transition="in" filter="wipe(left)">
                                      <p:cBhvr>
                                        <p:cTn id="42" dur="1250"/>
                                        <p:tgtEl>
                                          <p:spTgt spid="4">
                                            <p:graphicEl>
                                              <a:dgm id="{8A6523C2-5E27-4FD8-9365-9166F84ECC76}"/>
                                            </p:graphicEl>
                                          </p:spTgt>
                                        </p:tgtEl>
                                      </p:cBhvr>
                                    </p:animEffect>
                                  </p:childTnLst>
                                </p:cTn>
                              </p:par>
                              <p:par>
                                <p:cTn id="43" presetID="22" presetClass="entr" presetSubtype="8" fill="hold" grpId="0" nodeType="withEffect">
                                  <p:stCondLst>
                                    <p:cond delay="1000"/>
                                  </p:stCondLst>
                                  <p:childTnLst>
                                    <p:set>
                                      <p:cBhvr>
                                        <p:cTn id="44" dur="1" fill="hold">
                                          <p:stCondLst>
                                            <p:cond delay="0"/>
                                          </p:stCondLst>
                                        </p:cTn>
                                        <p:tgtEl>
                                          <p:spTgt spid="4">
                                            <p:graphicEl>
                                              <a:dgm id="{9C6A9307-2900-47F4-B8C0-D54A09A29B83}"/>
                                            </p:graphicEl>
                                          </p:spTgt>
                                        </p:tgtEl>
                                        <p:attrNameLst>
                                          <p:attrName>style.visibility</p:attrName>
                                        </p:attrNameLst>
                                      </p:cBhvr>
                                      <p:to>
                                        <p:strVal val="visible"/>
                                      </p:to>
                                    </p:set>
                                    <p:animEffect transition="in" filter="wipe(left)">
                                      <p:cBhvr>
                                        <p:cTn id="45" dur="1250"/>
                                        <p:tgtEl>
                                          <p:spTgt spid="4">
                                            <p:graphicEl>
                                              <a:dgm id="{9C6A9307-2900-47F4-B8C0-D54A09A29B83}"/>
                                            </p:graphicEl>
                                          </p:spTgt>
                                        </p:tgtEl>
                                      </p:cBhvr>
                                    </p:animEffect>
                                  </p:childTnLst>
                                </p:cTn>
                              </p:par>
                              <p:par>
                                <p:cTn id="46" presetID="22" presetClass="entr" presetSubtype="8" fill="hold" grpId="0" nodeType="withEffect">
                                  <p:stCondLst>
                                    <p:cond delay="1000"/>
                                  </p:stCondLst>
                                  <p:childTnLst>
                                    <p:set>
                                      <p:cBhvr>
                                        <p:cTn id="47" dur="1" fill="hold">
                                          <p:stCondLst>
                                            <p:cond delay="0"/>
                                          </p:stCondLst>
                                        </p:cTn>
                                        <p:tgtEl>
                                          <p:spTgt spid="4">
                                            <p:graphicEl>
                                              <a:dgm id="{D7A4028A-8347-42C6-943E-669ADF88CD84}"/>
                                            </p:graphicEl>
                                          </p:spTgt>
                                        </p:tgtEl>
                                        <p:attrNameLst>
                                          <p:attrName>style.visibility</p:attrName>
                                        </p:attrNameLst>
                                      </p:cBhvr>
                                      <p:to>
                                        <p:strVal val="visible"/>
                                      </p:to>
                                    </p:set>
                                    <p:animEffect transition="in" filter="wipe(left)">
                                      <p:cBhvr>
                                        <p:cTn id="48" dur="1250"/>
                                        <p:tgtEl>
                                          <p:spTgt spid="4">
                                            <p:graphicEl>
                                              <a:dgm id="{D7A4028A-8347-42C6-943E-669ADF88CD84}"/>
                                            </p:graphicEl>
                                          </p:spTgt>
                                        </p:tgtEl>
                                      </p:cBhvr>
                                    </p:animEffect>
                                  </p:childTnLst>
                                </p:cTn>
                              </p:par>
                              <p:par>
                                <p:cTn id="49" presetID="22" presetClass="entr" presetSubtype="8" fill="hold" grpId="0" nodeType="withEffect">
                                  <p:stCondLst>
                                    <p:cond delay="1000"/>
                                  </p:stCondLst>
                                  <p:childTnLst>
                                    <p:set>
                                      <p:cBhvr>
                                        <p:cTn id="50" dur="1" fill="hold">
                                          <p:stCondLst>
                                            <p:cond delay="0"/>
                                          </p:stCondLst>
                                        </p:cTn>
                                        <p:tgtEl>
                                          <p:spTgt spid="4">
                                            <p:graphicEl>
                                              <a:dgm id="{E01E1D25-E533-429D-9D9B-DE644D8DBD96}"/>
                                            </p:graphicEl>
                                          </p:spTgt>
                                        </p:tgtEl>
                                        <p:attrNameLst>
                                          <p:attrName>style.visibility</p:attrName>
                                        </p:attrNameLst>
                                      </p:cBhvr>
                                      <p:to>
                                        <p:strVal val="visible"/>
                                      </p:to>
                                    </p:set>
                                    <p:animEffect transition="in" filter="wipe(left)">
                                      <p:cBhvr>
                                        <p:cTn id="51" dur="1250"/>
                                        <p:tgtEl>
                                          <p:spTgt spid="4">
                                            <p:graphicEl>
                                              <a:dgm id="{E01E1D25-E533-429D-9D9B-DE644D8DBD96}"/>
                                            </p:graphicEl>
                                          </p:spTgt>
                                        </p:tgtEl>
                                      </p:cBhvr>
                                    </p:animEffect>
                                  </p:childTnLst>
                                </p:cTn>
                              </p:par>
                            </p:childTnLst>
                          </p:cTn>
                        </p:par>
                        <p:par>
                          <p:cTn id="52" fill="hold">
                            <p:stCondLst>
                              <p:cond delay="5250"/>
                            </p:stCondLst>
                            <p:childTnLst>
                              <p:par>
                                <p:cTn id="53" presetID="21" presetClass="entr" presetSubtype="2" fill="hold" grpId="0" nodeType="afterEffect">
                                  <p:stCondLst>
                                    <p:cond delay="0"/>
                                  </p:stCondLst>
                                  <p:childTnLst>
                                    <p:set>
                                      <p:cBhvr>
                                        <p:cTn id="54" dur="1" fill="hold">
                                          <p:stCondLst>
                                            <p:cond delay="0"/>
                                          </p:stCondLst>
                                        </p:cTn>
                                        <p:tgtEl>
                                          <p:spTgt spid="8"/>
                                        </p:tgtEl>
                                        <p:attrNameLst>
                                          <p:attrName>style.visibility</p:attrName>
                                        </p:attrNameLst>
                                      </p:cBhvr>
                                      <p:to>
                                        <p:strVal val="visible"/>
                                      </p:to>
                                    </p:set>
                                    <p:animEffect transition="in" filter="wheel(2)">
                                      <p:cBhvr>
                                        <p:cTn id="55" dur="1500"/>
                                        <p:tgtEl>
                                          <p:spTgt spid="8"/>
                                        </p:tgtEl>
                                      </p:cBhvr>
                                    </p:animEffect>
                                  </p:childTnLst>
                                </p:cTn>
                              </p:par>
                            </p:childTnLst>
                          </p:cTn>
                        </p:par>
                        <p:par>
                          <p:cTn id="56" fill="hold">
                            <p:stCondLst>
                              <p:cond delay="6750"/>
                            </p:stCondLst>
                            <p:childTnLst>
                              <p:par>
                                <p:cTn id="57" presetID="22" presetClass="entr" presetSubtype="8" fill="hold" nodeType="afterEffect">
                                  <p:stCondLst>
                                    <p:cond delay="0"/>
                                  </p:stCondLst>
                                  <p:childTnLst>
                                    <p:set>
                                      <p:cBhvr>
                                        <p:cTn id="58" dur="1" fill="hold">
                                          <p:stCondLst>
                                            <p:cond delay="0"/>
                                          </p:stCondLst>
                                        </p:cTn>
                                        <p:tgtEl>
                                          <p:spTgt spid="6"/>
                                        </p:tgtEl>
                                        <p:attrNameLst>
                                          <p:attrName>style.visibility</p:attrName>
                                        </p:attrNameLst>
                                      </p:cBhvr>
                                      <p:to>
                                        <p:strVal val="visible"/>
                                      </p:to>
                                    </p:set>
                                    <p:animEffect transition="in" filter="wipe(left)">
                                      <p:cBhvr>
                                        <p:cTn id="59" dur="1000"/>
                                        <p:tgtEl>
                                          <p:spTgt spid="6"/>
                                        </p:tgtEl>
                                      </p:cBhvr>
                                    </p:animEffect>
                                  </p:childTnLst>
                                </p:cTn>
                              </p:par>
                            </p:childTnLst>
                          </p:cTn>
                        </p:par>
                        <p:par>
                          <p:cTn id="60" fill="hold">
                            <p:stCondLst>
                              <p:cond delay="7750"/>
                            </p:stCondLst>
                            <p:childTnLst>
                              <p:par>
                                <p:cTn id="61" presetID="22" presetClass="entr" presetSubtype="1" fill="hold" grpId="0" nodeType="afterEffect">
                                  <p:stCondLst>
                                    <p:cond delay="0"/>
                                  </p:stCondLst>
                                  <p:childTnLst>
                                    <p:set>
                                      <p:cBhvr>
                                        <p:cTn id="62" dur="1" fill="hold">
                                          <p:stCondLst>
                                            <p:cond delay="0"/>
                                          </p:stCondLst>
                                        </p:cTn>
                                        <p:tgtEl>
                                          <p:spTgt spid="13">
                                            <p:graphicEl>
                                              <a:dgm id="{B97037E4-7811-4F4D-8798-C76E1449F889}"/>
                                            </p:graphicEl>
                                          </p:spTgt>
                                        </p:tgtEl>
                                        <p:attrNameLst>
                                          <p:attrName>style.visibility</p:attrName>
                                        </p:attrNameLst>
                                      </p:cBhvr>
                                      <p:to>
                                        <p:strVal val="visible"/>
                                      </p:to>
                                    </p:set>
                                    <p:animEffect transition="in" filter="wipe(up)">
                                      <p:cBhvr>
                                        <p:cTn id="63" dur="500"/>
                                        <p:tgtEl>
                                          <p:spTgt spid="13">
                                            <p:graphicEl>
                                              <a:dgm id="{B97037E4-7811-4F4D-8798-C76E1449F889}"/>
                                            </p:graphicEl>
                                          </p:spTgt>
                                        </p:tgtEl>
                                      </p:cBhvr>
                                    </p:animEffect>
                                  </p:childTnLst>
                                </p:cTn>
                              </p:par>
                            </p:childTnLst>
                          </p:cTn>
                        </p:par>
                        <p:par>
                          <p:cTn id="64" fill="hold">
                            <p:stCondLst>
                              <p:cond delay="8250"/>
                            </p:stCondLst>
                            <p:childTnLst>
                              <p:par>
                                <p:cTn id="65" presetID="22" presetClass="entr" presetSubtype="1" fill="hold" grpId="0" nodeType="afterEffect">
                                  <p:stCondLst>
                                    <p:cond delay="0"/>
                                  </p:stCondLst>
                                  <p:childTnLst>
                                    <p:set>
                                      <p:cBhvr>
                                        <p:cTn id="66" dur="1" fill="hold">
                                          <p:stCondLst>
                                            <p:cond delay="0"/>
                                          </p:stCondLst>
                                        </p:cTn>
                                        <p:tgtEl>
                                          <p:spTgt spid="13">
                                            <p:graphicEl>
                                              <a:dgm id="{BC5CD619-BAA8-4010-8057-6E9420BAB8E5}"/>
                                            </p:graphicEl>
                                          </p:spTgt>
                                        </p:tgtEl>
                                        <p:attrNameLst>
                                          <p:attrName>style.visibility</p:attrName>
                                        </p:attrNameLst>
                                      </p:cBhvr>
                                      <p:to>
                                        <p:strVal val="visible"/>
                                      </p:to>
                                    </p:set>
                                    <p:animEffect transition="in" filter="wipe(up)">
                                      <p:cBhvr>
                                        <p:cTn id="67" dur="500"/>
                                        <p:tgtEl>
                                          <p:spTgt spid="13">
                                            <p:graphicEl>
                                              <a:dgm id="{BC5CD619-BAA8-4010-8057-6E9420BAB8E5}"/>
                                            </p:graphicEl>
                                          </p:spTgt>
                                        </p:tgtEl>
                                      </p:cBhvr>
                                    </p:animEffect>
                                  </p:childTnLst>
                                </p:cTn>
                              </p:par>
                            </p:childTnLst>
                          </p:cTn>
                        </p:par>
                        <p:par>
                          <p:cTn id="68" fill="hold">
                            <p:stCondLst>
                              <p:cond delay="8750"/>
                            </p:stCondLst>
                            <p:childTnLst>
                              <p:par>
                                <p:cTn id="69" presetID="22" presetClass="entr" presetSubtype="1" fill="hold" grpId="0" nodeType="afterEffect">
                                  <p:stCondLst>
                                    <p:cond delay="0"/>
                                  </p:stCondLst>
                                  <p:childTnLst>
                                    <p:set>
                                      <p:cBhvr>
                                        <p:cTn id="70" dur="1" fill="hold">
                                          <p:stCondLst>
                                            <p:cond delay="0"/>
                                          </p:stCondLst>
                                        </p:cTn>
                                        <p:tgtEl>
                                          <p:spTgt spid="13">
                                            <p:graphicEl>
                                              <a:dgm id="{A65C1063-8166-46EA-9E6D-AE42B76D9A8A}"/>
                                            </p:graphicEl>
                                          </p:spTgt>
                                        </p:tgtEl>
                                        <p:attrNameLst>
                                          <p:attrName>style.visibility</p:attrName>
                                        </p:attrNameLst>
                                      </p:cBhvr>
                                      <p:to>
                                        <p:strVal val="visible"/>
                                      </p:to>
                                    </p:set>
                                    <p:animEffect transition="in" filter="wipe(up)">
                                      <p:cBhvr>
                                        <p:cTn id="71" dur="500"/>
                                        <p:tgtEl>
                                          <p:spTgt spid="13">
                                            <p:graphicEl>
                                              <a:dgm id="{A65C1063-8166-46EA-9E6D-AE42B76D9A8A}"/>
                                            </p:graphicEl>
                                          </p:spTgt>
                                        </p:tgtEl>
                                      </p:cBhvr>
                                    </p:animEffect>
                                  </p:childTnLst>
                                </p:cTn>
                              </p:par>
                            </p:childTnLst>
                          </p:cTn>
                        </p:par>
                        <p:par>
                          <p:cTn id="72" fill="hold">
                            <p:stCondLst>
                              <p:cond delay="9250"/>
                            </p:stCondLst>
                            <p:childTnLst>
                              <p:par>
                                <p:cTn id="73" presetID="22" presetClass="entr" presetSubtype="1" fill="hold" grpId="0" nodeType="afterEffect">
                                  <p:stCondLst>
                                    <p:cond delay="0"/>
                                  </p:stCondLst>
                                  <p:childTnLst>
                                    <p:set>
                                      <p:cBhvr>
                                        <p:cTn id="74" dur="1" fill="hold">
                                          <p:stCondLst>
                                            <p:cond delay="0"/>
                                          </p:stCondLst>
                                        </p:cTn>
                                        <p:tgtEl>
                                          <p:spTgt spid="13">
                                            <p:graphicEl>
                                              <a:dgm id="{BCD6E21B-1271-4909-AF6E-F5155AED9F96}"/>
                                            </p:graphicEl>
                                          </p:spTgt>
                                        </p:tgtEl>
                                        <p:attrNameLst>
                                          <p:attrName>style.visibility</p:attrName>
                                        </p:attrNameLst>
                                      </p:cBhvr>
                                      <p:to>
                                        <p:strVal val="visible"/>
                                      </p:to>
                                    </p:set>
                                    <p:animEffect transition="in" filter="wipe(up)">
                                      <p:cBhvr>
                                        <p:cTn id="75" dur="500"/>
                                        <p:tgtEl>
                                          <p:spTgt spid="13">
                                            <p:graphicEl>
                                              <a:dgm id="{BCD6E21B-1271-4909-AF6E-F5155AED9F96}"/>
                                            </p:graphicEl>
                                          </p:spTgt>
                                        </p:tgtEl>
                                      </p:cBhvr>
                                    </p:animEffect>
                                  </p:childTnLst>
                                </p:cTn>
                              </p:par>
                            </p:childTnLst>
                          </p:cTn>
                        </p:par>
                        <p:par>
                          <p:cTn id="76" fill="hold">
                            <p:stCondLst>
                              <p:cond delay="9750"/>
                            </p:stCondLst>
                            <p:childTnLst>
                              <p:par>
                                <p:cTn id="77" presetID="22" presetClass="entr" presetSubtype="8" fill="hold" grpId="0" nodeType="afterEffect">
                                  <p:stCondLst>
                                    <p:cond delay="0"/>
                                  </p:stCondLst>
                                  <p:childTnLst>
                                    <p:set>
                                      <p:cBhvr>
                                        <p:cTn id="78" dur="1" fill="hold">
                                          <p:stCondLst>
                                            <p:cond delay="0"/>
                                          </p:stCondLst>
                                        </p:cTn>
                                        <p:tgtEl>
                                          <p:spTgt spid="12"/>
                                        </p:tgtEl>
                                        <p:attrNameLst>
                                          <p:attrName>style.visibility</p:attrName>
                                        </p:attrNameLst>
                                      </p:cBhvr>
                                      <p:to>
                                        <p:strVal val="visible"/>
                                      </p:to>
                                    </p:set>
                                    <p:animEffect transition="in" filter="wipe(left)">
                                      <p:cBhvr>
                                        <p:cTn id="79" dur="10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4" grpId="0" uiExpand="1">
        <p:bldSub>
          <a:bldDgm bld="lvlAtOnce"/>
        </p:bldSub>
      </p:bldGraphic>
      <p:bldP spid="12" grpId="0"/>
      <p:bldGraphic spid="13" grpId="0">
        <p:bldSub>
          <a:bldDgm bld="lvlAtOnce"/>
        </p:bldSub>
      </p:bldGraphic>
      <p:bldP spid="8"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6</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Ammonia decomposition </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Conventional system</a:t>
            </a:r>
          </a:p>
        </p:txBody>
      </p:sp>
      <p:sp>
        <p:nvSpPr>
          <p:cNvPr id="11" name="Tijdelijke aanduiding voor inhoud 2">
            <a:extLst>
              <a:ext uri="{FF2B5EF4-FFF2-40B4-BE49-F238E27FC236}">
                <a16:creationId xmlns:a16="http://schemas.microsoft.com/office/drawing/2014/main" id="{9A7FD894-8B78-ABDA-A626-4D4A8438BCC8}"/>
              </a:ext>
            </a:extLst>
          </p:cNvPr>
          <p:cNvSpPr txBox="1">
            <a:spLocks/>
          </p:cNvSpPr>
          <p:nvPr/>
        </p:nvSpPr>
        <p:spPr>
          <a:xfrm>
            <a:off x="467544" y="4341409"/>
            <a:ext cx="8352926" cy="200598"/>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endParaRPr lang="en-US" sz="700" dirty="0">
              <a:solidFill>
                <a:schemeClr val="accent5"/>
              </a:solidFill>
            </a:endParaRPr>
          </a:p>
          <a:p>
            <a:pPr algn="just"/>
            <a:r>
              <a:rPr lang="en-US" sz="700" dirty="0">
                <a:solidFill>
                  <a:schemeClr val="accent5"/>
                </a:solidFill>
              </a:rPr>
              <a:t>[05] </a:t>
            </a:r>
            <a:r>
              <a:rPr lang="en-US" sz="700" b="1" dirty="0">
                <a:solidFill>
                  <a:schemeClr val="accent5"/>
                </a:solidFill>
              </a:rPr>
              <a:t>Cechetto V. et al.  </a:t>
            </a:r>
            <a:r>
              <a:rPr lang="en-US" sz="700" dirty="0">
                <a:solidFill>
                  <a:schemeClr val="accent5"/>
                </a:solidFill>
              </a:rPr>
              <a:t>– </a:t>
            </a:r>
            <a:r>
              <a:rPr lang="en-US" sz="700" i="1" dirty="0">
                <a:solidFill>
                  <a:schemeClr val="accent5"/>
                </a:solidFill>
              </a:rPr>
              <a:t>Advances and Perspectives of H</a:t>
            </a:r>
            <a:r>
              <a:rPr lang="en-US" sz="700" i="1" baseline="-25000" dirty="0">
                <a:solidFill>
                  <a:schemeClr val="accent5"/>
                </a:solidFill>
              </a:rPr>
              <a:t>2</a:t>
            </a:r>
            <a:r>
              <a:rPr lang="en-US" sz="700" i="1" dirty="0">
                <a:solidFill>
                  <a:schemeClr val="accent5"/>
                </a:solidFill>
              </a:rPr>
              <a:t> Production from NH</a:t>
            </a:r>
            <a:r>
              <a:rPr lang="en-US" sz="700" i="1" baseline="-25000" dirty="0">
                <a:solidFill>
                  <a:schemeClr val="accent5"/>
                </a:solidFill>
              </a:rPr>
              <a:t>3</a:t>
            </a:r>
            <a:r>
              <a:rPr lang="en-US" sz="700" i="1" dirty="0">
                <a:solidFill>
                  <a:schemeClr val="accent5"/>
                </a:solidFill>
              </a:rPr>
              <a:t> Decomposition in Membrane Reactors </a:t>
            </a:r>
            <a:r>
              <a:rPr lang="en-US" sz="700" dirty="0">
                <a:solidFill>
                  <a:schemeClr val="accent5"/>
                </a:solidFill>
              </a:rPr>
              <a:t>– Energy Fuels v. 37, 10775-10798 (2023)</a:t>
            </a:r>
          </a:p>
        </p:txBody>
      </p:sp>
      <p:graphicFrame>
        <p:nvGraphicFramePr>
          <p:cNvPr id="4" name="Chart 3">
            <a:extLst>
              <a:ext uri="{FF2B5EF4-FFF2-40B4-BE49-F238E27FC236}">
                <a16:creationId xmlns:a16="http://schemas.microsoft.com/office/drawing/2014/main" id="{6784935E-FCBB-05D2-F0D1-A5C4A6903BF1}"/>
              </a:ext>
            </a:extLst>
          </p:cNvPr>
          <p:cNvGraphicFramePr/>
          <p:nvPr>
            <p:extLst>
              <p:ext uri="{D42A27DB-BD31-4B8C-83A1-F6EECF244321}">
                <p14:modId xmlns:p14="http://schemas.microsoft.com/office/powerpoint/2010/main" val="3079874106"/>
              </p:ext>
            </p:extLst>
          </p:nvPr>
        </p:nvGraphicFramePr>
        <p:xfrm>
          <a:off x="207739" y="1546622"/>
          <a:ext cx="5040000" cy="2880000"/>
        </p:xfrm>
        <a:graphic>
          <a:graphicData uri="http://schemas.openxmlformats.org/drawingml/2006/chart">
            <c:chart xmlns:c="http://schemas.openxmlformats.org/drawingml/2006/chart" xmlns:r="http://schemas.openxmlformats.org/officeDocument/2006/relationships" r:id="rId5"/>
          </a:graphicData>
        </a:graphic>
      </p:graphicFrame>
      <mc:AlternateContent xmlns:mc="http://schemas.openxmlformats.org/markup-compatibility/2006" xmlns:a14="http://schemas.microsoft.com/office/drawing/2010/main">
        <mc:Choice Requires="a14">
          <p:sp>
            <p:nvSpPr>
              <p:cNvPr id="12" name="TextBox 11">
                <a:extLst>
                  <a:ext uri="{FF2B5EF4-FFF2-40B4-BE49-F238E27FC236}">
                    <a16:creationId xmlns:a16="http://schemas.microsoft.com/office/drawing/2014/main" id="{8909A88B-AA6B-6E29-9E11-CFE6D5E33B5D}"/>
                  </a:ext>
                </a:extLst>
              </p:cNvPr>
              <p:cNvSpPr txBox="1"/>
              <p:nvPr/>
            </p:nvSpPr>
            <p:spPr>
              <a:xfrm>
                <a:off x="1403647" y="1237077"/>
                <a:ext cx="3240360" cy="346249"/>
              </a:xfrm>
              <a:prstGeom prst="rect">
                <a:avLst/>
              </a:prstGeom>
            </p:spPr>
            <p:txBody>
              <a:bodyPr vert="horz" lIns="0" tIns="0" rIns="0" bIns="0" rtlCol="0" anchor="t" anchorCtr="0">
                <a:noAutofit/>
              </a:bodyPr>
              <a:lstStyle>
                <a:lvl1pPr>
                  <a:lnSpc>
                    <a:spcPts val="2700"/>
                  </a:lnSpc>
                  <a:spcBef>
                    <a:spcPct val="0"/>
                  </a:spcBef>
                  <a:buNone/>
                  <a:defRPr sz="2700" b="1">
                    <a:solidFill>
                      <a:schemeClr val="accent5"/>
                    </a:solidFill>
                    <a:latin typeface="+mj-lt"/>
                    <a:ea typeface="+mj-ea"/>
                    <a:cs typeface="+mj-cs"/>
                  </a:defRPr>
                </a:lvl1pPr>
              </a:lstStyle>
              <a:p>
                <a:pPr algn="ctr"/>
                <a14:m>
                  <m:oMath xmlns:m="http://schemas.openxmlformats.org/officeDocument/2006/math">
                    <m:r>
                      <a:rPr lang="en-US" i="1">
                        <a:latin typeface="Cambria Math" panose="02040503050406030204" pitchFamily="18" charset="0"/>
                      </a:rPr>
                      <m:t>𝟐</m:t>
                    </m:r>
                    <m:sSub>
                      <m:sSubPr>
                        <m:ctrlPr>
                          <a:rPr lang="en-US" i="1">
                            <a:latin typeface="Cambria Math" panose="02040503050406030204" pitchFamily="18" charset="0"/>
                          </a:rPr>
                        </m:ctrlPr>
                      </m:sSubPr>
                      <m:e>
                        <m:r>
                          <a:rPr lang="en-US" i="1">
                            <a:latin typeface="Cambria Math" panose="02040503050406030204" pitchFamily="18" charset="0"/>
                          </a:rPr>
                          <m:t>𝑵𝑯</m:t>
                        </m:r>
                      </m:e>
                      <m:sub>
                        <m:r>
                          <a:rPr lang="en-US" i="1">
                            <a:latin typeface="Cambria Math" panose="02040503050406030204" pitchFamily="18" charset="0"/>
                          </a:rPr>
                          <m:t>𝟑</m:t>
                        </m:r>
                      </m:sub>
                    </m:sSub>
                    <m:r>
                      <a:rPr lang="it-IT" i="1" dirty="0">
                        <a:latin typeface="Cambria Math" panose="02040503050406030204" pitchFamily="18" charset="0"/>
                      </a:rPr>
                      <m:t>⇄</m:t>
                    </m:r>
                  </m:oMath>
                </a14:m>
                <a:r>
                  <a:rPr lang="en-US" dirty="0"/>
                  <a:t> </a:t>
                </a:r>
                <a14:m>
                  <m:oMath xmlns:m="http://schemas.openxmlformats.org/officeDocument/2006/math">
                    <m:sSub>
                      <m:sSubPr>
                        <m:ctrlPr>
                          <a:rPr lang="en-US" i="1">
                            <a:latin typeface="Cambria Math" panose="02040503050406030204" pitchFamily="18" charset="0"/>
                          </a:rPr>
                        </m:ctrlPr>
                      </m:sSubPr>
                      <m:e>
                        <m:r>
                          <a:rPr lang="en-US" i="1">
                            <a:latin typeface="Cambria Math" panose="02040503050406030204" pitchFamily="18" charset="0"/>
                          </a:rPr>
                          <m:t>𝑵</m:t>
                        </m:r>
                      </m:e>
                      <m:sub>
                        <m:r>
                          <a:rPr lang="en-US" i="1">
                            <a:latin typeface="Cambria Math" panose="02040503050406030204" pitchFamily="18" charset="0"/>
                          </a:rPr>
                          <m:t>𝟐</m:t>
                        </m:r>
                      </m:sub>
                    </m:sSub>
                    <m:r>
                      <a:rPr lang="en-US">
                        <a:latin typeface="Cambria Math" panose="02040503050406030204" pitchFamily="18" charset="0"/>
                      </a:rPr>
                      <m:t>+</m:t>
                    </m:r>
                    <m:r>
                      <a:rPr lang="en-US" i="1">
                        <a:latin typeface="Cambria Math" panose="02040503050406030204" pitchFamily="18" charset="0"/>
                      </a:rPr>
                      <m:t>𝟑</m:t>
                    </m:r>
                    <m:sSub>
                      <m:sSubPr>
                        <m:ctrlPr>
                          <a:rPr lang="en-US" i="1">
                            <a:latin typeface="Cambria Math" panose="02040503050406030204" pitchFamily="18" charset="0"/>
                          </a:rPr>
                        </m:ctrlPr>
                      </m:sSubPr>
                      <m:e>
                        <m:r>
                          <a:rPr lang="en-US" i="1">
                            <a:latin typeface="Cambria Math" panose="02040503050406030204" pitchFamily="18" charset="0"/>
                          </a:rPr>
                          <m:t>𝑯</m:t>
                        </m:r>
                      </m:e>
                      <m:sub>
                        <m:r>
                          <a:rPr lang="en-US" i="1">
                            <a:latin typeface="Cambria Math" panose="02040503050406030204" pitchFamily="18" charset="0"/>
                          </a:rPr>
                          <m:t>𝟐</m:t>
                        </m:r>
                      </m:sub>
                    </m:sSub>
                  </m:oMath>
                </a14:m>
                <a:endParaRPr lang="en-NL" dirty="0"/>
              </a:p>
            </p:txBody>
          </p:sp>
        </mc:Choice>
        <mc:Fallback xmlns="">
          <p:sp>
            <p:nvSpPr>
              <p:cNvPr id="12" name="TextBox 11">
                <a:extLst>
                  <a:ext uri="{FF2B5EF4-FFF2-40B4-BE49-F238E27FC236}">
                    <a16:creationId xmlns:a16="http://schemas.microsoft.com/office/drawing/2014/main" id="{8909A88B-AA6B-6E29-9E11-CFE6D5E33B5D}"/>
                  </a:ext>
                </a:extLst>
              </p:cNvPr>
              <p:cNvSpPr txBox="1">
                <a:spLocks noRot="1" noChangeAspect="1" noMove="1" noResize="1" noEditPoints="1" noAdjustHandles="1" noChangeArrowheads="1" noChangeShapeType="1" noTextEdit="1"/>
              </p:cNvSpPr>
              <p:nvPr/>
            </p:nvSpPr>
            <p:spPr>
              <a:xfrm>
                <a:off x="1403647" y="1237077"/>
                <a:ext cx="3240360" cy="346249"/>
              </a:xfrm>
              <a:prstGeom prst="rect">
                <a:avLst/>
              </a:prstGeom>
              <a:blipFill>
                <a:blip r:embed="rId6"/>
                <a:stretch>
                  <a:fillRect/>
                </a:stretch>
              </a:blipFill>
            </p:spPr>
            <p:txBody>
              <a:bodyPr/>
              <a:lstStyle/>
              <a:p>
                <a:r>
                  <a:rPr lang="en-NL">
                    <a:noFill/>
                  </a:rPr>
                  <a:t> </a:t>
                </a:r>
              </a:p>
            </p:txBody>
          </p:sp>
        </mc:Fallback>
      </mc:AlternateContent>
      <p:grpSp>
        <p:nvGrpSpPr>
          <p:cNvPr id="7" name="Group 6">
            <a:extLst>
              <a:ext uri="{FF2B5EF4-FFF2-40B4-BE49-F238E27FC236}">
                <a16:creationId xmlns:a16="http://schemas.microsoft.com/office/drawing/2014/main" id="{8B27DC88-601A-6FF0-9053-BFE47A0DA89A}"/>
              </a:ext>
            </a:extLst>
          </p:cNvPr>
          <p:cNvGrpSpPr/>
          <p:nvPr/>
        </p:nvGrpSpPr>
        <p:grpSpPr>
          <a:xfrm>
            <a:off x="5784638" y="503724"/>
            <a:ext cx="3270334" cy="3667699"/>
            <a:chOff x="1947869" y="3411092"/>
            <a:chExt cx="3145354" cy="3478833"/>
          </a:xfrm>
        </p:grpSpPr>
        <p:cxnSp>
          <p:nvCxnSpPr>
            <p:cNvPr id="8" name="Connector: Elbow 7">
              <a:extLst>
                <a:ext uri="{FF2B5EF4-FFF2-40B4-BE49-F238E27FC236}">
                  <a16:creationId xmlns:a16="http://schemas.microsoft.com/office/drawing/2014/main" id="{B759705A-7C8F-1560-751A-D2F9876E0ED4}"/>
                </a:ext>
              </a:extLst>
            </p:cNvPr>
            <p:cNvCxnSpPr>
              <a:cxnSpLocks/>
            </p:cNvCxnSpPr>
            <p:nvPr/>
          </p:nvCxnSpPr>
          <p:spPr>
            <a:xfrm rot="16200000" flipH="1">
              <a:off x="3656766" y="5521023"/>
              <a:ext cx="576853" cy="1"/>
            </a:xfrm>
            <a:prstGeom prst="bentConnector3">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9" name="Group 8">
              <a:extLst>
                <a:ext uri="{FF2B5EF4-FFF2-40B4-BE49-F238E27FC236}">
                  <a16:creationId xmlns:a16="http://schemas.microsoft.com/office/drawing/2014/main" id="{2A0E4FB6-EABB-2CD1-E4F1-4F85E5E8B1E8}"/>
                </a:ext>
              </a:extLst>
            </p:cNvPr>
            <p:cNvGrpSpPr/>
            <p:nvPr/>
          </p:nvGrpSpPr>
          <p:grpSpPr>
            <a:xfrm>
              <a:off x="1947869" y="4576350"/>
              <a:ext cx="3031178" cy="2313575"/>
              <a:chOff x="1363551" y="2934672"/>
              <a:chExt cx="2273387" cy="1735182"/>
            </a:xfrm>
          </p:grpSpPr>
          <p:sp>
            <p:nvSpPr>
              <p:cNvPr id="82" name="TextBox 81">
                <a:extLst>
                  <a:ext uri="{FF2B5EF4-FFF2-40B4-BE49-F238E27FC236}">
                    <a16:creationId xmlns:a16="http://schemas.microsoft.com/office/drawing/2014/main" id="{30D590AE-A7ED-3F88-651C-877CD4416B33}"/>
                  </a:ext>
                </a:extLst>
              </p:cNvPr>
              <p:cNvSpPr txBox="1"/>
              <p:nvPr/>
            </p:nvSpPr>
            <p:spPr>
              <a:xfrm>
                <a:off x="1363551" y="4210067"/>
                <a:ext cx="2273387" cy="459787"/>
              </a:xfrm>
              <a:prstGeom prst="rect">
                <a:avLst/>
              </a:prstGeom>
              <a:noFill/>
              <a:ln>
                <a:noFill/>
              </a:ln>
            </p:spPr>
            <p:txBody>
              <a:bodyPr wrap="square">
                <a:spAutoFit/>
              </a:bodyPr>
              <a:lstStyle/>
              <a:p>
                <a:pPr algn="ctr"/>
                <a:r>
                  <a:rPr lang="en-US" sz="1200" b="1" dirty="0">
                    <a:solidFill>
                      <a:srgbClr val="002060"/>
                    </a:solidFill>
                    <a:latin typeface="+mj-lt"/>
                    <a:cs typeface="Calibri Light" panose="020F0302020204030204" pitchFamily="34" charset="0"/>
                  </a:rPr>
                  <a:t>CATALYTIC REACTOR  </a:t>
                </a:r>
              </a:p>
              <a:p>
                <a:pPr algn="ctr"/>
                <a:r>
                  <a:rPr lang="en-US" sz="1200" dirty="0">
                    <a:solidFill>
                      <a:srgbClr val="002060"/>
                    </a:solidFill>
                    <a:latin typeface="+mj-lt"/>
                    <a:cs typeface="Calibri Light" panose="020F0302020204030204" pitchFamily="34" charset="0"/>
                  </a:rPr>
                  <a:t>Reaction unit working at </a:t>
                </a:r>
              </a:p>
              <a:p>
                <a:pPr algn="ctr"/>
                <a:r>
                  <a:rPr lang="en-US" sz="1200" dirty="0">
                    <a:solidFill>
                      <a:srgbClr val="002060"/>
                    </a:solidFill>
                    <a:latin typeface="+mj-lt"/>
                    <a:cs typeface="Calibri Light" panose="020F0302020204030204" pitchFamily="34" charset="0"/>
                  </a:rPr>
                  <a:t>High temperature and low pressure.</a:t>
                </a:r>
              </a:p>
            </p:txBody>
          </p:sp>
          <p:sp>
            <p:nvSpPr>
              <p:cNvPr id="83" name="TextBox 82">
                <a:extLst>
                  <a:ext uri="{FF2B5EF4-FFF2-40B4-BE49-F238E27FC236}">
                    <a16:creationId xmlns:a16="http://schemas.microsoft.com/office/drawing/2014/main" id="{8BDAE199-0228-B768-1A30-7B7BD8206216}"/>
                  </a:ext>
                </a:extLst>
              </p:cNvPr>
              <p:cNvSpPr txBox="1"/>
              <p:nvPr/>
            </p:nvSpPr>
            <p:spPr>
              <a:xfrm>
                <a:off x="2423290" y="2934672"/>
                <a:ext cx="876507" cy="607639"/>
              </a:xfrm>
              <a:prstGeom prst="rect">
                <a:avLst/>
              </a:prstGeom>
              <a:solidFill>
                <a:srgbClr val="DBEEF3"/>
              </a:solidFill>
              <a:ln>
                <a:solidFill>
                  <a:schemeClr val="tx1"/>
                </a:solidFill>
              </a:ln>
            </p:spPr>
            <p:txBody>
              <a:bodyPr wrap="square">
                <a:spAutoFit/>
              </a:bodyPr>
              <a:lstStyle/>
              <a:p>
                <a:pPr algn="ctr"/>
                <a:r>
                  <a:rPr lang="en-US" sz="1400" dirty="0">
                    <a:solidFill>
                      <a:srgbClr val="002060"/>
                    </a:solidFill>
                    <a:latin typeface="+mj-lt"/>
                    <a:cs typeface="Calibri Light" panose="020F0302020204030204" pitchFamily="34" charset="0"/>
                  </a:rPr>
                  <a:t>H</a:t>
                </a:r>
                <a:r>
                  <a:rPr lang="en-US" sz="1400" baseline="-25000" dirty="0">
                    <a:solidFill>
                      <a:srgbClr val="002060"/>
                    </a:solidFill>
                    <a:latin typeface="+mj-lt"/>
                    <a:cs typeface="Calibri Light" panose="020F0302020204030204" pitchFamily="34" charset="0"/>
                  </a:rPr>
                  <a:t>2 </a:t>
                </a:r>
                <a:r>
                  <a:rPr lang="en-US" sz="1400" dirty="0">
                    <a:solidFill>
                      <a:srgbClr val="002060"/>
                    </a:solidFill>
                    <a:latin typeface="+mj-lt"/>
                    <a:cs typeface="Calibri Light" panose="020F0302020204030204" pitchFamily="34" charset="0"/>
                  </a:rPr>
                  <a:t>/ N</a:t>
                </a:r>
                <a:r>
                  <a:rPr lang="en-US" sz="1400" baseline="-25000" dirty="0">
                    <a:solidFill>
                      <a:srgbClr val="002060"/>
                    </a:solidFill>
                    <a:latin typeface="+mj-lt"/>
                    <a:cs typeface="Calibri Light" panose="020F0302020204030204" pitchFamily="34" charset="0"/>
                  </a:rPr>
                  <a:t>2</a:t>
                </a:r>
                <a:r>
                  <a:rPr lang="en-US" sz="1400" dirty="0">
                    <a:solidFill>
                      <a:srgbClr val="002060"/>
                    </a:solidFill>
                    <a:latin typeface="+mj-lt"/>
                    <a:cs typeface="Calibri Light" panose="020F0302020204030204" pitchFamily="34" charset="0"/>
                  </a:rPr>
                  <a:t> separation unit</a:t>
                </a:r>
              </a:p>
            </p:txBody>
          </p:sp>
        </p:grpSp>
        <p:grpSp>
          <p:nvGrpSpPr>
            <p:cNvPr id="13" name="Group 12">
              <a:extLst>
                <a:ext uri="{FF2B5EF4-FFF2-40B4-BE49-F238E27FC236}">
                  <a16:creationId xmlns:a16="http://schemas.microsoft.com/office/drawing/2014/main" id="{7A772871-9D03-96B7-7AD3-5C4B3E56D331}"/>
                </a:ext>
              </a:extLst>
            </p:cNvPr>
            <p:cNvGrpSpPr/>
            <p:nvPr/>
          </p:nvGrpSpPr>
          <p:grpSpPr>
            <a:xfrm>
              <a:off x="2030873" y="3977801"/>
              <a:ext cx="878206" cy="1821671"/>
              <a:chOff x="2891026" y="2345609"/>
              <a:chExt cx="572813" cy="1144096"/>
            </a:xfrm>
          </p:grpSpPr>
          <p:sp>
            <p:nvSpPr>
              <p:cNvPr id="45" name="Rectangle: Rounded Corners 44">
                <a:extLst>
                  <a:ext uri="{FF2B5EF4-FFF2-40B4-BE49-F238E27FC236}">
                    <a16:creationId xmlns:a16="http://schemas.microsoft.com/office/drawing/2014/main" id="{EEF86950-3BD8-7D90-6FDF-121D80386C27}"/>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a:solidFill>
                    <a:srgbClr val="002060"/>
                  </a:solidFill>
                  <a:latin typeface="+mj-lt"/>
                  <a:cs typeface="Calibri Light" panose="020F0302020204030204" pitchFamily="34" charset="0"/>
                </a:endParaRPr>
              </a:p>
            </p:txBody>
          </p:sp>
          <p:grpSp>
            <p:nvGrpSpPr>
              <p:cNvPr id="15" name="Group 14">
                <a:extLst>
                  <a:ext uri="{FF2B5EF4-FFF2-40B4-BE49-F238E27FC236}">
                    <a16:creationId xmlns:a16="http://schemas.microsoft.com/office/drawing/2014/main" id="{18775D9E-E682-4706-59E1-E6C278F0EA3B}"/>
                  </a:ext>
                </a:extLst>
              </p:cNvPr>
              <p:cNvGrpSpPr/>
              <p:nvPr/>
            </p:nvGrpSpPr>
            <p:grpSpPr>
              <a:xfrm>
                <a:off x="2891026" y="2345609"/>
                <a:ext cx="572813" cy="1144096"/>
                <a:chOff x="1593589" y="1999110"/>
                <a:chExt cx="1452866" cy="3222958"/>
              </a:xfrm>
            </p:grpSpPr>
            <p:sp>
              <p:nvSpPr>
                <p:cNvPr id="16" name="Trapezoid 15">
                  <a:extLst>
                    <a:ext uri="{FF2B5EF4-FFF2-40B4-BE49-F238E27FC236}">
                      <a16:creationId xmlns:a16="http://schemas.microsoft.com/office/drawing/2014/main" id="{583A2B39-55AF-DE40-DE0F-F1631C6DF4BD}"/>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dirty="0">
                    <a:solidFill>
                      <a:srgbClr val="002060"/>
                    </a:solidFill>
                    <a:latin typeface="+mj-lt"/>
                    <a:cs typeface="Calibri Light" panose="020F0302020204030204" pitchFamily="34" charset="0"/>
                  </a:endParaRPr>
                </a:p>
              </p:txBody>
            </p:sp>
            <p:sp>
              <p:nvSpPr>
                <p:cNvPr id="73" name="Trapezoid 72">
                  <a:extLst>
                    <a:ext uri="{FF2B5EF4-FFF2-40B4-BE49-F238E27FC236}">
                      <a16:creationId xmlns:a16="http://schemas.microsoft.com/office/drawing/2014/main" id="{78826679-2106-FB68-DA1E-DE5D8E271A9D}"/>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dirty="0">
                    <a:solidFill>
                      <a:srgbClr val="002060"/>
                    </a:solidFill>
                    <a:latin typeface="+mj-lt"/>
                    <a:cs typeface="Calibri Light" panose="020F0302020204030204" pitchFamily="34" charset="0"/>
                  </a:endParaRPr>
                </a:p>
              </p:txBody>
            </p:sp>
            <p:sp>
              <p:nvSpPr>
                <p:cNvPr id="74" name="Rectangle: Rounded Corners 73">
                  <a:extLst>
                    <a:ext uri="{FF2B5EF4-FFF2-40B4-BE49-F238E27FC236}">
                      <a16:creationId xmlns:a16="http://schemas.microsoft.com/office/drawing/2014/main" id="{1A905D0B-1FC9-BCAA-A234-941D0FE9DD93}"/>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a:solidFill>
                      <a:srgbClr val="002060"/>
                    </a:solidFill>
                    <a:latin typeface="+mj-lt"/>
                    <a:cs typeface="Calibri Light" panose="020F0302020204030204" pitchFamily="34" charset="0"/>
                  </a:endParaRPr>
                </a:p>
              </p:txBody>
            </p:sp>
            <p:sp>
              <p:nvSpPr>
                <p:cNvPr id="76" name="Rectangle 75">
                  <a:extLst>
                    <a:ext uri="{FF2B5EF4-FFF2-40B4-BE49-F238E27FC236}">
                      <a16:creationId xmlns:a16="http://schemas.microsoft.com/office/drawing/2014/main" id="{13435705-340F-AA45-F31E-C020C9A933A1}"/>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dirty="0">
                    <a:solidFill>
                      <a:srgbClr val="002060"/>
                    </a:solidFill>
                    <a:latin typeface="+mj-lt"/>
                    <a:cs typeface="Calibri Light" panose="020F0302020204030204" pitchFamily="34" charset="0"/>
                  </a:endParaRPr>
                </a:p>
              </p:txBody>
            </p:sp>
            <p:sp>
              <p:nvSpPr>
                <p:cNvPr id="77" name="Rectangle 76">
                  <a:extLst>
                    <a:ext uri="{FF2B5EF4-FFF2-40B4-BE49-F238E27FC236}">
                      <a16:creationId xmlns:a16="http://schemas.microsoft.com/office/drawing/2014/main" id="{9366A6CD-DA8F-CEE0-99EE-8E16B2DD76B9}"/>
                    </a:ext>
                  </a:extLst>
                </p:cNvPr>
                <p:cNvSpPr/>
                <p:nvPr/>
              </p:nvSpPr>
              <p:spPr>
                <a:xfrm>
                  <a:off x="1595603" y="2666724"/>
                  <a:ext cx="1448838" cy="1960327"/>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dirty="0">
                    <a:solidFill>
                      <a:srgbClr val="002060"/>
                    </a:solidFill>
                    <a:latin typeface="+mj-lt"/>
                    <a:cs typeface="Calibri Light" panose="020F0302020204030204" pitchFamily="34" charset="0"/>
                  </a:endParaRPr>
                </a:p>
              </p:txBody>
            </p:sp>
            <p:sp>
              <p:nvSpPr>
                <p:cNvPr id="78" name="Trapezoid 77">
                  <a:extLst>
                    <a:ext uri="{FF2B5EF4-FFF2-40B4-BE49-F238E27FC236}">
                      <a16:creationId xmlns:a16="http://schemas.microsoft.com/office/drawing/2014/main" id="{F4660291-1FD6-2B35-0565-E6EB20610614}"/>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a:solidFill>
                      <a:srgbClr val="002060"/>
                    </a:solidFill>
                    <a:latin typeface="+mj-lt"/>
                    <a:cs typeface="Calibri Light" panose="020F0302020204030204" pitchFamily="34" charset="0"/>
                  </a:endParaRPr>
                </a:p>
              </p:txBody>
            </p:sp>
            <p:sp>
              <p:nvSpPr>
                <p:cNvPr id="79" name="Trapezoid 78">
                  <a:extLst>
                    <a:ext uri="{FF2B5EF4-FFF2-40B4-BE49-F238E27FC236}">
                      <a16:creationId xmlns:a16="http://schemas.microsoft.com/office/drawing/2014/main" id="{C54ABA94-0270-E657-8336-E09C4D067B93}"/>
                    </a:ext>
                  </a:extLst>
                </p:cNvPr>
                <p:cNvSpPr/>
                <p:nvPr/>
              </p:nvSpPr>
              <p:spPr>
                <a:xfrm flipV="1">
                  <a:off x="1593589" y="4623543"/>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a:solidFill>
                      <a:srgbClr val="002060"/>
                    </a:solidFill>
                    <a:latin typeface="+mj-lt"/>
                    <a:cs typeface="Calibri Light" panose="020F0302020204030204" pitchFamily="34" charset="0"/>
                  </a:endParaRPr>
                </a:p>
              </p:txBody>
            </p:sp>
            <p:pic>
              <p:nvPicPr>
                <p:cNvPr id="80" name="Picture 79">
                  <a:extLst>
                    <a:ext uri="{FF2B5EF4-FFF2-40B4-BE49-F238E27FC236}">
                      <a16:creationId xmlns:a16="http://schemas.microsoft.com/office/drawing/2014/main" id="{EBAD6D69-97A3-E4BD-9D16-280CD61C38F1}"/>
                    </a:ext>
                  </a:extLst>
                </p:cNvPr>
                <p:cNvPicPr>
                  <a:picLocks noChangeAspect="1"/>
                </p:cNvPicPr>
                <p:nvPr/>
              </p:nvPicPr>
              <p:blipFill rotWithShape="1">
                <a:blip r:embed="rId7" cstate="print">
                  <a:extLst>
                    <a:ext uri="{28A0092B-C50C-407E-A947-70E740481C1C}">
                      <a14:useLocalDpi xmlns:a14="http://schemas.microsoft.com/office/drawing/2010/main" val="0"/>
                    </a:ext>
                  </a:extLst>
                </a:blip>
                <a:srcRect l="14416" t="24536" r="17413" b="24436"/>
                <a:stretch/>
              </p:blipFill>
              <p:spPr>
                <a:xfrm rot="16200000">
                  <a:off x="1514008" y="3096617"/>
                  <a:ext cx="1960326" cy="1100537"/>
                </a:xfrm>
                <a:prstGeom prst="trapezoid">
                  <a:avLst>
                    <a:gd name="adj" fmla="val 31740"/>
                  </a:avLst>
                </a:prstGeom>
              </p:spPr>
            </p:pic>
          </p:grpSp>
        </p:grpSp>
        <p:cxnSp>
          <p:nvCxnSpPr>
            <p:cNvPr id="14" name="Connector: Elbow 13">
              <a:extLst>
                <a:ext uri="{FF2B5EF4-FFF2-40B4-BE49-F238E27FC236}">
                  <a16:creationId xmlns:a16="http://schemas.microsoft.com/office/drawing/2014/main" id="{24D4C298-36CD-DDED-E470-7F765B01909A}"/>
                </a:ext>
              </a:extLst>
            </p:cNvPr>
            <p:cNvCxnSpPr>
              <a:cxnSpLocks/>
            </p:cNvCxnSpPr>
            <p:nvPr/>
          </p:nvCxnSpPr>
          <p:spPr>
            <a:xfrm rot="16200000" flipV="1">
              <a:off x="2304468" y="5974347"/>
              <a:ext cx="329800" cy="4"/>
            </a:xfrm>
            <a:prstGeom prst="bentConnector3">
              <a:avLst>
                <a:gd name="adj1" fmla="val 50000"/>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7" name="TextBox 16">
              <a:extLst>
                <a:ext uri="{FF2B5EF4-FFF2-40B4-BE49-F238E27FC236}">
                  <a16:creationId xmlns:a16="http://schemas.microsoft.com/office/drawing/2014/main" id="{405D5B38-4B78-96F2-9CF4-01FC119E4707}"/>
                </a:ext>
              </a:extLst>
            </p:cNvPr>
            <p:cNvSpPr txBox="1"/>
            <p:nvPr/>
          </p:nvSpPr>
          <p:spPr>
            <a:xfrm>
              <a:off x="2435121" y="5936129"/>
              <a:ext cx="599032" cy="337577"/>
            </a:xfrm>
            <a:prstGeom prst="rect">
              <a:avLst/>
            </a:prstGeom>
            <a:noFill/>
          </p:spPr>
          <p:txBody>
            <a:bodyPr wrap="square" rtlCol="0">
              <a:spAutoFit/>
            </a:bodyPr>
            <a:lstStyle/>
            <a:p>
              <a:r>
                <a:rPr lang="en-US" sz="1400" dirty="0">
                  <a:solidFill>
                    <a:srgbClr val="002060"/>
                  </a:solidFill>
                  <a:latin typeface="+mj-lt"/>
                  <a:cs typeface="Calibri Light" panose="020F0302020204030204" pitchFamily="34" charset="0"/>
                </a:rPr>
                <a:t>NH</a:t>
              </a:r>
              <a:r>
                <a:rPr lang="en-US" sz="1400" baseline="-25000" dirty="0">
                  <a:solidFill>
                    <a:srgbClr val="002060"/>
                  </a:solidFill>
                  <a:latin typeface="+mj-lt"/>
                  <a:cs typeface="Calibri Light" panose="020F0302020204030204" pitchFamily="34" charset="0"/>
                </a:rPr>
                <a:t>3</a:t>
              </a:r>
              <a:endParaRPr lang="LID4096" sz="1400" dirty="0">
                <a:solidFill>
                  <a:srgbClr val="002060"/>
                </a:solidFill>
                <a:latin typeface="+mj-lt"/>
                <a:cs typeface="Calibri Light" panose="020F0302020204030204" pitchFamily="34" charset="0"/>
              </a:endParaRPr>
            </a:p>
          </p:txBody>
        </p:sp>
        <p:cxnSp>
          <p:nvCxnSpPr>
            <p:cNvPr id="18" name="Connector: Elbow 17">
              <a:extLst>
                <a:ext uri="{FF2B5EF4-FFF2-40B4-BE49-F238E27FC236}">
                  <a16:creationId xmlns:a16="http://schemas.microsoft.com/office/drawing/2014/main" id="{A05B30F9-BDE0-A5A2-B8A0-D2CC2455C5DD}"/>
                </a:ext>
              </a:extLst>
            </p:cNvPr>
            <p:cNvCxnSpPr>
              <a:cxnSpLocks/>
              <a:stCxn id="16" idx="3"/>
              <a:endCxn id="83" idx="0"/>
            </p:cNvCxnSpPr>
            <p:nvPr/>
          </p:nvCxnSpPr>
          <p:spPr>
            <a:xfrm rot="16200000" flipH="1">
              <a:off x="2908005" y="3539167"/>
              <a:ext cx="598549" cy="1475817"/>
            </a:xfrm>
            <a:prstGeom prst="bentConnector3">
              <a:avLst>
                <a:gd name="adj1" fmla="val -47466"/>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 name="TextBox 5">
              <a:extLst>
                <a:ext uri="{FF2B5EF4-FFF2-40B4-BE49-F238E27FC236}">
                  <a16:creationId xmlns:a16="http://schemas.microsoft.com/office/drawing/2014/main" id="{E154FA57-A5F7-F042-058D-BADC6C58C02A}"/>
                </a:ext>
              </a:extLst>
            </p:cNvPr>
            <p:cNvSpPr txBox="1"/>
            <p:nvPr/>
          </p:nvSpPr>
          <p:spPr>
            <a:xfrm>
              <a:off x="2901019" y="3411092"/>
              <a:ext cx="840003" cy="337577"/>
            </a:xfrm>
            <a:prstGeom prst="rect">
              <a:avLst/>
            </a:prstGeom>
            <a:noFill/>
          </p:spPr>
          <p:txBody>
            <a:bodyPr wrap="square" rtlCol="0">
              <a:spAutoFit/>
            </a:bodyPr>
            <a:lstStyle/>
            <a:p>
              <a:r>
                <a:rPr lang="en-US" sz="1400" dirty="0">
                  <a:solidFill>
                    <a:srgbClr val="002060"/>
                  </a:solidFill>
                  <a:latin typeface="+mj-lt"/>
                  <a:cs typeface="Calibri Light" panose="020F0302020204030204" pitchFamily="34" charset="0"/>
                </a:rPr>
                <a:t>H</a:t>
              </a:r>
              <a:r>
                <a:rPr lang="en-US" sz="1400" baseline="-25000" dirty="0">
                  <a:solidFill>
                    <a:srgbClr val="002060"/>
                  </a:solidFill>
                  <a:latin typeface="+mj-lt"/>
                  <a:cs typeface="Calibri Light" panose="020F0302020204030204" pitchFamily="34" charset="0"/>
                </a:rPr>
                <a:t>2</a:t>
              </a:r>
              <a:r>
                <a:rPr lang="en-US" sz="1400" dirty="0">
                  <a:solidFill>
                    <a:srgbClr val="002060"/>
                  </a:solidFill>
                  <a:latin typeface="+mj-lt"/>
                  <a:cs typeface="Calibri Light" panose="020F0302020204030204" pitchFamily="34" charset="0"/>
                </a:rPr>
                <a:t> + N</a:t>
              </a:r>
              <a:r>
                <a:rPr lang="en-US" sz="1400" baseline="-25000" dirty="0">
                  <a:solidFill>
                    <a:srgbClr val="002060"/>
                  </a:solidFill>
                  <a:latin typeface="+mj-lt"/>
                  <a:cs typeface="Calibri Light" panose="020F0302020204030204" pitchFamily="34" charset="0"/>
                </a:rPr>
                <a:t>2</a:t>
              </a:r>
              <a:endParaRPr lang="LID4096" sz="1400" dirty="0">
                <a:solidFill>
                  <a:srgbClr val="002060"/>
                </a:solidFill>
                <a:latin typeface="+mj-lt"/>
                <a:cs typeface="Calibri Light" panose="020F0302020204030204" pitchFamily="34" charset="0"/>
              </a:endParaRPr>
            </a:p>
          </p:txBody>
        </p:sp>
        <p:cxnSp>
          <p:nvCxnSpPr>
            <p:cNvPr id="10" name="Straight Arrow Connector 9">
              <a:extLst>
                <a:ext uri="{FF2B5EF4-FFF2-40B4-BE49-F238E27FC236}">
                  <a16:creationId xmlns:a16="http://schemas.microsoft.com/office/drawing/2014/main" id="{C80C4845-2B70-E4F2-4147-DEA98F259269}"/>
                </a:ext>
              </a:extLst>
            </p:cNvPr>
            <p:cNvCxnSpPr>
              <a:cxnSpLocks/>
              <a:stCxn id="83" idx="3"/>
            </p:cNvCxnSpPr>
            <p:nvPr/>
          </p:nvCxnSpPr>
          <p:spPr>
            <a:xfrm>
              <a:off x="4529526" y="4981443"/>
              <a:ext cx="467180"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21" name="TextBox 20">
              <a:extLst>
                <a:ext uri="{FF2B5EF4-FFF2-40B4-BE49-F238E27FC236}">
                  <a16:creationId xmlns:a16="http://schemas.microsoft.com/office/drawing/2014/main" id="{0BF6F5D7-F444-AFA6-CB9A-52B2057939A0}"/>
                </a:ext>
              </a:extLst>
            </p:cNvPr>
            <p:cNvSpPr txBox="1"/>
            <p:nvPr/>
          </p:nvSpPr>
          <p:spPr>
            <a:xfrm>
              <a:off x="4642142" y="4717440"/>
              <a:ext cx="451081" cy="337577"/>
            </a:xfrm>
            <a:prstGeom prst="rect">
              <a:avLst/>
            </a:prstGeom>
            <a:noFill/>
          </p:spPr>
          <p:txBody>
            <a:bodyPr wrap="square" rtlCol="0">
              <a:spAutoFit/>
            </a:bodyPr>
            <a:lstStyle/>
            <a:p>
              <a:r>
                <a:rPr lang="en-US" sz="1400" dirty="0">
                  <a:solidFill>
                    <a:srgbClr val="002060"/>
                  </a:solidFill>
                  <a:latin typeface="+mj-lt"/>
                  <a:cs typeface="Calibri Light" panose="020F0302020204030204" pitchFamily="34" charset="0"/>
                </a:rPr>
                <a:t>H</a:t>
              </a:r>
              <a:r>
                <a:rPr lang="en-US" sz="1400" baseline="-25000" dirty="0">
                  <a:solidFill>
                    <a:srgbClr val="002060"/>
                  </a:solidFill>
                  <a:latin typeface="+mj-lt"/>
                  <a:cs typeface="Calibri Light" panose="020F0302020204030204" pitchFamily="34" charset="0"/>
                </a:rPr>
                <a:t>2</a:t>
              </a:r>
              <a:endParaRPr lang="LID4096" sz="1400" dirty="0">
                <a:solidFill>
                  <a:srgbClr val="002060"/>
                </a:solidFill>
                <a:latin typeface="+mj-lt"/>
                <a:cs typeface="Calibri Light" panose="020F0302020204030204" pitchFamily="34" charset="0"/>
              </a:endParaRPr>
            </a:p>
          </p:txBody>
        </p:sp>
        <p:sp>
          <p:nvSpPr>
            <p:cNvPr id="22" name="TextBox 21">
              <a:extLst>
                <a:ext uri="{FF2B5EF4-FFF2-40B4-BE49-F238E27FC236}">
                  <a16:creationId xmlns:a16="http://schemas.microsoft.com/office/drawing/2014/main" id="{0A2814B0-830C-A373-6873-D62092CE42EF}"/>
                </a:ext>
              </a:extLst>
            </p:cNvPr>
            <p:cNvSpPr txBox="1"/>
            <p:nvPr/>
          </p:nvSpPr>
          <p:spPr>
            <a:xfrm>
              <a:off x="3904602" y="5508487"/>
              <a:ext cx="1092104" cy="337577"/>
            </a:xfrm>
            <a:prstGeom prst="rect">
              <a:avLst/>
            </a:prstGeom>
            <a:noFill/>
          </p:spPr>
          <p:txBody>
            <a:bodyPr wrap="square" rtlCol="0">
              <a:spAutoFit/>
            </a:bodyPr>
            <a:lstStyle/>
            <a:p>
              <a:r>
                <a:rPr lang="en-US" sz="1400" dirty="0">
                  <a:solidFill>
                    <a:srgbClr val="002060"/>
                  </a:solidFill>
                  <a:latin typeface="+mj-lt"/>
                  <a:cs typeface="Calibri Light" panose="020F0302020204030204" pitchFamily="34" charset="0"/>
                </a:rPr>
                <a:t>Off-gases</a:t>
              </a:r>
              <a:endParaRPr lang="LID4096" sz="1400" dirty="0">
                <a:solidFill>
                  <a:srgbClr val="002060"/>
                </a:solidFill>
                <a:latin typeface="+mj-lt"/>
                <a:cs typeface="Calibri Light" panose="020F0302020204030204" pitchFamily="34" charset="0"/>
              </a:endParaRPr>
            </a:p>
          </p:txBody>
        </p:sp>
      </p:grpSp>
    </p:spTree>
    <p:extLst>
      <p:ext uri="{BB962C8B-B14F-4D97-AF65-F5344CB8AC3E}">
        <p14:creationId xmlns:p14="http://schemas.microsoft.com/office/powerpoint/2010/main" val="121658571"/>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fill="hold" grpId="0" nodeType="after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wipe(up)">
                                      <p:cBhvr>
                                        <p:cTn id="7" dur="1500"/>
                                        <p:tgtEl>
                                          <p:spTgt spid="12"/>
                                        </p:tgtEl>
                                      </p:cBhvr>
                                    </p:animEffect>
                                  </p:childTnLst>
                                </p:cTn>
                              </p:par>
                            </p:childTnLst>
                          </p:cTn>
                        </p:par>
                        <p:par>
                          <p:cTn id="8" fill="hold">
                            <p:stCondLst>
                              <p:cond delay="1500"/>
                            </p:stCondLst>
                            <p:childTnLst>
                              <p:par>
                                <p:cTn id="9" presetID="22" presetClass="entr" presetSubtype="8" fill="hold" grpId="0" nodeType="afterEffect">
                                  <p:stCondLst>
                                    <p:cond delay="0"/>
                                  </p:stCondLst>
                                  <p:childTnLst>
                                    <p:set>
                                      <p:cBhvr>
                                        <p:cTn id="10" dur="1" fill="hold">
                                          <p:stCondLst>
                                            <p:cond delay="0"/>
                                          </p:stCondLst>
                                        </p:cTn>
                                        <p:tgtEl>
                                          <p:spTgt spid="4">
                                            <p:graphicEl>
                                              <a:chart seriesIdx="-3" categoryIdx="-3" bldStep="gridLegend"/>
                                            </p:graphicEl>
                                          </p:spTgt>
                                        </p:tgtEl>
                                        <p:attrNameLst>
                                          <p:attrName>style.visibility</p:attrName>
                                        </p:attrNameLst>
                                      </p:cBhvr>
                                      <p:to>
                                        <p:strVal val="visible"/>
                                      </p:to>
                                    </p:set>
                                    <p:animEffect transition="in" filter="wipe(left)">
                                      <p:cBhvr>
                                        <p:cTn id="11" dur="500"/>
                                        <p:tgtEl>
                                          <p:spTgt spid="4">
                                            <p:graphicEl>
                                              <a:chart seriesIdx="-3" categoryIdx="-3" bldStep="gridLegend"/>
                                            </p:graphicEl>
                                          </p:spTgt>
                                        </p:tgtEl>
                                      </p:cBhvr>
                                    </p:animEffect>
                                  </p:childTnLst>
                                </p:cTn>
                              </p:par>
                            </p:childTnLst>
                          </p:cTn>
                        </p:par>
                        <p:par>
                          <p:cTn id="12" fill="hold">
                            <p:stCondLst>
                              <p:cond delay="2000"/>
                            </p:stCondLst>
                            <p:childTnLst>
                              <p:par>
                                <p:cTn id="13" presetID="22" presetClass="entr" presetSubtype="8" fill="hold" grpId="0" nodeType="afterEffect">
                                  <p:stCondLst>
                                    <p:cond delay="0"/>
                                  </p:stCondLst>
                                  <p:childTnLst>
                                    <p:set>
                                      <p:cBhvr>
                                        <p:cTn id="14" dur="1" fill="hold">
                                          <p:stCondLst>
                                            <p:cond delay="0"/>
                                          </p:stCondLst>
                                        </p:cTn>
                                        <p:tgtEl>
                                          <p:spTgt spid="4">
                                            <p:graphicEl>
                                              <a:chart seriesIdx="0" categoryIdx="-4" bldStep="series"/>
                                            </p:graphicEl>
                                          </p:spTgt>
                                        </p:tgtEl>
                                        <p:attrNameLst>
                                          <p:attrName>style.visibility</p:attrName>
                                        </p:attrNameLst>
                                      </p:cBhvr>
                                      <p:to>
                                        <p:strVal val="visible"/>
                                      </p:to>
                                    </p:set>
                                    <p:animEffect transition="in" filter="wipe(left)">
                                      <p:cBhvr>
                                        <p:cTn id="15" dur="500"/>
                                        <p:tgtEl>
                                          <p:spTgt spid="4">
                                            <p:graphicEl>
                                              <a:chart seriesIdx="0" categoryIdx="-4" bldStep="series"/>
                                            </p:graphicEl>
                                          </p:spTgt>
                                        </p:tgtEl>
                                      </p:cBhvr>
                                    </p:animEffect>
                                  </p:childTnLst>
                                </p:cTn>
                              </p:par>
                            </p:childTnLst>
                          </p:cTn>
                        </p:par>
                        <p:par>
                          <p:cTn id="16" fill="hold">
                            <p:stCondLst>
                              <p:cond delay="2500"/>
                            </p:stCondLst>
                            <p:childTnLst>
                              <p:par>
                                <p:cTn id="17" presetID="22" presetClass="entr" presetSubtype="8" fill="hold" grpId="0" nodeType="afterEffect">
                                  <p:stCondLst>
                                    <p:cond delay="0"/>
                                  </p:stCondLst>
                                  <p:childTnLst>
                                    <p:set>
                                      <p:cBhvr>
                                        <p:cTn id="18" dur="1" fill="hold">
                                          <p:stCondLst>
                                            <p:cond delay="0"/>
                                          </p:stCondLst>
                                        </p:cTn>
                                        <p:tgtEl>
                                          <p:spTgt spid="4">
                                            <p:graphicEl>
                                              <a:chart seriesIdx="1" categoryIdx="-4" bldStep="series"/>
                                            </p:graphicEl>
                                          </p:spTgt>
                                        </p:tgtEl>
                                        <p:attrNameLst>
                                          <p:attrName>style.visibility</p:attrName>
                                        </p:attrNameLst>
                                      </p:cBhvr>
                                      <p:to>
                                        <p:strVal val="visible"/>
                                      </p:to>
                                    </p:set>
                                    <p:animEffect transition="in" filter="wipe(left)">
                                      <p:cBhvr>
                                        <p:cTn id="19" dur="500"/>
                                        <p:tgtEl>
                                          <p:spTgt spid="4">
                                            <p:graphicEl>
                                              <a:chart seriesIdx="1" categoryIdx="-4" bldStep="series"/>
                                            </p:graphicEl>
                                          </p:spTgt>
                                        </p:tgtEl>
                                      </p:cBhvr>
                                    </p:animEffect>
                                  </p:childTnLst>
                                </p:cTn>
                              </p:par>
                            </p:childTnLst>
                          </p:cTn>
                        </p:par>
                        <p:par>
                          <p:cTn id="20" fill="hold">
                            <p:stCondLst>
                              <p:cond delay="3000"/>
                            </p:stCondLst>
                            <p:childTnLst>
                              <p:par>
                                <p:cTn id="21" presetID="22" presetClass="entr" presetSubtype="8" fill="hold" grpId="0" nodeType="afterEffect">
                                  <p:stCondLst>
                                    <p:cond delay="0"/>
                                  </p:stCondLst>
                                  <p:childTnLst>
                                    <p:set>
                                      <p:cBhvr>
                                        <p:cTn id="22" dur="1" fill="hold">
                                          <p:stCondLst>
                                            <p:cond delay="0"/>
                                          </p:stCondLst>
                                        </p:cTn>
                                        <p:tgtEl>
                                          <p:spTgt spid="4">
                                            <p:graphicEl>
                                              <a:chart seriesIdx="2" categoryIdx="-4" bldStep="series"/>
                                            </p:graphicEl>
                                          </p:spTgt>
                                        </p:tgtEl>
                                        <p:attrNameLst>
                                          <p:attrName>style.visibility</p:attrName>
                                        </p:attrNameLst>
                                      </p:cBhvr>
                                      <p:to>
                                        <p:strVal val="visible"/>
                                      </p:to>
                                    </p:set>
                                    <p:animEffect transition="in" filter="wipe(left)">
                                      <p:cBhvr>
                                        <p:cTn id="23" dur="500"/>
                                        <p:tgtEl>
                                          <p:spTgt spid="4">
                                            <p:graphicEl>
                                              <a:chart seriesIdx="2" categoryIdx="-4" bldStep="series"/>
                                            </p:graphicEl>
                                          </p:spTgt>
                                        </p:tgtEl>
                                      </p:cBhvr>
                                    </p:animEffect>
                                  </p:childTnLst>
                                </p:cTn>
                              </p:par>
                            </p:childTnLst>
                          </p:cTn>
                        </p:par>
                        <p:par>
                          <p:cTn id="24" fill="hold">
                            <p:stCondLst>
                              <p:cond delay="3500"/>
                            </p:stCondLst>
                            <p:childTnLst>
                              <p:par>
                                <p:cTn id="25" presetID="22" presetClass="entr" presetSubtype="8" fill="hold" grpId="0" nodeType="afterEffect">
                                  <p:stCondLst>
                                    <p:cond delay="0"/>
                                  </p:stCondLst>
                                  <p:childTnLst>
                                    <p:set>
                                      <p:cBhvr>
                                        <p:cTn id="26" dur="1" fill="hold">
                                          <p:stCondLst>
                                            <p:cond delay="0"/>
                                          </p:stCondLst>
                                        </p:cTn>
                                        <p:tgtEl>
                                          <p:spTgt spid="4">
                                            <p:graphicEl>
                                              <a:chart seriesIdx="3" categoryIdx="-4" bldStep="series"/>
                                            </p:graphicEl>
                                          </p:spTgt>
                                        </p:tgtEl>
                                        <p:attrNameLst>
                                          <p:attrName>style.visibility</p:attrName>
                                        </p:attrNameLst>
                                      </p:cBhvr>
                                      <p:to>
                                        <p:strVal val="visible"/>
                                      </p:to>
                                    </p:set>
                                    <p:animEffect transition="in" filter="wipe(left)">
                                      <p:cBhvr>
                                        <p:cTn id="27" dur="500"/>
                                        <p:tgtEl>
                                          <p:spTgt spid="4">
                                            <p:graphicEl>
                                              <a:chart seriesIdx="3" categoryIdx="-4" bldStep="series"/>
                                            </p:graphicEl>
                                          </p:spTgt>
                                        </p:tgtEl>
                                      </p:cBhvr>
                                    </p:animEffect>
                                  </p:childTnLst>
                                </p:cTn>
                              </p:par>
                            </p:childTnLst>
                          </p:cTn>
                        </p:par>
                        <p:par>
                          <p:cTn id="28" fill="hold">
                            <p:stCondLst>
                              <p:cond delay="4000"/>
                            </p:stCondLst>
                            <p:childTnLst>
                              <p:par>
                                <p:cTn id="29" presetID="22" presetClass="entr" presetSubtype="8" fill="hold" grpId="0" nodeType="afterEffect">
                                  <p:stCondLst>
                                    <p:cond delay="0"/>
                                  </p:stCondLst>
                                  <p:childTnLst>
                                    <p:set>
                                      <p:cBhvr>
                                        <p:cTn id="30" dur="1" fill="hold">
                                          <p:stCondLst>
                                            <p:cond delay="0"/>
                                          </p:stCondLst>
                                        </p:cTn>
                                        <p:tgtEl>
                                          <p:spTgt spid="11"/>
                                        </p:tgtEl>
                                        <p:attrNameLst>
                                          <p:attrName>style.visibility</p:attrName>
                                        </p:attrNameLst>
                                      </p:cBhvr>
                                      <p:to>
                                        <p:strVal val="visible"/>
                                      </p:to>
                                    </p:set>
                                    <p:animEffect transition="in" filter="wipe(left)">
                                      <p:cBhvr>
                                        <p:cTn id="31" dur="1000"/>
                                        <p:tgtEl>
                                          <p:spTgt spid="11"/>
                                        </p:tgtEl>
                                      </p:cBhvr>
                                    </p:animEffect>
                                  </p:childTnLst>
                                </p:cTn>
                              </p:par>
                            </p:childTnLst>
                          </p:cTn>
                        </p:par>
                        <p:par>
                          <p:cTn id="32" fill="hold">
                            <p:stCondLst>
                              <p:cond delay="5000"/>
                            </p:stCondLst>
                            <p:childTnLst>
                              <p:par>
                                <p:cTn id="33" presetID="42" presetClass="entr" presetSubtype="0" fill="hold" nodeType="afterEffect">
                                  <p:stCondLst>
                                    <p:cond delay="0"/>
                                  </p:stCondLst>
                                  <p:childTnLst>
                                    <p:set>
                                      <p:cBhvr>
                                        <p:cTn id="34" dur="1" fill="hold">
                                          <p:stCondLst>
                                            <p:cond delay="0"/>
                                          </p:stCondLst>
                                        </p:cTn>
                                        <p:tgtEl>
                                          <p:spTgt spid="7"/>
                                        </p:tgtEl>
                                        <p:attrNameLst>
                                          <p:attrName>style.visibility</p:attrName>
                                        </p:attrNameLst>
                                      </p:cBhvr>
                                      <p:to>
                                        <p:strVal val="visible"/>
                                      </p:to>
                                    </p:set>
                                    <p:animEffect transition="in" filter="fade">
                                      <p:cBhvr>
                                        <p:cTn id="35" dur="1000"/>
                                        <p:tgtEl>
                                          <p:spTgt spid="7"/>
                                        </p:tgtEl>
                                      </p:cBhvr>
                                    </p:animEffect>
                                    <p:anim calcmode="lin" valueType="num">
                                      <p:cBhvr>
                                        <p:cTn id="36" dur="1000" fill="hold"/>
                                        <p:tgtEl>
                                          <p:spTgt spid="7"/>
                                        </p:tgtEl>
                                        <p:attrNameLst>
                                          <p:attrName>ppt_x</p:attrName>
                                        </p:attrNameLst>
                                      </p:cBhvr>
                                      <p:tavLst>
                                        <p:tav tm="0">
                                          <p:val>
                                            <p:strVal val="#ppt_x"/>
                                          </p:val>
                                        </p:tav>
                                        <p:tav tm="100000">
                                          <p:val>
                                            <p:strVal val="#ppt_x"/>
                                          </p:val>
                                        </p:tav>
                                      </p:tavLst>
                                    </p:anim>
                                    <p:anim calcmode="lin" valueType="num">
                                      <p:cBhvr>
                                        <p:cTn id="37" dur="1000" fill="hold"/>
                                        <p:tgtEl>
                                          <p:spTgt spid="7"/>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p:bldGraphic spid="4" grpId="0">
        <p:bldSub>
          <a:bldChart bld="series"/>
        </p:bldSub>
      </p:bldGraphic>
      <p:bldP spid="12"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7</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Ammonia decomposition </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Process intensification: Catalytic Membrane Reactor</a:t>
            </a:r>
          </a:p>
        </p:txBody>
      </p:sp>
      <p:sp>
        <p:nvSpPr>
          <p:cNvPr id="54" name="TextBox 53">
            <a:extLst>
              <a:ext uri="{FF2B5EF4-FFF2-40B4-BE49-F238E27FC236}">
                <a16:creationId xmlns:a16="http://schemas.microsoft.com/office/drawing/2014/main" id="{4FFC9967-53AB-4938-3CB7-0D61A00A5FBA}"/>
              </a:ext>
            </a:extLst>
          </p:cNvPr>
          <p:cNvSpPr txBox="1"/>
          <p:nvPr/>
        </p:nvSpPr>
        <p:spPr>
          <a:xfrm>
            <a:off x="6970279" y="1253854"/>
            <a:ext cx="1972802" cy="307777"/>
          </a:xfrm>
          <a:prstGeom prst="rect">
            <a:avLst/>
          </a:prstGeom>
          <a:noFill/>
        </p:spPr>
        <p:txBody>
          <a:bodyPr wrap="square" rtlCol="0">
            <a:spAutoFit/>
          </a:bodyPr>
          <a:lstStyle/>
          <a:p>
            <a:r>
              <a:rPr lang="en-US" sz="1400" dirty="0">
                <a:solidFill>
                  <a:srgbClr val="C00000"/>
                </a:solidFill>
                <a:latin typeface="+mj-lt"/>
                <a:cs typeface="Calibri Light" panose="020F0302020204030204" pitchFamily="34" charset="0"/>
              </a:rPr>
              <a:t>Retentate: N</a:t>
            </a:r>
            <a:r>
              <a:rPr lang="en-US" sz="1400" baseline="-25000" dirty="0">
                <a:solidFill>
                  <a:srgbClr val="C00000"/>
                </a:solidFill>
                <a:latin typeface="+mj-lt"/>
                <a:cs typeface="Calibri Light" panose="020F0302020204030204" pitchFamily="34" charset="0"/>
              </a:rPr>
              <a:t>2</a:t>
            </a:r>
            <a:endParaRPr lang="LID4096" sz="1400" dirty="0">
              <a:solidFill>
                <a:srgbClr val="C00000"/>
              </a:solidFill>
              <a:latin typeface="+mj-lt"/>
              <a:cs typeface="Calibri Light" panose="020F0302020204030204" pitchFamily="34" charset="0"/>
            </a:endParaRPr>
          </a:p>
        </p:txBody>
      </p:sp>
      <p:cxnSp>
        <p:nvCxnSpPr>
          <p:cNvPr id="61" name="Straight Arrow Connector 60">
            <a:extLst>
              <a:ext uri="{FF2B5EF4-FFF2-40B4-BE49-F238E27FC236}">
                <a16:creationId xmlns:a16="http://schemas.microsoft.com/office/drawing/2014/main" id="{0589FC4C-7039-9BEE-57BD-A7EF9FEF82D6}"/>
              </a:ext>
            </a:extLst>
          </p:cNvPr>
          <p:cNvCxnSpPr>
            <a:cxnSpLocks/>
          </p:cNvCxnSpPr>
          <p:nvPr/>
        </p:nvCxnSpPr>
        <p:spPr>
          <a:xfrm>
            <a:off x="6759750" y="1534699"/>
            <a:ext cx="1388366" cy="0"/>
          </a:xfrm>
          <a:prstGeom prst="straightConnector1">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0" name="Trapezoid 49">
            <a:extLst>
              <a:ext uri="{FF2B5EF4-FFF2-40B4-BE49-F238E27FC236}">
                <a16:creationId xmlns:a16="http://schemas.microsoft.com/office/drawing/2014/main" id="{AD8DF41F-178B-5470-6DFB-0AC4990D1294}"/>
              </a:ext>
            </a:extLst>
          </p:cNvPr>
          <p:cNvSpPr/>
          <p:nvPr/>
        </p:nvSpPr>
        <p:spPr>
          <a:xfrm>
            <a:off x="6501170" y="1494530"/>
            <a:ext cx="500500" cy="84178"/>
          </a:xfrm>
          <a:prstGeom prst="trapezoid">
            <a:avLst>
              <a:gd name="adj" fmla="val 0"/>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dirty="0">
              <a:solidFill>
                <a:srgbClr val="002060"/>
              </a:solidFill>
              <a:latin typeface="+mj-lt"/>
              <a:cs typeface="Calibri Light" panose="020F0302020204030204" pitchFamily="34" charset="0"/>
            </a:endParaRPr>
          </a:p>
        </p:txBody>
      </p:sp>
      <p:graphicFrame>
        <p:nvGraphicFramePr>
          <p:cNvPr id="4" name="Chart 3">
            <a:extLst>
              <a:ext uri="{FF2B5EF4-FFF2-40B4-BE49-F238E27FC236}">
                <a16:creationId xmlns:a16="http://schemas.microsoft.com/office/drawing/2014/main" id="{6784935E-FCBB-05D2-F0D1-A5C4A6903BF1}"/>
              </a:ext>
            </a:extLst>
          </p:cNvPr>
          <p:cNvGraphicFramePr/>
          <p:nvPr>
            <p:extLst>
              <p:ext uri="{D42A27DB-BD31-4B8C-83A1-F6EECF244321}">
                <p14:modId xmlns:p14="http://schemas.microsoft.com/office/powerpoint/2010/main" val="410438883"/>
              </p:ext>
            </p:extLst>
          </p:nvPr>
        </p:nvGraphicFramePr>
        <p:xfrm>
          <a:off x="207739" y="1546622"/>
          <a:ext cx="5040000" cy="2880000"/>
        </p:xfrm>
        <a:graphic>
          <a:graphicData uri="http://schemas.openxmlformats.org/drawingml/2006/chart">
            <c:chart xmlns:c="http://schemas.openxmlformats.org/drawingml/2006/chart" xmlns:r="http://schemas.openxmlformats.org/officeDocument/2006/relationships" r:id="rId5"/>
          </a:graphicData>
        </a:graphic>
      </p:graphicFrame>
      <mc:AlternateContent xmlns:mc="http://schemas.openxmlformats.org/markup-compatibility/2006" xmlns:a14="http://schemas.microsoft.com/office/drawing/2010/main">
        <mc:Choice Requires="a14">
          <p:sp>
            <p:nvSpPr>
              <p:cNvPr id="6" name="TextBox 5">
                <a:extLst>
                  <a:ext uri="{FF2B5EF4-FFF2-40B4-BE49-F238E27FC236}">
                    <a16:creationId xmlns:a16="http://schemas.microsoft.com/office/drawing/2014/main" id="{4EF3F74E-9D6D-C2C2-0BA5-35C4438605FB}"/>
                  </a:ext>
                </a:extLst>
              </p:cNvPr>
              <p:cNvSpPr txBox="1"/>
              <p:nvPr/>
            </p:nvSpPr>
            <p:spPr>
              <a:xfrm>
                <a:off x="1403644" y="1237077"/>
                <a:ext cx="3240360" cy="346249"/>
              </a:xfrm>
              <a:prstGeom prst="rect">
                <a:avLst/>
              </a:prstGeom>
            </p:spPr>
            <p:txBody>
              <a:bodyPr vert="horz" lIns="0" tIns="0" rIns="0" bIns="0" rtlCol="0" anchor="t" anchorCtr="0">
                <a:noAutofit/>
              </a:bodyPr>
              <a:lstStyle>
                <a:lvl1pPr>
                  <a:lnSpc>
                    <a:spcPts val="2700"/>
                  </a:lnSpc>
                  <a:spcBef>
                    <a:spcPct val="0"/>
                  </a:spcBef>
                  <a:buNone/>
                  <a:defRPr sz="2700" b="1">
                    <a:solidFill>
                      <a:schemeClr val="accent5"/>
                    </a:solidFill>
                    <a:latin typeface="+mj-lt"/>
                    <a:ea typeface="+mj-ea"/>
                    <a:cs typeface="+mj-cs"/>
                  </a:defRPr>
                </a:lvl1pPr>
              </a:lstStyle>
              <a:p>
                <a:pPr algn="ctr"/>
                <a14:m>
                  <m:oMath xmlns:m="http://schemas.openxmlformats.org/officeDocument/2006/math">
                    <m:r>
                      <a:rPr lang="en-US" i="1">
                        <a:latin typeface="Cambria Math" panose="02040503050406030204" pitchFamily="18" charset="0"/>
                      </a:rPr>
                      <m:t>𝟐</m:t>
                    </m:r>
                    <m:sSub>
                      <m:sSubPr>
                        <m:ctrlPr>
                          <a:rPr lang="en-US" i="1">
                            <a:latin typeface="Cambria Math" panose="02040503050406030204" pitchFamily="18" charset="0"/>
                          </a:rPr>
                        </m:ctrlPr>
                      </m:sSubPr>
                      <m:e>
                        <m:r>
                          <a:rPr lang="en-US" i="1">
                            <a:latin typeface="Cambria Math" panose="02040503050406030204" pitchFamily="18" charset="0"/>
                          </a:rPr>
                          <m:t>𝑵𝑯</m:t>
                        </m:r>
                      </m:e>
                      <m:sub>
                        <m:r>
                          <a:rPr lang="en-US" i="1">
                            <a:latin typeface="Cambria Math" panose="02040503050406030204" pitchFamily="18" charset="0"/>
                          </a:rPr>
                          <m:t>𝟑</m:t>
                        </m:r>
                      </m:sub>
                    </m:sSub>
                    <m:r>
                      <a:rPr lang="it-IT" i="1" dirty="0">
                        <a:latin typeface="Cambria Math" panose="02040503050406030204" pitchFamily="18" charset="0"/>
                      </a:rPr>
                      <m:t>⇄</m:t>
                    </m:r>
                  </m:oMath>
                </a14:m>
                <a:r>
                  <a:rPr lang="en-US" dirty="0"/>
                  <a:t> </a:t>
                </a:r>
                <a14:m>
                  <m:oMath xmlns:m="http://schemas.openxmlformats.org/officeDocument/2006/math">
                    <m:sSub>
                      <m:sSubPr>
                        <m:ctrlPr>
                          <a:rPr lang="en-US" i="1">
                            <a:latin typeface="Cambria Math" panose="02040503050406030204" pitchFamily="18" charset="0"/>
                          </a:rPr>
                        </m:ctrlPr>
                      </m:sSubPr>
                      <m:e>
                        <m:r>
                          <a:rPr lang="en-US" i="1">
                            <a:latin typeface="Cambria Math" panose="02040503050406030204" pitchFamily="18" charset="0"/>
                          </a:rPr>
                          <m:t>𝑵</m:t>
                        </m:r>
                      </m:e>
                      <m:sub>
                        <m:r>
                          <a:rPr lang="en-US" i="1">
                            <a:latin typeface="Cambria Math" panose="02040503050406030204" pitchFamily="18" charset="0"/>
                          </a:rPr>
                          <m:t>𝟐</m:t>
                        </m:r>
                      </m:sub>
                    </m:sSub>
                    <m:r>
                      <a:rPr lang="en-US">
                        <a:latin typeface="Cambria Math" panose="02040503050406030204" pitchFamily="18" charset="0"/>
                      </a:rPr>
                      <m:t>+</m:t>
                    </m:r>
                    <m:r>
                      <a:rPr lang="en-US" i="1">
                        <a:latin typeface="Cambria Math" panose="02040503050406030204" pitchFamily="18" charset="0"/>
                      </a:rPr>
                      <m:t>𝟑</m:t>
                    </m:r>
                    <m:sSub>
                      <m:sSubPr>
                        <m:ctrlPr>
                          <a:rPr lang="en-US" i="1">
                            <a:latin typeface="Cambria Math" panose="02040503050406030204" pitchFamily="18" charset="0"/>
                          </a:rPr>
                        </m:ctrlPr>
                      </m:sSubPr>
                      <m:e>
                        <m:r>
                          <a:rPr lang="en-US" i="1">
                            <a:latin typeface="Cambria Math" panose="02040503050406030204" pitchFamily="18" charset="0"/>
                          </a:rPr>
                          <m:t>𝑯</m:t>
                        </m:r>
                      </m:e>
                      <m:sub>
                        <m:r>
                          <a:rPr lang="en-US" i="1">
                            <a:latin typeface="Cambria Math" panose="02040503050406030204" pitchFamily="18" charset="0"/>
                          </a:rPr>
                          <m:t>𝟐</m:t>
                        </m:r>
                      </m:sub>
                    </m:sSub>
                  </m:oMath>
                </a14:m>
                <a:endParaRPr lang="en-NL" dirty="0"/>
              </a:p>
            </p:txBody>
          </p:sp>
        </mc:Choice>
        <mc:Fallback xmlns="">
          <p:sp>
            <p:nvSpPr>
              <p:cNvPr id="6" name="TextBox 5">
                <a:extLst>
                  <a:ext uri="{FF2B5EF4-FFF2-40B4-BE49-F238E27FC236}">
                    <a16:creationId xmlns:a16="http://schemas.microsoft.com/office/drawing/2014/main" id="{4EF3F74E-9D6D-C2C2-0BA5-35C4438605FB}"/>
                  </a:ext>
                </a:extLst>
              </p:cNvPr>
              <p:cNvSpPr txBox="1">
                <a:spLocks noRot="1" noChangeAspect="1" noMove="1" noResize="1" noEditPoints="1" noAdjustHandles="1" noChangeArrowheads="1" noChangeShapeType="1" noTextEdit="1"/>
              </p:cNvSpPr>
              <p:nvPr/>
            </p:nvSpPr>
            <p:spPr>
              <a:xfrm>
                <a:off x="1403644" y="1237077"/>
                <a:ext cx="3240360" cy="346249"/>
              </a:xfrm>
              <a:prstGeom prst="rect">
                <a:avLst/>
              </a:prstGeom>
              <a:blipFill>
                <a:blip r:embed="rId6"/>
                <a:stretch>
                  <a:fillRect/>
                </a:stretch>
              </a:blipFill>
            </p:spPr>
            <p:txBody>
              <a:bodyPr/>
              <a:lstStyle/>
              <a:p>
                <a:r>
                  <a:rPr lang="en-NL">
                    <a:noFill/>
                  </a:rPr>
                  <a:t> </a:t>
                </a:r>
              </a:p>
            </p:txBody>
          </p:sp>
        </mc:Fallback>
      </mc:AlternateContent>
      <p:sp>
        <p:nvSpPr>
          <p:cNvPr id="49" name="TextBox 48">
            <a:extLst>
              <a:ext uri="{FF2B5EF4-FFF2-40B4-BE49-F238E27FC236}">
                <a16:creationId xmlns:a16="http://schemas.microsoft.com/office/drawing/2014/main" id="{F1658BA4-761F-5CDB-4110-9A9649B777D4}"/>
              </a:ext>
            </a:extLst>
          </p:cNvPr>
          <p:cNvSpPr txBox="1"/>
          <p:nvPr/>
        </p:nvSpPr>
        <p:spPr>
          <a:xfrm>
            <a:off x="5784635" y="3506039"/>
            <a:ext cx="3151621" cy="830997"/>
          </a:xfrm>
          <a:prstGeom prst="rect">
            <a:avLst/>
          </a:prstGeom>
          <a:noFill/>
          <a:ln>
            <a:noFill/>
          </a:ln>
        </p:spPr>
        <p:txBody>
          <a:bodyPr wrap="square">
            <a:spAutoFit/>
          </a:bodyPr>
          <a:lstStyle/>
          <a:p>
            <a:pPr algn="ctr"/>
            <a:r>
              <a:rPr lang="en-US" sz="1200" b="1" dirty="0">
                <a:solidFill>
                  <a:srgbClr val="C00000"/>
                </a:solidFill>
                <a:latin typeface="+mj-lt"/>
                <a:cs typeface="Calibri Light" panose="020F0302020204030204" pitchFamily="34" charset="0"/>
              </a:rPr>
              <a:t>CATALYTIC MEMBRANE REACTOR  </a:t>
            </a:r>
          </a:p>
          <a:p>
            <a:pPr algn="ctr"/>
            <a:r>
              <a:rPr lang="en-US" sz="1200" dirty="0">
                <a:solidFill>
                  <a:srgbClr val="C00000"/>
                </a:solidFill>
                <a:latin typeface="+mj-lt"/>
                <a:cs typeface="Calibri Light" panose="020F0302020204030204" pitchFamily="34" charset="0"/>
              </a:rPr>
              <a:t>NH</a:t>
            </a:r>
            <a:r>
              <a:rPr lang="en-US" sz="1200" baseline="-25000" dirty="0">
                <a:solidFill>
                  <a:srgbClr val="C00000"/>
                </a:solidFill>
                <a:latin typeface="+mj-lt"/>
                <a:cs typeface="Calibri Light" panose="020F0302020204030204" pitchFamily="34" charset="0"/>
              </a:rPr>
              <a:t>3</a:t>
            </a:r>
            <a:r>
              <a:rPr lang="en-US" sz="1200" dirty="0">
                <a:solidFill>
                  <a:srgbClr val="C00000"/>
                </a:solidFill>
                <a:latin typeface="+mj-lt"/>
                <a:cs typeface="Calibri Light" panose="020F0302020204030204" pitchFamily="34" charset="0"/>
              </a:rPr>
              <a:t> decomposition and </a:t>
            </a:r>
          </a:p>
          <a:p>
            <a:pPr algn="ctr"/>
            <a:r>
              <a:rPr lang="en-US" sz="1200" dirty="0">
                <a:solidFill>
                  <a:srgbClr val="C00000"/>
                </a:solidFill>
                <a:latin typeface="+mj-lt"/>
                <a:cs typeface="Calibri Light" panose="020F0302020204030204" pitchFamily="34" charset="0"/>
              </a:rPr>
              <a:t>high-purity H</a:t>
            </a:r>
            <a:r>
              <a:rPr lang="en-US" sz="1200" baseline="-25000" dirty="0">
                <a:solidFill>
                  <a:srgbClr val="C00000"/>
                </a:solidFill>
                <a:latin typeface="+mj-lt"/>
                <a:cs typeface="Calibri Light" panose="020F0302020204030204" pitchFamily="34" charset="0"/>
              </a:rPr>
              <a:t>2</a:t>
            </a:r>
            <a:r>
              <a:rPr lang="en-US" sz="1200" dirty="0">
                <a:solidFill>
                  <a:srgbClr val="C00000"/>
                </a:solidFill>
                <a:latin typeface="+mj-lt"/>
                <a:cs typeface="Calibri Light" panose="020F0302020204030204" pitchFamily="34" charset="0"/>
              </a:rPr>
              <a:t> separation </a:t>
            </a:r>
          </a:p>
          <a:p>
            <a:pPr algn="ctr"/>
            <a:r>
              <a:rPr lang="en-US" sz="1200" dirty="0">
                <a:solidFill>
                  <a:srgbClr val="C00000"/>
                </a:solidFill>
                <a:latin typeface="+mj-lt"/>
                <a:cs typeface="Calibri Light" panose="020F0302020204030204" pitchFamily="34" charset="0"/>
              </a:rPr>
              <a:t>are simultaneously performed.</a:t>
            </a:r>
          </a:p>
        </p:txBody>
      </p:sp>
      <p:grpSp>
        <p:nvGrpSpPr>
          <p:cNvPr id="16" name="Group 15">
            <a:extLst>
              <a:ext uri="{FF2B5EF4-FFF2-40B4-BE49-F238E27FC236}">
                <a16:creationId xmlns:a16="http://schemas.microsoft.com/office/drawing/2014/main" id="{9073D73C-9007-8EAF-E7DA-C084D50E0F91}"/>
              </a:ext>
            </a:extLst>
          </p:cNvPr>
          <p:cNvGrpSpPr/>
          <p:nvPr/>
        </p:nvGrpSpPr>
        <p:grpSpPr>
          <a:xfrm>
            <a:off x="5870937" y="1082149"/>
            <a:ext cx="913101" cy="1920569"/>
            <a:chOff x="2891026" y="2345609"/>
            <a:chExt cx="572813" cy="1144096"/>
          </a:xfrm>
        </p:grpSpPr>
        <p:sp>
          <p:nvSpPr>
            <p:cNvPr id="35" name="Rectangle: Rounded Corners 34">
              <a:extLst>
                <a:ext uri="{FF2B5EF4-FFF2-40B4-BE49-F238E27FC236}">
                  <a16:creationId xmlns:a16="http://schemas.microsoft.com/office/drawing/2014/main" id="{F2D73571-A42C-8BDB-FACF-8674BDFD386C}"/>
                </a:ext>
              </a:extLst>
            </p:cNvPr>
            <p:cNvSpPr/>
            <p:nvPr/>
          </p:nvSpPr>
          <p:spPr>
            <a:xfrm flipH="1">
              <a:off x="2957447" y="2411481"/>
              <a:ext cx="439972" cy="169738"/>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a:solidFill>
                  <a:srgbClr val="002060"/>
                </a:solidFill>
                <a:latin typeface="+mj-lt"/>
                <a:cs typeface="Calibri Light" panose="020F0302020204030204" pitchFamily="34" charset="0"/>
              </a:endParaRPr>
            </a:p>
          </p:txBody>
        </p:sp>
        <p:grpSp>
          <p:nvGrpSpPr>
            <p:cNvPr id="36" name="Group 35">
              <a:extLst>
                <a:ext uri="{FF2B5EF4-FFF2-40B4-BE49-F238E27FC236}">
                  <a16:creationId xmlns:a16="http://schemas.microsoft.com/office/drawing/2014/main" id="{9FCFFE2B-0801-4E5A-8AA6-44AB574CE2C6}"/>
                </a:ext>
              </a:extLst>
            </p:cNvPr>
            <p:cNvGrpSpPr/>
            <p:nvPr/>
          </p:nvGrpSpPr>
          <p:grpSpPr>
            <a:xfrm>
              <a:off x="2891026" y="2345609"/>
              <a:ext cx="572813" cy="1144096"/>
              <a:chOff x="1593589" y="1999110"/>
              <a:chExt cx="1452866" cy="3222958"/>
            </a:xfrm>
          </p:grpSpPr>
          <p:sp>
            <p:nvSpPr>
              <p:cNvPr id="37" name="Trapezoid 36">
                <a:extLst>
                  <a:ext uri="{FF2B5EF4-FFF2-40B4-BE49-F238E27FC236}">
                    <a16:creationId xmlns:a16="http://schemas.microsoft.com/office/drawing/2014/main" id="{F9EBE4F0-943B-12BA-8132-B3B964ACA2E8}"/>
                  </a:ext>
                </a:extLst>
              </p:cNvPr>
              <p:cNvSpPr/>
              <p:nvPr/>
            </p:nvSpPr>
            <p:spPr>
              <a:xfrm rot="16200000">
                <a:off x="2224752" y="1950022"/>
                <a:ext cx="188538" cy="286714"/>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dirty="0">
                  <a:solidFill>
                    <a:srgbClr val="002060"/>
                  </a:solidFill>
                  <a:latin typeface="+mj-lt"/>
                  <a:cs typeface="Calibri Light" panose="020F0302020204030204" pitchFamily="34" charset="0"/>
                </a:endParaRPr>
              </a:p>
            </p:txBody>
          </p:sp>
          <p:sp>
            <p:nvSpPr>
              <p:cNvPr id="38" name="Trapezoid 37">
                <a:extLst>
                  <a:ext uri="{FF2B5EF4-FFF2-40B4-BE49-F238E27FC236}">
                    <a16:creationId xmlns:a16="http://schemas.microsoft.com/office/drawing/2014/main" id="{5A9E41C6-FE8B-1AAB-E18F-80633C0C0573}"/>
                  </a:ext>
                </a:extLst>
              </p:cNvPr>
              <p:cNvSpPr/>
              <p:nvPr/>
            </p:nvSpPr>
            <p:spPr>
              <a:xfrm rot="16200000">
                <a:off x="1826579" y="4672975"/>
                <a:ext cx="984875" cy="113312"/>
              </a:xfrm>
              <a:prstGeom prst="trapezoid">
                <a:avLst>
                  <a:gd name="adj" fmla="val 0"/>
                </a:avLst>
              </a:prstGeom>
              <a:gradFill>
                <a:gsLst>
                  <a:gs pos="0">
                    <a:schemeClr val="bg1">
                      <a:lumMod val="65000"/>
                    </a:schemeClr>
                  </a:gs>
                  <a:gs pos="53000">
                    <a:schemeClr val="bg1">
                      <a:lumMod val="50000"/>
                    </a:schemeClr>
                  </a:gs>
                  <a:gs pos="100000">
                    <a:schemeClr val="bg1"/>
                  </a:gs>
                </a:gsLst>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dirty="0">
                  <a:solidFill>
                    <a:srgbClr val="002060"/>
                  </a:solidFill>
                  <a:latin typeface="+mj-lt"/>
                  <a:cs typeface="Calibri Light" panose="020F0302020204030204" pitchFamily="34" charset="0"/>
                </a:endParaRPr>
              </a:p>
            </p:txBody>
          </p:sp>
          <p:sp>
            <p:nvSpPr>
              <p:cNvPr id="42" name="Rectangle: Rounded Corners 41">
                <a:extLst>
                  <a:ext uri="{FF2B5EF4-FFF2-40B4-BE49-F238E27FC236}">
                    <a16:creationId xmlns:a16="http://schemas.microsoft.com/office/drawing/2014/main" id="{8B904258-757D-CEBF-0610-691B3EC63040}"/>
                  </a:ext>
                </a:extLst>
              </p:cNvPr>
              <p:cNvSpPr/>
              <p:nvPr/>
            </p:nvSpPr>
            <p:spPr>
              <a:xfrm flipH="1">
                <a:off x="1765035" y="4641971"/>
                <a:ext cx="1115932" cy="380911"/>
              </a:xfrm>
              <a:prstGeom prst="roundRect">
                <a:avLst>
                  <a:gd name="adj" fmla="val 50000"/>
                </a:avLst>
              </a:prstGeom>
              <a:gradFill>
                <a:gsLst>
                  <a:gs pos="10000">
                    <a:schemeClr val="bg1">
                      <a:lumMod val="75000"/>
                    </a:schemeClr>
                  </a:gs>
                  <a:gs pos="50000">
                    <a:schemeClr val="bg1">
                      <a:lumMod val="50000"/>
                    </a:schemeClr>
                  </a:gs>
                  <a:gs pos="100000">
                    <a:schemeClr val="bg1">
                      <a:lumMod val="8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a:solidFill>
                    <a:srgbClr val="002060"/>
                  </a:solidFill>
                  <a:latin typeface="+mj-lt"/>
                  <a:cs typeface="Calibri Light" panose="020F0302020204030204" pitchFamily="34" charset="0"/>
                </a:endParaRPr>
              </a:p>
            </p:txBody>
          </p:sp>
          <p:sp>
            <p:nvSpPr>
              <p:cNvPr id="44" name="Rectangle 43">
                <a:extLst>
                  <a:ext uri="{FF2B5EF4-FFF2-40B4-BE49-F238E27FC236}">
                    <a16:creationId xmlns:a16="http://schemas.microsoft.com/office/drawing/2014/main" id="{74826698-06C8-0E08-A743-94B3B25E8F13}"/>
                  </a:ext>
                </a:extLst>
              </p:cNvPr>
              <p:cNvSpPr/>
              <p:nvPr/>
            </p:nvSpPr>
            <p:spPr>
              <a:xfrm>
                <a:off x="1811014" y="2475167"/>
                <a:ext cx="1015999" cy="454973"/>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dirty="0">
                  <a:solidFill>
                    <a:srgbClr val="002060"/>
                  </a:solidFill>
                  <a:latin typeface="+mj-lt"/>
                  <a:cs typeface="Calibri Light" panose="020F0302020204030204" pitchFamily="34" charset="0"/>
                </a:endParaRPr>
              </a:p>
            </p:txBody>
          </p:sp>
          <p:sp>
            <p:nvSpPr>
              <p:cNvPr id="45" name="Rectangle 44">
                <a:extLst>
                  <a:ext uri="{FF2B5EF4-FFF2-40B4-BE49-F238E27FC236}">
                    <a16:creationId xmlns:a16="http://schemas.microsoft.com/office/drawing/2014/main" id="{70A001EE-D57A-A14A-5719-8A064FD124EB}"/>
                  </a:ext>
                </a:extLst>
              </p:cNvPr>
              <p:cNvSpPr/>
              <p:nvPr/>
            </p:nvSpPr>
            <p:spPr>
              <a:xfrm>
                <a:off x="1595603" y="2666724"/>
                <a:ext cx="1448838" cy="1960327"/>
              </a:xfrm>
              <a:prstGeom prst="rect">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dirty="0">
                  <a:solidFill>
                    <a:srgbClr val="002060"/>
                  </a:solidFill>
                  <a:latin typeface="+mj-lt"/>
                  <a:cs typeface="Calibri Light" panose="020F0302020204030204" pitchFamily="34" charset="0"/>
                </a:endParaRPr>
              </a:p>
            </p:txBody>
          </p:sp>
          <p:sp>
            <p:nvSpPr>
              <p:cNvPr id="7" name="Trapezoid 6">
                <a:extLst>
                  <a:ext uri="{FF2B5EF4-FFF2-40B4-BE49-F238E27FC236}">
                    <a16:creationId xmlns:a16="http://schemas.microsoft.com/office/drawing/2014/main" id="{1C68EF86-A9ED-54C4-27B9-0EDF1D5F3959}"/>
                  </a:ext>
                </a:extLst>
              </p:cNvPr>
              <p:cNvSpPr/>
              <p:nvPr/>
            </p:nvSpPr>
            <p:spPr>
              <a:xfrm>
                <a:off x="1595603" y="2380922"/>
                <a:ext cx="1450852" cy="2857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a:solidFill>
                    <a:srgbClr val="002060"/>
                  </a:solidFill>
                  <a:latin typeface="+mj-lt"/>
                  <a:cs typeface="Calibri Light" panose="020F0302020204030204" pitchFamily="34" charset="0"/>
                </a:endParaRPr>
              </a:p>
            </p:txBody>
          </p:sp>
          <p:sp>
            <p:nvSpPr>
              <p:cNvPr id="8" name="Trapezoid 7">
                <a:extLst>
                  <a:ext uri="{FF2B5EF4-FFF2-40B4-BE49-F238E27FC236}">
                    <a16:creationId xmlns:a16="http://schemas.microsoft.com/office/drawing/2014/main" id="{D74463AD-ADDE-E93E-B273-02105876AB48}"/>
                  </a:ext>
                </a:extLst>
              </p:cNvPr>
              <p:cNvSpPr/>
              <p:nvPr/>
            </p:nvSpPr>
            <p:spPr>
              <a:xfrm flipV="1">
                <a:off x="1593589" y="4623542"/>
                <a:ext cx="1450852" cy="284399"/>
              </a:xfrm>
              <a:prstGeom prst="trapezoid">
                <a:avLst>
                  <a:gd name="adj" fmla="val 40735"/>
                </a:avLst>
              </a:prstGeom>
              <a:gradFill>
                <a:gsLst>
                  <a:gs pos="10000">
                    <a:schemeClr val="bg1">
                      <a:lumMod val="75000"/>
                    </a:schemeClr>
                  </a:gs>
                  <a:gs pos="50000">
                    <a:schemeClr val="bg1">
                      <a:lumMod val="50000"/>
                    </a:schemeClr>
                  </a:gs>
                  <a:gs pos="100000">
                    <a:schemeClr val="bg1">
                      <a:lumMod val="50000"/>
                      <a:shade val="100000"/>
                      <a:satMod val="115000"/>
                    </a:schemeClr>
                  </a:gs>
                </a:gsLst>
                <a:lin ang="0" scaled="1"/>
              </a:gradFill>
              <a:ln>
                <a:solidFill>
                  <a:srgbClr val="000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LID4096" sz="1013">
                  <a:solidFill>
                    <a:srgbClr val="002060"/>
                  </a:solidFill>
                  <a:latin typeface="+mj-lt"/>
                  <a:cs typeface="Calibri Light" panose="020F0302020204030204" pitchFamily="34" charset="0"/>
                </a:endParaRPr>
              </a:p>
            </p:txBody>
          </p:sp>
          <p:pic>
            <p:nvPicPr>
              <p:cNvPr id="48" name="Picture 47">
                <a:extLst>
                  <a:ext uri="{FF2B5EF4-FFF2-40B4-BE49-F238E27FC236}">
                    <a16:creationId xmlns:a16="http://schemas.microsoft.com/office/drawing/2014/main" id="{EF93174B-3ED6-3357-2F43-E89FF0E065EE}"/>
                  </a:ext>
                </a:extLst>
              </p:cNvPr>
              <p:cNvPicPr>
                <a:picLocks noChangeAspect="1"/>
              </p:cNvPicPr>
              <p:nvPr/>
            </p:nvPicPr>
            <p:blipFill rotWithShape="1">
              <a:blip r:embed="rId7" cstate="print">
                <a:extLst>
                  <a:ext uri="{28A0092B-C50C-407E-A947-70E740481C1C}">
                    <a14:useLocalDpi xmlns:a14="http://schemas.microsoft.com/office/drawing/2010/main" val="0"/>
                  </a:ext>
                </a:extLst>
              </a:blip>
              <a:srcRect l="14416" t="24536" r="17413" b="24436"/>
              <a:stretch/>
            </p:blipFill>
            <p:spPr>
              <a:xfrm rot="16200000">
                <a:off x="1514008" y="3096617"/>
                <a:ext cx="1960326" cy="1100537"/>
              </a:xfrm>
              <a:prstGeom prst="trapezoid">
                <a:avLst>
                  <a:gd name="adj" fmla="val 31740"/>
                </a:avLst>
              </a:prstGeom>
            </p:spPr>
          </p:pic>
        </p:grpSp>
      </p:grpSp>
      <p:cxnSp>
        <p:nvCxnSpPr>
          <p:cNvPr id="18" name="Connector: Elbow 17">
            <a:extLst>
              <a:ext uri="{FF2B5EF4-FFF2-40B4-BE49-F238E27FC236}">
                <a16:creationId xmlns:a16="http://schemas.microsoft.com/office/drawing/2014/main" id="{BCC1508F-8222-A362-E68E-A934AA9D8420}"/>
              </a:ext>
            </a:extLst>
          </p:cNvPr>
          <p:cNvCxnSpPr>
            <a:cxnSpLocks/>
          </p:cNvCxnSpPr>
          <p:nvPr/>
        </p:nvCxnSpPr>
        <p:spPr>
          <a:xfrm rot="16200000" flipV="1">
            <a:off x="6153003" y="3187087"/>
            <a:ext cx="347705" cy="4"/>
          </a:xfrm>
          <a:prstGeom prst="bentConnector3">
            <a:avLst>
              <a:gd name="adj1" fmla="val 50000"/>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9" name="TextBox 8">
            <a:extLst>
              <a:ext uri="{FF2B5EF4-FFF2-40B4-BE49-F238E27FC236}">
                <a16:creationId xmlns:a16="http://schemas.microsoft.com/office/drawing/2014/main" id="{795DF8F4-5970-4E37-45FF-A6576F9F8C76}"/>
              </a:ext>
            </a:extLst>
          </p:cNvPr>
          <p:cNvSpPr txBox="1"/>
          <p:nvPr/>
        </p:nvSpPr>
        <p:spPr>
          <a:xfrm>
            <a:off x="6291248" y="3146794"/>
            <a:ext cx="622834" cy="355904"/>
          </a:xfrm>
          <a:prstGeom prst="rect">
            <a:avLst/>
          </a:prstGeom>
          <a:noFill/>
        </p:spPr>
        <p:txBody>
          <a:bodyPr wrap="square" rtlCol="0">
            <a:spAutoFit/>
          </a:bodyPr>
          <a:lstStyle/>
          <a:p>
            <a:r>
              <a:rPr lang="en-US" sz="1400" dirty="0">
                <a:solidFill>
                  <a:srgbClr val="002060"/>
                </a:solidFill>
                <a:latin typeface="+mj-lt"/>
                <a:cs typeface="Calibri Light" panose="020F0302020204030204" pitchFamily="34" charset="0"/>
              </a:rPr>
              <a:t>NH</a:t>
            </a:r>
            <a:r>
              <a:rPr lang="en-US" sz="1400" baseline="-25000" dirty="0">
                <a:solidFill>
                  <a:srgbClr val="002060"/>
                </a:solidFill>
                <a:latin typeface="+mj-lt"/>
                <a:cs typeface="Calibri Light" panose="020F0302020204030204" pitchFamily="34" charset="0"/>
              </a:rPr>
              <a:t>3</a:t>
            </a:r>
            <a:endParaRPr lang="LID4096" sz="1400" dirty="0">
              <a:solidFill>
                <a:srgbClr val="002060"/>
              </a:solidFill>
              <a:latin typeface="+mj-lt"/>
              <a:cs typeface="Calibri Light" panose="020F0302020204030204" pitchFamily="34" charset="0"/>
            </a:endParaRPr>
          </a:p>
        </p:txBody>
      </p:sp>
      <p:sp>
        <p:nvSpPr>
          <p:cNvPr id="22" name="TextBox 21">
            <a:extLst>
              <a:ext uri="{FF2B5EF4-FFF2-40B4-BE49-F238E27FC236}">
                <a16:creationId xmlns:a16="http://schemas.microsoft.com/office/drawing/2014/main" id="{3302044E-1B63-BF90-7DD7-9780236ED8B3}"/>
              </a:ext>
            </a:extLst>
          </p:cNvPr>
          <p:cNvSpPr txBox="1"/>
          <p:nvPr/>
        </p:nvSpPr>
        <p:spPr>
          <a:xfrm>
            <a:off x="6963454" y="554888"/>
            <a:ext cx="1972802" cy="307777"/>
          </a:xfrm>
          <a:prstGeom prst="rect">
            <a:avLst/>
          </a:prstGeom>
          <a:noFill/>
        </p:spPr>
        <p:txBody>
          <a:bodyPr wrap="square" rtlCol="0">
            <a:spAutoFit/>
          </a:bodyPr>
          <a:lstStyle/>
          <a:p>
            <a:r>
              <a:rPr lang="en-US" sz="1400" dirty="0">
                <a:solidFill>
                  <a:srgbClr val="C00000"/>
                </a:solidFill>
                <a:latin typeface="+mj-lt"/>
                <a:cs typeface="Calibri Light" panose="020F0302020204030204" pitchFamily="34" charset="0"/>
              </a:rPr>
              <a:t>Permeate: H</a:t>
            </a:r>
            <a:r>
              <a:rPr lang="en-US" sz="1400" baseline="-25000" dirty="0">
                <a:solidFill>
                  <a:srgbClr val="C00000"/>
                </a:solidFill>
                <a:latin typeface="+mj-lt"/>
                <a:cs typeface="Calibri Light" panose="020F0302020204030204" pitchFamily="34" charset="0"/>
              </a:rPr>
              <a:t>2</a:t>
            </a:r>
            <a:endParaRPr lang="LID4096" sz="1400" dirty="0">
              <a:solidFill>
                <a:srgbClr val="C00000"/>
              </a:solidFill>
              <a:latin typeface="+mj-lt"/>
              <a:cs typeface="Calibri Light" panose="020F0302020204030204" pitchFamily="34" charset="0"/>
            </a:endParaRPr>
          </a:p>
        </p:txBody>
      </p:sp>
      <p:cxnSp>
        <p:nvCxnSpPr>
          <p:cNvPr id="59" name="Connector: Elbow 58">
            <a:extLst>
              <a:ext uri="{FF2B5EF4-FFF2-40B4-BE49-F238E27FC236}">
                <a16:creationId xmlns:a16="http://schemas.microsoft.com/office/drawing/2014/main" id="{2B7A7AF4-4D89-7E25-DC35-689AF0F780BE}"/>
              </a:ext>
            </a:extLst>
          </p:cNvPr>
          <p:cNvCxnSpPr>
            <a:cxnSpLocks/>
            <a:stCxn id="37" idx="3"/>
          </p:cNvCxnSpPr>
          <p:nvPr/>
        </p:nvCxnSpPr>
        <p:spPr>
          <a:xfrm rot="5400000" flipH="1" flipV="1">
            <a:off x="7111971" y="47768"/>
            <a:ext cx="249270" cy="1819494"/>
          </a:xfrm>
          <a:prstGeom prst="bentConnector2">
            <a:avLst/>
          </a:prstGeom>
          <a:ln>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58" name="Trapezoid 57">
            <a:extLst>
              <a:ext uri="{FF2B5EF4-FFF2-40B4-BE49-F238E27FC236}">
                <a16:creationId xmlns:a16="http://schemas.microsoft.com/office/drawing/2014/main" id="{DE421708-9AD6-F09F-1E65-229BFC1133B2}"/>
              </a:ext>
            </a:extLst>
          </p:cNvPr>
          <p:cNvSpPr/>
          <p:nvPr/>
        </p:nvSpPr>
        <p:spPr>
          <a:xfrm rot="16200000">
            <a:off x="6097677" y="2032522"/>
            <a:ext cx="1093851" cy="61037"/>
          </a:xfrm>
          <a:prstGeom prst="trapezoid">
            <a:avLst>
              <a:gd name="adj" fmla="val 3146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solidFill>
              <a:srgbClr val="C00000"/>
            </a:solidFill>
            <a:prstDash val="solid"/>
          </a:ln>
          <a:effectLst>
            <a:outerShdw blurRad="40000" dist="23000" dir="5400000" rotWithShape="0">
              <a:srgbClr val="000000">
                <a:alpha val="35000"/>
              </a:srgbClr>
            </a:outerShdw>
          </a:effectLst>
        </p:spPr>
        <p:txBody>
          <a:bodyPr rtlCol="0" anchor="ctr"/>
          <a:lstStyle/>
          <a:p>
            <a:pPr algn="ctr" defTabSz="342900" fontAlgn="base">
              <a:spcBef>
                <a:spcPct val="0"/>
              </a:spcBef>
              <a:spcAft>
                <a:spcPct val="0"/>
              </a:spcAft>
              <a:defRPr/>
            </a:pPr>
            <a:endParaRPr lang="LID4096" kern="0" dirty="0">
              <a:solidFill>
                <a:srgbClr val="002060"/>
              </a:solidFill>
              <a:latin typeface="+mj-lt"/>
              <a:cs typeface="Calibri Light" panose="020F0302020204030204" pitchFamily="34" charset="0"/>
            </a:endParaRPr>
          </a:p>
        </p:txBody>
      </p:sp>
      <p:sp>
        <p:nvSpPr>
          <p:cNvPr id="60" name="Trapezoid 59">
            <a:extLst>
              <a:ext uri="{FF2B5EF4-FFF2-40B4-BE49-F238E27FC236}">
                <a16:creationId xmlns:a16="http://schemas.microsoft.com/office/drawing/2014/main" id="{BD4B1312-16B8-32F3-4DE8-FBA7A647A143}"/>
              </a:ext>
            </a:extLst>
          </p:cNvPr>
          <p:cNvSpPr/>
          <p:nvPr/>
        </p:nvSpPr>
        <p:spPr>
          <a:xfrm rot="16200000">
            <a:off x="5992352" y="2032868"/>
            <a:ext cx="1005165" cy="61037"/>
          </a:xfrm>
          <a:prstGeom prst="trapezoid">
            <a:avLst>
              <a:gd name="adj" fmla="val 3146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solidFill>
              <a:srgbClr val="C00000"/>
            </a:solidFill>
            <a:prstDash val="solid"/>
          </a:ln>
          <a:effectLst>
            <a:outerShdw blurRad="40000" dist="23000" dir="5400000" rotWithShape="0">
              <a:srgbClr val="000000">
                <a:alpha val="35000"/>
              </a:srgbClr>
            </a:outerShdw>
          </a:effectLst>
        </p:spPr>
        <p:txBody>
          <a:bodyPr rtlCol="0" anchor="ctr"/>
          <a:lstStyle/>
          <a:p>
            <a:pPr algn="ctr" defTabSz="342900" fontAlgn="base">
              <a:spcBef>
                <a:spcPct val="0"/>
              </a:spcBef>
              <a:spcAft>
                <a:spcPct val="0"/>
              </a:spcAft>
              <a:defRPr/>
            </a:pPr>
            <a:endParaRPr lang="LID4096" kern="0" dirty="0">
              <a:solidFill>
                <a:srgbClr val="002060"/>
              </a:solidFill>
              <a:latin typeface="+mj-lt"/>
              <a:cs typeface="Calibri Light" panose="020F0302020204030204" pitchFamily="34" charset="0"/>
            </a:endParaRPr>
          </a:p>
        </p:txBody>
      </p:sp>
      <p:sp>
        <p:nvSpPr>
          <p:cNvPr id="62" name="Trapezoid 61">
            <a:extLst>
              <a:ext uri="{FF2B5EF4-FFF2-40B4-BE49-F238E27FC236}">
                <a16:creationId xmlns:a16="http://schemas.microsoft.com/office/drawing/2014/main" id="{6F2CD8A1-1BFD-E649-AC9E-9D31A955D1F9}"/>
              </a:ext>
            </a:extLst>
          </p:cNvPr>
          <p:cNvSpPr/>
          <p:nvPr/>
        </p:nvSpPr>
        <p:spPr>
          <a:xfrm rot="16200000">
            <a:off x="5889204" y="2035161"/>
            <a:ext cx="912128" cy="61037"/>
          </a:xfrm>
          <a:prstGeom prst="trapezoid">
            <a:avLst>
              <a:gd name="adj" fmla="val 3146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solidFill>
              <a:srgbClr val="C00000"/>
            </a:solidFill>
            <a:prstDash val="solid"/>
          </a:ln>
          <a:effectLst>
            <a:outerShdw blurRad="40000" dist="23000" dir="5400000" rotWithShape="0">
              <a:srgbClr val="000000">
                <a:alpha val="35000"/>
              </a:srgbClr>
            </a:outerShdw>
          </a:effectLst>
        </p:spPr>
        <p:txBody>
          <a:bodyPr rtlCol="0" anchor="ctr"/>
          <a:lstStyle/>
          <a:p>
            <a:pPr algn="ctr" defTabSz="342900" fontAlgn="base">
              <a:spcBef>
                <a:spcPct val="0"/>
              </a:spcBef>
              <a:spcAft>
                <a:spcPct val="0"/>
              </a:spcAft>
              <a:defRPr/>
            </a:pPr>
            <a:endParaRPr lang="LID4096" kern="0" dirty="0">
              <a:solidFill>
                <a:srgbClr val="002060"/>
              </a:solidFill>
              <a:latin typeface="+mj-lt"/>
              <a:cs typeface="Calibri Light" panose="020F0302020204030204" pitchFamily="34" charset="0"/>
            </a:endParaRPr>
          </a:p>
        </p:txBody>
      </p:sp>
      <p:sp>
        <p:nvSpPr>
          <p:cNvPr id="63" name="Trapezoid 62">
            <a:extLst>
              <a:ext uri="{FF2B5EF4-FFF2-40B4-BE49-F238E27FC236}">
                <a16:creationId xmlns:a16="http://schemas.microsoft.com/office/drawing/2014/main" id="{992F2CC5-1F5E-70A7-DA6D-0B344138DDEE}"/>
              </a:ext>
            </a:extLst>
          </p:cNvPr>
          <p:cNvSpPr/>
          <p:nvPr/>
        </p:nvSpPr>
        <p:spPr>
          <a:xfrm rot="16200000">
            <a:off x="5785469" y="2035783"/>
            <a:ext cx="820256" cy="61037"/>
          </a:xfrm>
          <a:prstGeom prst="trapezoid">
            <a:avLst>
              <a:gd name="adj" fmla="val 31468"/>
            </a:avLst>
          </a:prstGeom>
          <a:gradFill rotWithShape="1">
            <a:gsLst>
              <a:gs pos="50000">
                <a:srgbClr val="FFFFFF">
                  <a:lumMod val="50000"/>
                </a:srgbClr>
              </a:gs>
              <a:gs pos="0">
                <a:srgbClr val="FFFFFF">
                  <a:lumMod val="75000"/>
                </a:srgbClr>
              </a:gs>
              <a:gs pos="100000">
                <a:srgbClr val="FFFFFF"/>
              </a:gs>
            </a:gsLst>
            <a:lin ang="16200000" scaled="0"/>
          </a:gradFill>
          <a:ln w="9525" cap="flat" cmpd="sng" algn="ctr">
            <a:solidFill>
              <a:srgbClr val="C00000"/>
            </a:solidFill>
            <a:prstDash val="solid"/>
          </a:ln>
          <a:effectLst>
            <a:outerShdw blurRad="40000" dist="23000" dir="5400000" rotWithShape="0">
              <a:srgbClr val="000000">
                <a:alpha val="35000"/>
              </a:srgbClr>
            </a:outerShdw>
          </a:effectLst>
        </p:spPr>
        <p:txBody>
          <a:bodyPr rtlCol="0" anchor="ctr"/>
          <a:lstStyle/>
          <a:p>
            <a:pPr algn="ctr" defTabSz="342900" fontAlgn="base">
              <a:spcBef>
                <a:spcPct val="0"/>
              </a:spcBef>
              <a:spcAft>
                <a:spcPct val="0"/>
              </a:spcAft>
              <a:defRPr/>
            </a:pPr>
            <a:endParaRPr lang="LID4096" kern="0" dirty="0">
              <a:solidFill>
                <a:srgbClr val="002060"/>
              </a:solidFill>
              <a:latin typeface="+mj-lt"/>
              <a:cs typeface="Calibri Light" panose="020F0302020204030204" pitchFamily="34" charset="0"/>
            </a:endParaRPr>
          </a:p>
        </p:txBody>
      </p:sp>
      <p:pic>
        <p:nvPicPr>
          <p:cNvPr id="10" name="Tijdelijke aanduiding voor afbeelding 9">
            <a:extLst>
              <a:ext uri="{FF2B5EF4-FFF2-40B4-BE49-F238E27FC236}">
                <a16:creationId xmlns:a16="http://schemas.microsoft.com/office/drawing/2014/main" id="{1D1B3B19-4251-4F2A-3A6E-1DCB1629B234}"/>
              </a:ext>
            </a:extLst>
          </p:cNvPr>
          <p:cNvPicPr>
            <a:picLocks noChangeAspect="1"/>
          </p:cNvPicPr>
          <p:nvPr/>
        </p:nvPicPr>
        <p:blipFill rotWithShape="1">
          <a:blip r:embed="rId8" cstate="print">
            <a:alphaModFix amt="20000"/>
            <a:extLst>
              <a:ext uri="{28A0092B-C50C-407E-A947-70E740481C1C}">
                <a14:useLocalDpi xmlns:a14="http://schemas.microsoft.com/office/drawing/2010/main" val="0"/>
              </a:ext>
            </a:extLst>
          </a:blip>
          <a:srcRect l="2104" t="3423" r="3748"/>
          <a:stretch/>
        </p:blipFill>
        <p:spPr>
          <a:xfrm>
            <a:off x="6804246" y="95250"/>
            <a:ext cx="2339752" cy="1851670"/>
          </a:xfrm>
          <a:prstGeom prst="rect">
            <a:avLst/>
          </a:prstGeom>
          <a:noFill/>
          <a:effectLst>
            <a:outerShdw blurRad="50800" dist="38100" dir="2700000" algn="tl" rotWithShape="0">
              <a:prstClr val="black">
                <a:alpha val="0"/>
              </a:prstClr>
            </a:outerShdw>
          </a:effectLst>
        </p:spPr>
      </p:pic>
    </p:spTree>
    <p:extLst>
      <p:ext uri="{BB962C8B-B14F-4D97-AF65-F5344CB8AC3E}">
        <p14:creationId xmlns:p14="http://schemas.microsoft.com/office/powerpoint/2010/main" val="799720530"/>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61"/>
                                        </p:tgtEl>
                                        <p:attrNameLst>
                                          <p:attrName>style.visibility</p:attrName>
                                        </p:attrNameLst>
                                      </p:cBhvr>
                                      <p:to>
                                        <p:strVal val="visible"/>
                                      </p:to>
                                    </p:set>
                                    <p:animEffect transition="in" filter="fade">
                                      <p:cBhvr>
                                        <p:cTn id="7" dur="500"/>
                                        <p:tgtEl>
                                          <p:spTgt spid="61"/>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54"/>
                                        </p:tgtEl>
                                        <p:attrNameLst>
                                          <p:attrName>style.visibility</p:attrName>
                                        </p:attrNameLst>
                                      </p:cBhvr>
                                      <p:to>
                                        <p:strVal val="visible"/>
                                      </p:to>
                                    </p:set>
                                    <p:animEffect transition="in" filter="fade">
                                      <p:cBhvr>
                                        <p:cTn id="10" dur="500"/>
                                        <p:tgtEl>
                                          <p:spTgt spid="54"/>
                                        </p:tgtEl>
                                      </p:cBhvr>
                                    </p:animEffect>
                                  </p:childTnLst>
                                </p:cTn>
                              </p:par>
                              <p:par>
                                <p:cTn id="11" presetID="10" presetClass="entr" presetSubtype="0" fill="hold" grpId="0" nodeType="withEffect">
                                  <p:stCondLst>
                                    <p:cond delay="0"/>
                                  </p:stCondLst>
                                  <p:childTnLst>
                                    <p:set>
                                      <p:cBhvr>
                                        <p:cTn id="12" dur="1" fill="hold">
                                          <p:stCondLst>
                                            <p:cond delay="0"/>
                                          </p:stCondLst>
                                        </p:cTn>
                                        <p:tgtEl>
                                          <p:spTgt spid="22"/>
                                        </p:tgtEl>
                                        <p:attrNameLst>
                                          <p:attrName>style.visibility</p:attrName>
                                        </p:attrNameLst>
                                      </p:cBhvr>
                                      <p:to>
                                        <p:strVal val="visible"/>
                                      </p:to>
                                    </p:set>
                                    <p:animEffect transition="in" filter="fade">
                                      <p:cBhvr>
                                        <p:cTn id="13" dur="500"/>
                                        <p:tgtEl>
                                          <p:spTgt spid="22"/>
                                        </p:tgtEl>
                                      </p:cBhvr>
                                    </p:animEffect>
                                  </p:childTnLst>
                                </p:cTn>
                              </p:par>
                              <p:par>
                                <p:cTn id="14" presetID="10" presetClass="entr" presetSubtype="0" fill="hold" nodeType="withEffect">
                                  <p:stCondLst>
                                    <p:cond delay="0"/>
                                  </p:stCondLst>
                                  <p:childTnLst>
                                    <p:set>
                                      <p:cBhvr>
                                        <p:cTn id="15" dur="1" fill="hold">
                                          <p:stCondLst>
                                            <p:cond delay="0"/>
                                          </p:stCondLst>
                                        </p:cTn>
                                        <p:tgtEl>
                                          <p:spTgt spid="59"/>
                                        </p:tgtEl>
                                        <p:attrNameLst>
                                          <p:attrName>style.visibility</p:attrName>
                                        </p:attrNameLst>
                                      </p:cBhvr>
                                      <p:to>
                                        <p:strVal val="visible"/>
                                      </p:to>
                                    </p:set>
                                    <p:animEffect transition="in" filter="fade">
                                      <p:cBhvr>
                                        <p:cTn id="16" dur="500"/>
                                        <p:tgtEl>
                                          <p:spTgt spid="59"/>
                                        </p:tgtEl>
                                      </p:cBhvr>
                                    </p:animEffect>
                                  </p:childTnLst>
                                </p:cTn>
                              </p:par>
                              <p:par>
                                <p:cTn id="17" presetID="10" presetClass="entr" presetSubtype="0" fill="hold" grpId="0" nodeType="withEffect">
                                  <p:stCondLst>
                                    <p:cond delay="0"/>
                                  </p:stCondLst>
                                  <p:childTnLst>
                                    <p:set>
                                      <p:cBhvr>
                                        <p:cTn id="18" dur="1" fill="hold">
                                          <p:stCondLst>
                                            <p:cond delay="0"/>
                                          </p:stCondLst>
                                        </p:cTn>
                                        <p:tgtEl>
                                          <p:spTgt spid="50"/>
                                        </p:tgtEl>
                                        <p:attrNameLst>
                                          <p:attrName>style.visibility</p:attrName>
                                        </p:attrNameLst>
                                      </p:cBhvr>
                                      <p:to>
                                        <p:strVal val="visible"/>
                                      </p:to>
                                    </p:set>
                                    <p:animEffect transition="in" filter="fade">
                                      <p:cBhvr>
                                        <p:cTn id="19" dur="500"/>
                                        <p:tgtEl>
                                          <p:spTgt spid="50"/>
                                        </p:tgtEl>
                                      </p:cBhvr>
                                    </p:animEffect>
                                  </p:childTnLst>
                                </p:cTn>
                              </p:par>
                              <p:par>
                                <p:cTn id="20" presetID="10" presetClass="entr" presetSubtype="0" fill="hold" grpId="0" nodeType="withEffect">
                                  <p:stCondLst>
                                    <p:cond delay="0"/>
                                  </p:stCondLst>
                                  <p:childTnLst>
                                    <p:set>
                                      <p:cBhvr>
                                        <p:cTn id="21" dur="1" fill="hold">
                                          <p:stCondLst>
                                            <p:cond delay="0"/>
                                          </p:stCondLst>
                                        </p:cTn>
                                        <p:tgtEl>
                                          <p:spTgt spid="58"/>
                                        </p:tgtEl>
                                        <p:attrNameLst>
                                          <p:attrName>style.visibility</p:attrName>
                                        </p:attrNameLst>
                                      </p:cBhvr>
                                      <p:to>
                                        <p:strVal val="visible"/>
                                      </p:to>
                                    </p:set>
                                    <p:animEffect transition="in" filter="fade">
                                      <p:cBhvr>
                                        <p:cTn id="22" dur="500"/>
                                        <p:tgtEl>
                                          <p:spTgt spid="58"/>
                                        </p:tgtEl>
                                      </p:cBhvr>
                                    </p:animEffect>
                                  </p:childTnLst>
                                </p:cTn>
                              </p:par>
                              <p:par>
                                <p:cTn id="23" presetID="10" presetClass="entr" presetSubtype="0" fill="hold" grpId="0" nodeType="withEffect">
                                  <p:stCondLst>
                                    <p:cond delay="0"/>
                                  </p:stCondLst>
                                  <p:childTnLst>
                                    <p:set>
                                      <p:cBhvr>
                                        <p:cTn id="24" dur="1" fill="hold">
                                          <p:stCondLst>
                                            <p:cond delay="0"/>
                                          </p:stCondLst>
                                        </p:cTn>
                                        <p:tgtEl>
                                          <p:spTgt spid="60"/>
                                        </p:tgtEl>
                                        <p:attrNameLst>
                                          <p:attrName>style.visibility</p:attrName>
                                        </p:attrNameLst>
                                      </p:cBhvr>
                                      <p:to>
                                        <p:strVal val="visible"/>
                                      </p:to>
                                    </p:set>
                                    <p:animEffect transition="in" filter="fade">
                                      <p:cBhvr>
                                        <p:cTn id="25" dur="500"/>
                                        <p:tgtEl>
                                          <p:spTgt spid="60"/>
                                        </p:tgtEl>
                                      </p:cBhvr>
                                    </p:animEffect>
                                  </p:childTnLst>
                                </p:cTn>
                              </p:par>
                              <p:par>
                                <p:cTn id="26" presetID="10" presetClass="entr" presetSubtype="0" fill="hold" grpId="0" nodeType="withEffect">
                                  <p:stCondLst>
                                    <p:cond delay="0"/>
                                  </p:stCondLst>
                                  <p:childTnLst>
                                    <p:set>
                                      <p:cBhvr>
                                        <p:cTn id="27" dur="1" fill="hold">
                                          <p:stCondLst>
                                            <p:cond delay="0"/>
                                          </p:stCondLst>
                                        </p:cTn>
                                        <p:tgtEl>
                                          <p:spTgt spid="62"/>
                                        </p:tgtEl>
                                        <p:attrNameLst>
                                          <p:attrName>style.visibility</p:attrName>
                                        </p:attrNameLst>
                                      </p:cBhvr>
                                      <p:to>
                                        <p:strVal val="visible"/>
                                      </p:to>
                                    </p:set>
                                    <p:animEffect transition="in" filter="fade">
                                      <p:cBhvr>
                                        <p:cTn id="28" dur="500"/>
                                        <p:tgtEl>
                                          <p:spTgt spid="62"/>
                                        </p:tgtEl>
                                      </p:cBhvr>
                                    </p:animEffect>
                                  </p:childTnLst>
                                </p:cTn>
                              </p:par>
                              <p:par>
                                <p:cTn id="29" presetID="10" presetClass="entr" presetSubtype="0" fill="hold" grpId="0" nodeType="withEffect">
                                  <p:stCondLst>
                                    <p:cond delay="0"/>
                                  </p:stCondLst>
                                  <p:childTnLst>
                                    <p:set>
                                      <p:cBhvr>
                                        <p:cTn id="30" dur="1" fill="hold">
                                          <p:stCondLst>
                                            <p:cond delay="0"/>
                                          </p:stCondLst>
                                        </p:cTn>
                                        <p:tgtEl>
                                          <p:spTgt spid="63"/>
                                        </p:tgtEl>
                                        <p:attrNameLst>
                                          <p:attrName>style.visibility</p:attrName>
                                        </p:attrNameLst>
                                      </p:cBhvr>
                                      <p:to>
                                        <p:strVal val="visible"/>
                                      </p:to>
                                    </p:set>
                                    <p:animEffect transition="in" filter="fade">
                                      <p:cBhvr>
                                        <p:cTn id="31" dur="500"/>
                                        <p:tgtEl>
                                          <p:spTgt spid="63"/>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49"/>
                                        </p:tgtEl>
                                        <p:attrNameLst>
                                          <p:attrName>style.visibility</p:attrName>
                                        </p:attrNameLst>
                                      </p:cBhvr>
                                      <p:to>
                                        <p:strVal val="visible"/>
                                      </p:to>
                                    </p:set>
                                    <p:animEffect transition="in" filter="fade">
                                      <p:cBhvr>
                                        <p:cTn id="34" dur="500"/>
                                        <p:tgtEl>
                                          <p:spTgt spid="4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4" grpId="0"/>
      <p:bldP spid="50" grpId="0" animBg="1"/>
      <p:bldP spid="49" grpId="0"/>
      <p:bldP spid="22" grpId="0"/>
      <p:bldP spid="58" grpId="0" animBg="1"/>
      <p:bldP spid="60" grpId="0" animBg="1"/>
      <p:bldP spid="62" grpId="0" animBg="1"/>
      <p:bldP spid="63"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8</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atalysts for ammonia decomposition </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Ruthenium as active phase</a:t>
            </a:r>
          </a:p>
        </p:txBody>
      </p:sp>
      <p:sp>
        <p:nvSpPr>
          <p:cNvPr id="24" name="Tijdelijke aanduiding voor inhoud 2">
            <a:extLst>
              <a:ext uri="{FF2B5EF4-FFF2-40B4-BE49-F238E27FC236}">
                <a16:creationId xmlns:a16="http://schemas.microsoft.com/office/drawing/2014/main" id="{BF730D30-3210-75DB-DD16-A32891BA06F0}"/>
              </a:ext>
            </a:extLst>
          </p:cNvPr>
          <p:cNvSpPr txBox="1">
            <a:spLocks/>
          </p:cNvSpPr>
          <p:nvPr/>
        </p:nvSpPr>
        <p:spPr>
          <a:xfrm>
            <a:off x="503546" y="902952"/>
            <a:ext cx="8280919" cy="985156"/>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r>
              <a:rPr lang="en-US" sz="1600" dirty="0">
                <a:solidFill>
                  <a:schemeClr val="accent5"/>
                </a:solidFill>
              </a:rPr>
              <a:t>Ruthenium-based catalysts are employed for ammonia decomposition due to their excellent activity at lower temperatures. Therefore, to efficiently use this precious resource, developing Ru-based catalysts with low loading, high activity and high stability has become a research hotspot.</a:t>
            </a:r>
          </a:p>
        </p:txBody>
      </p:sp>
      <p:graphicFrame>
        <p:nvGraphicFramePr>
          <p:cNvPr id="7" name="ChartObject">
            <a:extLst>
              <a:ext uri="{FF2B5EF4-FFF2-40B4-BE49-F238E27FC236}">
                <a16:creationId xmlns:a16="http://schemas.microsoft.com/office/drawing/2014/main" id="{94376C15-9934-12A2-26C2-781CBB31466B}"/>
              </a:ext>
            </a:extLst>
          </p:cNvPr>
          <p:cNvGraphicFramePr/>
          <p:nvPr>
            <p:extLst>
              <p:ext uri="{D42A27DB-BD31-4B8C-83A1-F6EECF244321}">
                <p14:modId xmlns:p14="http://schemas.microsoft.com/office/powerpoint/2010/main" val="2705610228"/>
              </p:ext>
            </p:extLst>
          </p:nvPr>
        </p:nvGraphicFramePr>
        <p:xfrm>
          <a:off x="590173" y="2006544"/>
          <a:ext cx="7963654" cy="2385049"/>
        </p:xfrm>
        <a:graphic>
          <a:graphicData uri="http://schemas.openxmlformats.org/drawingml/2006/chart">
            <c:chart xmlns:c="http://schemas.openxmlformats.org/drawingml/2006/chart" xmlns:r="http://schemas.openxmlformats.org/officeDocument/2006/relationships" r:id="rId5"/>
          </a:graphicData>
        </a:graphic>
      </p:graphicFrame>
      <p:sp>
        <p:nvSpPr>
          <p:cNvPr id="4" name="Tijdelijke aanduiding voor inhoud 2">
            <a:extLst>
              <a:ext uri="{FF2B5EF4-FFF2-40B4-BE49-F238E27FC236}">
                <a16:creationId xmlns:a16="http://schemas.microsoft.com/office/drawing/2014/main" id="{DDB7E69C-963D-E638-1431-B280C2A046D0}"/>
              </a:ext>
            </a:extLst>
          </p:cNvPr>
          <p:cNvSpPr txBox="1">
            <a:spLocks/>
          </p:cNvSpPr>
          <p:nvPr/>
        </p:nvSpPr>
        <p:spPr>
          <a:xfrm>
            <a:off x="467544" y="4341409"/>
            <a:ext cx="8352926" cy="200598"/>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endParaRPr lang="en-US" sz="700" dirty="0">
              <a:solidFill>
                <a:srgbClr val="002060"/>
              </a:solidFill>
            </a:endParaRPr>
          </a:p>
          <a:p>
            <a:pPr algn="just"/>
            <a:r>
              <a:rPr lang="en-US" sz="700" dirty="0">
                <a:solidFill>
                  <a:srgbClr val="002060"/>
                </a:solidFill>
              </a:rPr>
              <a:t>[06] </a:t>
            </a:r>
            <a:r>
              <a:rPr lang="en-US" sz="700" dirty="0">
                <a:solidFill>
                  <a:srgbClr val="002060"/>
                </a:solidFill>
                <a:latin typeface="Open Sans"/>
                <a:hlinkClick r:id="rId6">
                  <a:extLst>
                    <a:ext uri="{A12FA001-AC4F-418D-AE19-62706E023703}">
                      <ahyp:hlinkClr xmlns:ahyp="http://schemas.microsoft.com/office/drawing/2018/hyperlinkcolor" val="tx"/>
                    </a:ext>
                  </a:extLst>
                </a:hlinkClick>
              </a:rPr>
              <a:t>http://www.statista.com/statistics/1046426/ruthenium-price/</a:t>
            </a:r>
            <a:r>
              <a:rPr lang="en-US" sz="700" dirty="0">
                <a:solidFill>
                  <a:srgbClr val="002060"/>
                </a:solidFill>
                <a:latin typeface="Open Sans"/>
              </a:rPr>
              <a:t> (Accessed on 12.06.2024)</a:t>
            </a:r>
          </a:p>
        </p:txBody>
      </p:sp>
    </p:spTree>
    <p:extLst>
      <p:ext uri="{BB962C8B-B14F-4D97-AF65-F5344CB8AC3E}">
        <p14:creationId xmlns:p14="http://schemas.microsoft.com/office/powerpoint/2010/main" val="2423784245"/>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24"/>
                                        </p:tgtEl>
                                        <p:attrNameLst>
                                          <p:attrName>style.visibility</p:attrName>
                                        </p:attrNameLst>
                                      </p:cBhvr>
                                      <p:to>
                                        <p:strVal val="visible"/>
                                      </p:to>
                                    </p:set>
                                    <p:animEffect transition="in" filter="fade">
                                      <p:cBhvr>
                                        <p:cTn id="7" dur="1000"/>
                                        <p:tgtEl>
                                          <p:spTgt spid="24"/>
                                        </p:tgtEl>
                                      </p:cBhvr>
                                    </p:animEffect>
                                  </p:childTnLst>
                                </p:cTn>
                              </p:par>
                            </p:childTnLst>
                          </p:cTn>
                        </p:par>
                        <p:par>
                          <p:cTn id="8" fill="hold">
                            <p:stCondLst>
                              <p:cond delay="1000"/>
                            </p:stCondLst>
                            <p:childTnLst>
                              <p:par>
                                <p:cTn id="9" presetID="10" presetClass="entr" presetSubtype="0" fill="hold" grpId="0" nodeType="afterEffect">
                                  <p:stCondLst>
                                    <p:cond delay="0"/>
                                  </p:stCondLst>
                                  <p:childTnLst>
                                    <p:set>
                                      <p:cBhvr>
                                        <p:cTn id="10" dur="1" fill="hold">
                                          <p:stCondLst>
                                            <p:cond delay="0"/>
                                          </p:stCondLst>
                                        </p:cTn>
                                        <p:tgtEl>
                                          <p:spTgt spid="7">
                                            <p:graphicEl>
                                              <a:chart seriesIdx="-3" categoryIdx="-3" bldStep="gridLegend"/>
                                            </p:graphicEl>
                                          </p:spTgt>
                                        </p:tgtEl>
                                        <p:attrNameLst>
                                          <p:attrName>style.visibility</p:attrName>
                                        </p:attrNameLst>
                                      </p:cBhvr>
                                      <p:to>
                                        <p:strVal val="visible"/>
                                      </p:to>
                                    </p:set>
                                    <p:animEffect transition="in" filter="fade">
                                      <p:cBhvr>
                                        <p:cTn id="11" dur="500"/>
                                        <p:tgtEl>
                                          <p:spTgt spid="7">
                                            <p:graphicEl>
                                              <a:chart seriesIdx="-3" categoryIdx="-3" bldStep="gridLegend"/>
                                            </p:graphicEl>
                                          </p:spTgt>
                                        </p:tgtEl>
                                      </p:cBhvr>
                                    </p:animEffect>
                                  </p:childTnLst>
                                </p:cTn>
                              </p:par>
                            </p:childTnLst>
                          </p:cTn>
                        </p:par>
                        <p:par>
                          <p:cTn id="12" fill="hold">
                            <p:stCondLst>
                              <p:cond delay="1500"/>
                            </p:stCondLst>
                            <p:childTnLst>
                              <p:par>
                                <p:cTn id="13" presetID="10" presetClass="entr" presetSubtype="0" fill="hold" grpId="0" nodeType="afterEffect">
                                  <p:stCondLst>
                                    <p:cond delay="0"/>
                                  </p:stCondLst>
                                  <p:childTnLst>
                                    <p:set>
                                      <p:cBhvr>
                                        <p:cTn id="14" dur="1" fill="hold">
                                          <p:stCondLst>
                                            <p:cond delay="0"/>
                                          </p:stCondLst>
                                        </p:cTn>
                                        <p:tgtEl>
                                          <p:spTgt spid="7">
                                            <p:graphicEl>
                                              <a:chart seriesIdx="0" categoryIdx="0" bldStep="ptInCategory"/>
                                            </p:graphicEl>
                                          </p:spTgt>
                                        </p:tgtEl>
                                        <p:attrNameLst>
                                          <p:attrName>style.visibility</p:attrName>
                                        </p:attrNameLst>
                                      </p:cBhvr>
                                      <p:to>
                                        <p:strVal val="visible"/>
                                      </p:to>
                                    </p:set>
                                    <p:animEffect transition="in" filter="fade">
                                      <p:cBhvr>
                                        <p:cTn id="15" dur="500"/>
                                        <p:tgtEl>
                                          <p:spTgt spid="7">
                                            <p:graphicEl>
                                              <a:chart seriesIdx="0" categoryIdx="0" bldStep="ptInCategory"/>
                                            </p:graphicEl>
                                          </p:spTgt>
                                        </p:tgtEl>
                                      </p:cBhvr>
                                    </p:animEffect>
                                  </p:childTnLst>
                                </p:cTn>
                              </p:par>
                            </p:childTnLst>
                          </p:cTn>
                        </p:par>
                        <p:par>
                          <p:cTn id="16" fill="hold">
                            <p:stCondLst>
                              <p:cond delay="2000"/>
                            </p:stCondLst>
                            <p:childTnLst>
                              <p:par>
                                <p:cTn id="17" presetID="10" presetClass="entr" presetSubtype="0" fill="hold" grpId="0" nodeType="afterEffect">
                                  <p:stCondLst>
                                    <p:cond delay="0"/>
                                  </p:stCondLst>
                                  <p:childTnLst>
                                    <p:set>
                                      <p:cBhvr>
                                        <p:cTn id="18" dur="1" fill="hold">
                                          <p:stCondLst>
                                            <p:cond delay="0"/>
                                          </p:stCondLst>
                                        </p:cTn>
                                        <p:tgtEl>
                                          <p:spTgt spid="7">
                                            <p:graphicEl>
                                              <a:chart seriesIdx="0" categoryIdx="1" bldStep="ptInCategory"/>
                                            </p:graphicEl>
                                          </p:spTgt>
                                        </p:tgtEl>
                                        <p:attrNameLst>
                                          <p:attrName>style.visibility</p:attrName>
                                        </p:attrNameLst>
                                      </p:cBhvr>
                                      <p:to>
                                        <p:strVal val="visible"/>
                                      </p:to>
                                    </p:set>
                                    <p:animEffect transition="in" filter="fade">
                                      <p:cBhvr>
                                        <p:cTn id="19" dur="500"/>
                                        <p:tgtEl>
                                          <p:spTgt spid="7">
                                            <p:graphicEl>
                                              <a:chart seriesIdx="0" categoryIdx="1" bldStep="ptInCategory"/>
                                            </p:graphicEl>
                                          </p:spTgt>
                                        </p:tgtEl>
                                      </p:cBhvr>
                                    </p:animEffect>
                                  </p:childTnLst>
                                </p:cTn>
                              </p:par>
                            </p:childTnLst>
                          </p:cTn>
                        </p:par>
                        <p:par>
                          <p:cTn id="20" fill="hold">
                            <p:stCondLst>
                              <p:cond delay="2500"/>
                            </p:stCondLst>
                            <p:childTnLst>
                              <p:par>
                                <p:cTn id="21" presetID="10" presetClass="entr" presetSubtype="0" fill="hold" grpId="0" nodeType="afterEffect">
                                  <p:stCondLst>
                                    <p:cond delay="0"/>
                                  </p:stCondLst>
                                  <p:childTnLst>
                                    <p:set>
                                      <p:cBhvr>
                                        <p:cTn id="22" dur="1" fill="hold">
                                          <p:stCondLst>
                                            <p:cond delay="0"/>
                                          </p:stCondLst>
                                        </p:cTn>
                                        <p:tgtEl>
                                          <p:spTgt spid="7">
                                            <p:graphicEl>
                                              <a:chart seriesIdx="0" categoryIdx="2" bldStep="ptInCategory"/>
                                            </p:graphicEl>
                                          </p:spTgt>
                                        </p:tgtEl>
                                        <p:attrNameLst>
                                          <p:attrName>style.visibility</p:attrName>
                                        </p:attrNameLst>
                                      </p:cBhvr>
                                      <p:to>
                                        <p:strVal val="visible"/>
                                      </p:to>
                                    </p:set>
                                    <p:animEffect transition="in" filter="fade">
                                      <p:cBhvr>
                                        <p:cTn id="23" dur="500"/>
                                        <p:tgtEl>
                                          <p:spTgt spid="7">
                                            <p:graphicEl>
                                              <a:chart seriesIdx="0" categoryIdx="2" bldStep="ptInCategory"/>
                                            </p:graphicEl>
                                          </p:spTgt>
                                        </p:tgtEl>
                                      </p:cBhvr>
                                    </p:animEffect>
                                  </p:childTnLst>
                                </p:cTn>
                              </p:par>
                            </p:childTnLst>
                          </p:cTn>
                        </p:par>
                        <p:par>
                          <p:cTn id="24" fill="hold">
                            <p:stCondLst>
                              <p:cond delay="3000"/>
                            </p:stCondLst>
                            <p:childTnLst>
                              <p:par>
                                <p:cTn id="25" presetID="10" presetClass="entr" presetSubtype="0" fill="hold" grpId="0" nodeType="afterEffect">
                                  <p:stCondLst>
                                    <p:cond delay="0"/>
                                  </p:stCondLst>
                                  <p:childTnLst>
                                    <p:set>
                                      <p:cBhvr>
                                        <p:cTn id="26" dur="1" fill="hold">
                                          <p:stCondLst>
                                            <p:cond delay="0"/>
                                          </p:stCondLst>
                                        </p:cTn>
                                        <p:tgtEl>
                                          <p:spTgt spid="7">
                                            <p:graphicEl>
                                              <a:chart seriesIdx="0" categoryIdx="3" bldStep="ptInCategory"/>
                                            </p:graphicEl>
                                          </p:spTgt>
                                        </p:tgtEl>
                                        <p:attrNameLst>
                                          <p:attrName>style.visibility</p:attrName>
                                        </p:attrNameLst>
                                      </p:cBhvr>
                                      <p:to>
                                        <p:strVal val="visible"/>
                                      </p:to>
                                    </p:set>
                                    <p:animEffect transition="in" filter="fade">
                                      <p:cBhvr>
                                        <p:cTn id="27" dur="500"/>
                                        <p:tgtEl>
                                          <p:spTgt spid="7">
                                            <p:graphicEl>
                                              <a:chart seriesIdx="0" categoryIdx="3" bldStep="ptInCategory"/>
                                            </p:graphicEl>
                                          </p:spTgt>
                                        </p:tgtEl>
                                      </p:cBhvr>
                                    </p:animEffect>
                                  </p:childTnLst>
                                </p:cTn>
                              </p:par>
                            </p:childTnLst>
                          </p:cTn>
                        </p:par>
                        <p:par>
                          <p:cTn id="28" fill="hold">
                            <p:stCondLst>
                              <p:cond delay="3500"/>
                            </p:stCondLst>
                            <p:childTnLst>
                              <p:par>
                                <p:cTn id="29" presetID="10" presetClass="entr" presetSubtype="0" fill="hold" grpId="0" nodeType="afterEffect">
                                  <p:stCondLst>
                                    <p:cond delay="0"/>
                                  </p:stCondLst>
                                  <p:childTnLst>
                                    <p:set>
                                      <p:cBhvr>
                                        <p:cTn id="30" dur="1" fill="hold">
                                          <p:stCondLst>
                                            <p:cond delay="0"/>
                                          </p:stCondLst>
                                        </p:cTn>
                                        <p:tgtEl>
                                          <p:spTgt spid="7">
                                            <p:graphicEl>
                                              <a:chart seriesIdx="0" categoryIdx="4" bldStep="ptInCategory"/>
                                            </p:graphicEl>
                                          </p:spTgt>
                                        </p:tgtEl>
                                        <p:attrNameLst>
                                          <p:attrName>style.visibility</p:attrName>
                                        </p:attrNameLst>
                                      </p:cBhvr>
                                      <p:to>
                                        <p:strVal val="visible"/>
                                      </p:to>
                                    </p:set>
                                    <p:animEffect transition="in" filter="fade">
                                      <p:cBhvr>
                                        <p:cTn id="31" dur="500"/>
                                        <p:tgtEl>
                                          <p:spTgt spid="7">
                                            <p:graphicEl>
                                              <a:chart seriesIdx="0" categoryIdx="4" bldStep="ptInCategory"/>
                                            </p:graphicEl>
                                          </p:spTgt>
                                        </p:tgtEl>
                                      </p:cBhvr>
                                    </p:animEffect>
                                  </p:childTnLst>
                                </p:cTn>
                              </p:par>
                            </p:childTnLst>
                          </p:cTn>
                        </p:par>
                        <p:par>
                          <p:cTn id="32" fill="hold">
                            <p:stCondLst>
                              <p:cond delay="4000"/>
                            </p:stCondLst>
                            <p:childTnLst>
                              <p:par>
                                <p:cTn id="33" presetID="10" presetClass="entr" presetSubtype="0" fill="hold" grpId="0" nodeType="afterEffect">
                                  <p:stCondLst>
                                    <p:cond delay="0"/>
                                  </p:stCondLst>
                                  <p:childTnLst>
                                    <p:set>
                                      <p:cBhvr>
                                        <p:cTn id="34" dur="1" fill="hold">
                                          <p:stCondLst>
                                            <p:cond delay="0"/>
                                          </p:stCondLst>
                                        </p:cTn>
                                        <p:tgtEl>
                                          <p:spTgt spid="7">
                                            <p:graphicEl>
                                              <a:chart seriesIdx="0" categoryIdx="5" bldStep="ptInCategory"/>
                                            </p:graphicEl>
                                          </p:spTgt>
                                        </p:tgtEl>
                                        <p:attrNameLst>
                                          <p:attrName>style.visibility</p:attrName>
                                        </p:attrNameLst>
                                      </p:cBhvr>
                                      <p:to>
                                        <p:strVal val="visible"/>
                                      </p:to>
                                    </p:set>
                                    <p:animEffect transition="in" filter="fade">
                                      <p:cBhvr>
                                        <p:cTn id="35" dur="500"/>
                                        <p:tgtEl>
                                          <p:spTgt spid="7">
                                            <p:graphicEl>
                                              <a:chart seriesIdx="0" categoryIdx="5" bldStep="ptInCategory"/>
                                            </p:graphicEl>
                                          </p:spTgt>
                                        </p:tgtEl>
                                      </p:cBhvr>
                                    </p:animEffect>
                                  </p:childTnLst>
                                </p:cTn>
                              </p:par>
                            </p:childTnLst>
                          </p:cTn>
                        </p:par>
                        <p:par>
                          <p:cTn id="36" fill="hold">
                            <p:stCondLst>
                              <p:cond delay="4500"/>
                            </p:stCondLst>
                            <p:childTnLst>
                              <p:par>
                                <p:cTn id="37" presetID="10" presetClass="entr" presetSubtype="0" fill="hold" grpId="0" nodeType="afterEffect">
                                  <p:stCondLst>
                                    <p:cond delay="0"/>
                                  </p:stCondLst>
                                  <p:childTnLst>
                                    <p:set>
                                      <p:cBhvr>
                                        <p:cTn id="38" dur="1" fill="hold">
                                          <p:stCondLst>
                                            <p:cond delay="0"/>
                                          </p:stCondLst>
                                        </p:cTn>
                                        <p:tgtEl>
                                          <p:spTgt spid="7">
                                            <p:graphicEl>
                                              <a:chart seriesIdx="0" categoryIdx="6" bldStep="ptInCategory"/>
                                            </p:graphicEl>
                                          </p:spTgt>
                                        </p:tgtEl>
                                        <p:attrNameLst>
                                          <p:attrName>style.visibility</p:attrName>
                                        </p:attrNameLst>
                                      </p:cBhvr>
                                      <p:to>
                                        <p:strVal val="visible"/>
                                      </p:to>
                                    </p:set>
                                    <p:animEffect transition="in" filter="fade">
                                      <p:cBhvr>
                                        <p:cTn id="39" dur="500"/>
                                        <p:tgtEl>
                                          <p:spTgt spid="7">
                                            <p:graphicEl>
                                              <a:chart seriesIdx="0" categoryIdx="6" bldStep="ptInCategory"/>
                                            </p:graphicEl>
                                          </p:spTgt>
                                        </p:tgtEl>
                                      </p:cBhvr>
                                    </p:animEffect>
                                  </p:childTnLst>
                                </p:cTn>
                              </p:par>
                            </p:childTnLst>
                          </p:cTn>
                        </p:par>
                        <p:par>
                          <p:cTn id="40" fill="hold">
                            <p:stCondLst>
                              <p:cond delay="5000"/>
                            </p:stCondLst>
                            <p:childTnLst>
                              <p:par>
                                <p:cTn id="41" presetID="10" presetClass="entr" presetSubtype="0" fill="hold" grpId="0" nodeType="afterEffect">
                                  <p:stCondLst>
                                    <p:cond delay="0"/>
                                  </p:stCondLst>
                                  <p:childTnLst>
                                    <p:set>
                                      <p:cBhvr>
                                        <p:cTn id="42" dur="1" fill="hold">
                                          <p:stCondLst>
                                            <p:cond delay="0"/>
                                          </p:stCondLst>
                                        </p:cTn>
                                        <p:tgtEl>
                                          <p:spTgt spid="7">
                                            <p:graphicEl>
                                              <a:chart seriesIdx="0" categoryIdx="7" bldStep="ptInCategory"/>
                                            </p:graphicEl>
                                          </p:spTgt>
                                        </p:tgtEl>
                                        <p:attrNameLst>
                                          <p:attrName>style.visibility</p:attrName>
                                        </p:attrNameLst>
                                      </p:cBhvr>
                                      <p:to>
                                        <p:strVal val="visible"/>
                                      </p:to>
                                    </p:set>
                                    <p:animEffect transition="in" filter="fade">
                                      <p:cBhvr>
                                        <p:cTn id="43" dur="500"/>
                                        <p:tgtEl>
                                          <p:spTgt spid="7">
                                            <p:graphicEl>
                                              <a:chart seriesIdx="0" categoryIdx="7" bldStep="ptInCategory"/>
                                            </p:graphicEl>
                                          </p:spTgt>
                                        </p:tgtEl>
                                      </p:cBhvr>
                                    </p:animEffect>
                                  </p:childTnLst>
                                </p:cTn>
                              </p:par>
                            </p:childTnLst>
                          </p:cTn>
                        </p:par>
                        <p:par>
                          <p:cTn id="44" fill="hold">
                            <p:stCondLst>
                              <p:cond delay="5500"/>
                            </p:stCondLst>
                            <p:childTnLst>
                              <p:par>
                                <p:cTn id="45" presetID="10" presetClass="entr" presetSubtype="0" fill="hold" grpId="0" nodeType="afterEffect">
                                  <p:stCondLst>
                                    <p:cond delay="0"/>
                                  </p:stCondLst>
                                  <p:childTnLst>
                                    <p:set>
                                      <p:cBhvr>
                                        <p:cTn id="46" dur="1" fill="hold">
                                          <p:stCondLst>
                                            <p:cond delay="0"/>
                                          </p:stCondLst>
                                        </p:cTn>
                                        <p:tgtEl>
                                          <p:spTgt spid="7">
                                            <p:graphicEl>
                                              <a:chart seriesIdx="0" categoryIdx="8" bldStep="ptInCategory"/>
                                            </p:graphicEl>
                                          </p:spTgt>
                                        </p:tgtEl>
                                        <p:attrNameLst>
                                          <p:attrName>style.visibility</p:attrName>
                                        </p:attrNameLst>
                                      </p:cBhvr>
                                      <p:to>
                                        <p:strVal val="visible"/>
                                      </p:to>
                                    </p:set>
                                    <p:animEffect transition="in" filter="fade">
                                      <p:cBhvr>
                                        <p:cTn id="47" dur="500"/>
                                        <p:tgtEl>
                                          <p:spTgt spid="7">
                                            <p:graphicEl>
                                              <a:chart seriesIdx="0" categoryIdx="8" bldStep="ptInCategory"/>
                                            </p:graphicEl>
                                          </p:spTgt>
                                        </p:tgtEl>
                                      </p:cBhvr>
                                    </p:animEffect>
                                  </p:childTnLst>
                                </p:cTn>
                              </p:par>
                            </p:childTnLst>
                          </p:cTn>
                        </p:par>
                        <p:par>
                          <p:cTn id="48" fill="hold">
                            <p:stCondLst>
                              <p:cond delay="6000"/>
                            </p:stCondLst>
                            <p:childTnLst>
                              <p:par>
                                <p:cTn id="49" presetID="10" presetClass="entr" presetSubtype="0" fill="hold" grpId="0" nodeType="afterEffect">
                                  <p:stCondLst>
                                    <p:cond delay="0"/>
                                  </p:stCondLst>
                                  <p:childTnLst>
                                    <p:set>
                                      <p:cBhvr>
                                        <p:cTn id="50" dur="1" fill="hold">
                                          <p:stCondLst>
                                            <p:cond delay="0"/>
                                          </p:stCondLst>
                                        </p:cTn>
                                        <p:tgtEl>
                                          <p:spTgt spid="7">
                                            <p:graphicEl>
                                              <a:chart seriesIdx="0" categoryIdx="9" bldStep="ptInCategory"/>
                                            </p:graphicEl>
                                          </p:spTgt>
                                        </p:tgtEl>
                                        <p:attrNameLst>
                                          <p:attrName>style.visibility</p:attrName>
                                        </p:attrNameLst>
                                      </p:cBhvr>
                                      <p:to>
                                        <p:strVal val="visible"/>
                                      </p:to>
                                    </p:set>
                                    <p:animEffect transition="in" filter="fade">
                                      <p:cBhvr>
                                        <p:cTn id="51" dur="500"/>
                                        <p:tgtEl>
                                          <p:spTgt spid="7">
                                            <p:graphicEl>
                                              <a:chart seriesIdx="0" categoryIdx="9" bldStep="ptInCategory"/>
                                            </p:graphic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 grpId="0"/>
      <p:bldGraphic spid="7" grpId="0">
        <p:bldSub>
          <a:bldChart bld="categoryEl"/>
        </p:bldSub>
      </p:bldGraphic>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Tijdelijke aanduiding voor voettekst 3">
            <a:extLst>
              <a:ext uri="{FF2B5EF4-FFF2-40B4-BE49-F238E27FC236}">
                <a16:creationId xmlns:a16="http://schemas.microsoft.com/office/drawing/2014/main" id="{6378934B-F544-16A8-F79F-FCE102C0DA0F}"/>
              </a:ext>
            </a:extLst>
          </p:cNvPr>
          <p:cNvSpPr txBox="1">
            <a:spLocks/>
          </p:cNvSpPr>
          <p:nvPr/>
        </p:nvSpPr>
        <p:spPr>
          <a:xfrm>
            <a:off x="-2" y="0"/>
            <a:ext cx="9144000" cy="576000"/>
          </a:xfrm>
          <a:prstGeom prst="rect">
            <a:avLst/>
          </a:prstGeom>
          <a:solidFill>
            <a:srgbClr val="002060"/>
          </a:solidFill>
        </p:spPr>
        <p:txBody>
          <a:bodyPr vert="horz" lIns="0" tIns="0" rIns="0" bIns="0" rtlCol="0" anchor="ctr"/>
          <a:lstStyle>
            <a:defPPr>
              <a:defRPr lang="nl-NL"/>
            </a:defPPr>
            <a:lvl1pPr marL="0" algn="l" defTabSz="685800" rtl="0" eaLnBrk="1" latinLnBrk="0" hangingPunct="1">
              <a:defRPr sz="1100" b="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GB" sz="2800" b="1" i="0" u="none" strike="noStrike" kern="1200" cap="none" spc="0" normalizeH="0" baseline="0" noProof="0" dirty="0">
              <a:ln>
                <a:noFill/>
              </a:ln>
              <a:solidFill>
                <a:prstClr val="white"/>
              </a:solidFill>
              <a:effectLst/>
              <a:uLnTx/>
              <a:uFillTx/>
              <a:latin typeface="Calibri (Headings)"/>
              <a:ea typeface="+mn-ea"/>
              <a:cs typeface="+mn-cs"/>
            </a:endParaRPr>
          </a:p>
        </p:txBody>
      </p:sp>
      <p:sp>
        <p:nvSpPr>
          <p:cNvPr id="2" name="Tijdelijke aanduiding voor voettekst 3">
            <a:extLst>
              <a:ext uri="{FF2B5EF4-FFF2-40B4-BE49-F238E27FC236}">
                <a16:creationId xmlns:a16="http://schemas.microsoft.com/office/drawing/2014/main" id="{EDEC144E-06D8-05E5-655E-2E0C677786A5}"/>
              </a:ext>
            </a:extLst>
          </p:cNvPr>
          <p:cNvSpPr>
            <a:spLocks noGrp="1"/>
          </p:cNvSpPr>
          <p:nvPr>
            <p:ph type="ftr" sz="quarter" idx="11"/>
          </p:nvPr>
        </p:nvSpPr>
        <p:spPr>
          <a:xfrm>
            <a:off x="-2" y="4568400"/>
            <a:ext cx="9144000" cy="576000"/>
          </a:xfrm>
          <a:solidFill>
            <a:srgbClr val="002060"/>
          </a:solidFill>
        </p:spPr>
        <p:txBody>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200" b="0" i="0" u="none" strike="noStrike" kern="1200" cap="none" spc="0" normalizeH="0" baseline="0" noProof="0" dirty="0">
                <a:ln>
                  <a:noFill/>
                </a:ln>
                <a:solidFill>
                  <a:prstClr val="white"/>
                </a:solidFill>
                <a:effectLst/>
                <a:uLnTx/>
                <a:uFillTx/>
                <a:latin typeface="Calibri"/>
                <a:ea typeface="+mn-ea"/>
                <a:cs typeface="+mn-cs"/>
              </a:rPr>
              <a:t>				    3</a:t>
            </a:r>
            <a:r>
              <a:rPr kumimoji="0" lang="en-GB" sz="1200" b="0" i="0" u="none" strike="noStrike" kern="1200" cap="none" spc="0" normalizeH="0" baseline="30000" noProof="0" dirty="0">
                <a:ln>
                  <a:noFill/>
                </a:ln>
                <a:solidFill>
                  <a:prstClr val="white"/>
                </a:solidFill>
                <a:effectLst/>
                <a:uLnTx/>
                <a:uFillTx/>
                <a:latin typeface="Calibri"/>
                <a:ea typeface="+mn-ea"/>
                <a:cs typeface="+mn-cs"/>
              </a:rPr>
              <a:t>rd</a:t>
            </a:r>
            <a:r>
              <a:rPr kumimoji="0" lang="en-GB" sz="1200" b="0" i="0" u="none" strike="noStrike" kern="1200" cap="none" spc="0" normalizeH="0" baseline="0" noProof="0" dirty="0">
                <a:ln>
                  <a:noFill/>
                </a:ln>
                <a:solidFill>
                  <a:prstClr val="white"/>
                </a:solidFill>
                <a:effectLst/>
                <a:uLnTx/>
                <a:uFillTx/>
                <a:latin typeface="Calibri"/>
                <a:ea typeface="+mn-ea"/>
                <a:cs typeface="+mn-cs"/>
              </a:rPr>
              <a:t> Symposium on Ammonia Energy – September 2</a:t>
            </a:r>
            <a:r>
              <a:rPr lang="en-GB" sz="1200" dirty="0">
                <a:solidFill>
                  <a:prstClr val="white"/>
                </a:solidFill>
                <a:latin typeface="Calibri"/>
              </a:rPr>
              <a:t>3 - 26</a:t>
            </a:r>
            <a:r>
              <a:rPr kumimoji="0" lang="en-GB" sz="1200" b="0" i="0" u="none" strike="noStrike" kern="1200" cap="none" spc="0" normalizeH="0" baseline="0" noProof="0" dirty="0">
                <a:ln>
                  <a:noFill/>
                </a:ln>
                <a:solidFill>
                  <a:prstClr val="white"/>
                </a:solidFill>
                <a:effectLst/>
                <a:uLnTx/>
                <a:uFillTx/>
                <a:latin typeface="Calibri"/>
                <a:ea typeface="+mn-ea"/>
                <a:cs typeface="+mn-cs"/>
              </a:rPr>
              <a:t>, 2024 - Gaetano Anello</a:t>
            </a:r>
          </a:p>
        </p:txBody>
      </p:sp>
      <p:pic>
        <p:nvPicPr>
          <p:cNvPr id="3" name="Picture 2">
            <a:extLst>
              <a:ext uri="{FF2B5EF4-FFF2-40B4-BE49-F238E27FC236}">
                <a16:creationId xmlns:a16="http://schemas.microsoft.com/office/drawing/2014/main" id="{97176E85-72F0-BC43-A54A-27B849554FC1}"/>
              </a:ext>
            </a:extLst>
          </p:cNvPr>
          <p:cNvPicPr>
            <a:picLocks noChangeAspect="1"/>
          </p:cNvPicPr>
          <p:nvPr/>
        </p:nvPicPr>
        <p:blipFill rotWithShape="1">
          <a:blip r:embed="rId3">
            <a:biLevel thresh="25000"/>
            <a:alphaModFix/>
            <a:extLst>
              <a:ext uri="{BEBA8EAE-BF5A-486C-A8C5-ECC9F3942E4B}">
                <a14:imgProps xmlns:a14="http://schemas.microsoft.com/office/drawing/2010/main">
                  <a14:imgLayer r:embed="rId4">
                    <a14:imgEffect>
                      <a14:saturation sat="0"/>
                    </a14:imgEffect>
                  </a14:imgLayer>
                </a14:imgProps>
              </a:ext>
            </a:extLst>
          </a:blip>
          <a:srcRect l="2752" t="7728" r="6861" b="9587"/>
          <a:stretch/>
        </p:blipFill>
        <p:spPr>
          <a:xfrm>
            <a:off x="138300" y="4557056"/>
            <a:ext cx="2349898" cy="586444"/>
          </a:xfrm>
          <a:prstGeom prst="rect">
            <a:avLst/>
          </a:prstGeom>
        </p:spPr>
      </p:pic>
      <p:sp>
        <p:nvSpPr>
          <p:cNvPr id="5" name="Tijdelijke aanduiding voor dianummer 4"/>
          <p:cNvSpPr>
            <a:spLocks noGrp="1"/>
          </p:cNvSpPr>
          <p:nvPr>
            <p:ph type="sldNum" sz="quarter" idx="12"/>
          </p:nvPr>
        </p:nvSpPr>
        <p:spPr>
          <a:xfrm>
            <a:off x="8215222" y="4561714"/>
            <a:ext cx="256263" cy="575100"/>
          </a:xfrm>
          <a:noFill/>
          <a:ln>
            <a:noFill/>
          </a:ln>
        </p:spPr>
        <p:txBody>
          <a:bodyPr/>
          <a:lstStyle/>
          <a:p>
            <a:pPr marL="0" marR="0" lvl="0" indent="0" algn="ctr" defTabSz="685800" rtl="0" eaLnBrk="1" fontAlgn="auto" latinLnBrk="0" hangingPunct="1">
              <a:lnSpc>
                <a:spcPct val="100000"/>
              </a:lnSpc>
              <a:spcBef>
                <a:spcPts val="0"/>
              </a:spcBef>
              <a:spcAft>
                <a:spcPts val="0"/>
              </a:spcAft>
              <a:buClrTx/>
              <a:buSzTx/>
              <a:buFontTx/>
              <a:buNone/>
              <a:tabLst/>
              <a:defRPr/>
            </a:pPr>
            <a:fld id="{C194BDB0-F4EA-4DD6-8281-CCE2440D0CE0}" type="slidenum">
              <a:rPr kumimoji="0" lang="en-GB" sz="1100" b="0" i="0" u="none" strike="noStrike" kern="1200" cap="none" spc="0" normalizeH="0" baseline="0" noProof="0" smtClean="0">
                <a:ln>
                  <a:noFill/>
                </a:ln>
                <a:solidFill>
                  <a:prstClr val="white"/>
                </a:solidFill>
                <a:effectLst/>
                <a:uLnTx/>
                <a:uFillTx/>
                <a:latin typeface="Calibri"/>
                <a:ea typeface="+mn-ea"/>
                <a:cs typeface="+mn-cs"/>
              </a:rPr>
              <a:pPr marL="0" marR="0" lvl="0" indent="0" algn="ctr" defTabSz="685800" rtl="0" eaLnBrk="1" fontAlgn="auto" latinLnBrk="0" hangingPunct="1">
                <a:lnSpc>
                  <a:spcPct val="100000"/>
                </a:lnSpc>
                <a:spcBef>
                  <a:spcPts val="0"/>
                </a:spcBef>
                <a:spcAft>
                  <a:spcPts val="0"/>
                </a:spcAft>
                <a:buClrTx/>
                <a:buSzTx/>
                <a:buFontTx/>
                <a:buNone/>
                <a:tabLst/>
                <a:defRPr/>
              </a:pPr>
              <a:t>9</a:t>
            </a:fld>
            <a:endParaRPr kumimoji="0" lang="en-GB" sz="1100" b="0" i="0" u="none" strike="noStrike" kern="1200" cap="none" spc="0" normalizeH="0" baseline="0" noProof="0" dirty="0">
              <a:ln>
                <a:noFill/>
              </a:ln>
              <a:solidFill>
                <a:prstClr val="white"/>
              </a:solidFill>
              <a:effectLst/>
              <a:uLnTx/>
              <a:uFillTx/>
              <a:latin typeface="Calibri"/>
              <a:ea typeface="+mn-ea"/>
              <a:cs typeface="+mn-cs"/>
            </a:endParaRPr>
          </a:p>
        </p:txBody>
      </p:sp>
      <p:cxnSp>
        <p:nvCxnSpPr>
          <p:cNvPr id="19" name="Straight Connector 18">
            <a:extLst>
              <a:ext uri="{FF2B5EF4-FFF2-40B4-BE49-F238E27FC236}">
                <a16:creationId xmlns:a16="http://schemas.microsoft.com/office/drawing/2014/main" id="{A99D649F-3262-6DCE-E16A-F6A8333974A8}"/>
              </a:ext>
            </a:extLst>
          </p:cNvPr>
          <p:cNvCxnSpPr>
            <a:cxnSpLocks/>
          </p:cNvCxnSpPr>
          <p:nvPr/>
        </p:nvCxnSpPr>
        <p:spPr>
          <a:xfrm>
            <a:off x="2660084" y="4618759"/>
            <a:ext cx="0" cy="473306"/>
          </a:xfrm>
          <a:prstGeom prst="line">
            <a:avLst/>
          </a:prstGeom>
          <a:ln w="28575">
            <a:solidFill>
              <a:srgbClr val="FFFFFF"/>
            </a:solidFill>
          </a:ln>
        </p:spPr>
        <p:style>
          <a:lnRef idx="1">
            <a:schemeClr val="accent1"/>
          </a:lnRef>
          <a:fillRef idx="0">
            <a:schemeClr val="accent1"/>
          </a:fillRef>
          <a:effectRef idx="0">
            <a:schemeClr val="accent1"/>
          </a:effectRef>
          <a:fontRef idx="minor">
            <a:schemeClr val="tx1"/>
          </a:fontRef>
        </p:style>
      </p:cxnSp>
      <p:sp>
        <p:nvSpPr>
          <p:cNvPr id="46" name="Titel 1">
            <a:extLst>
              <a:ext uri="{FF2B5EF4-FFF2-40B4-BE49-F238E27FC236}">
                <a16:creationId xmlns:a16="http://schemas.microsoft.com/office/drawing/2014/main" id="{643F93AB-DFEC-E6A6-6F67-21647DCB0BC5}"/>
              </a:ext>
            </a:extLst>
          </p:cNvPr>
          <p:cNvSpPr txBox="1">
            <a:spLocks/>
          </p:cNvSpPr>
          <p:nvPr/>
        </p:nvSpPr>
        <p:spPr>
          <a:xfrm>
            <a:off x="195943" y="26449"/>
            <a:ext cx="8280919" cy="292965"/>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GB" sz="2400" dirty="0">
                <a:solidFill>
                  <a:schemeClr val="bg1"/>
                </a:solidFill>
              </a:rPr>
              <a:t>Catalysts for ammonia decomposition </a:t>
            </a:r>
            <a:endParaRPr lang="en-GB" sz="2400" baseline="-25000" dirty="0">
              <a:solidFill>
                <a:schemeClr val="bg1"/>
              </a:solidFill>
              <a:highlight>
                <a:srgbClr val="FFFF00"/>
              </a:highlight>
            </a:endParaRPr>
          </a:p>
        </p:txBody>
      </p:sp>
      <p:sp>
        <p:nvSpPr>
          <p:cNvPr id="47" name="Titel 1">
            <a:extLst>
              <a:ext uri="{FF2B5EF4-FFF2-40B4-BE49-F238E27FC236}">
                <a16:creationId xmlns:a16="http://schemas.microsoft.com/office/drawing/2014/main" id="{D9FDD311-BCCD-BB54-7FB0-41DC9AA50CDD}"/>
              </a:ext>
            </a:extLst>
          </p:cNvPr>
          <p:cNvSpPr txBox="1">
            <a:spLocks/>
          </p:cNvSpPr>
          <p:nvPr/>
        </p:nvSpPr>
        <p:spPr>
          <a:xfrm>
            <a:off x="195943" y="254610"/>
            <a:ext cx="8280919" cy="381000"/>
          </a:xfrm>
          <a:prstGeom prst="rect">
            <a:avLst/>
          </a:prstGeom>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r>
              <a:rPr lang="en-US" sz="1600" b="0" i="1" dirty="0">
                <a:solidFill>
                  <a:schemeClr val="bg1"/>
                </a:solidFill>
              </a:rPr>
              <a:t>Catalytic formulation: Ruthenium and B5-sites</a:t>
            </a:r>
          </a:p>
        </p:txBody>
      </p:sp>
      <p:sp>
        <p:nvSpPr>
          <p:cNvPr id="8" name="Tijdelijke aanduiding voor inhoud 2">
            <a:extLst>
              <a:ext uri="{FF2B5EF4-FFF2-40B4-BE49-F238E27FC236}">
                <a16:creationId xmlns:a16="http://schemas.microsoft.com/office/drawing/2014/main" id="{A68C12FB-16FE-207F-71BB-43657273C736}"/>
              </a:ext>
            </a:extLst>
          </p:cNvPr>
          <p:cNvSpPr txBox="1">
            <a:spLocks/>
          </p:cNvSpPr>
          <p:nvPr/>
        </p:nvSpPr>
        <p:spPr>
          <a:xfrm>
            <a:off x="467544" y="1171342"/>
            <a:ext cx="8217242" cy="795999"/>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r>
              <a:rPr lang="en-US" sz="1600" dirty="0">
                <a:solidFill>
                  <a:schemeClr val="accent5"/>
                </a:solidFill>
              </a:rPr>
              <a:t>B5-type surface sites can be responsible for the specific activity of Ru catalysts. B5-type site consists of an arrangement of three Ru atoms in one layer and two further Ru in the layer directly above this at a monoatomic step on an Ru(0001) terrace .</a:t>
            </a:r>
          </a:p>
        </p:txBody>
      </p:sp>
      <p:sp>
        <p:nvSpPr>
          <p:cNvPr id="9" name="Tijdelijke aanduiding voor inhoud 2">
            <a:extLst>
              <a:ext uri="{FF2B5EF4-FFF2-40B4-BE49-F238E27FC236}">
                <a16:creationId xmlns:a16="http://schemas.microsoft.com/office/drawing/2014/main" id="{A1D176D2-0137-C7D8-F83A-E177C21B52A1}"/>
              </a:ext>
            </a:extLst>
          </p:cNvPr>
          <p:cNvSpPr txBox="1">
            <a:spLocks/>
          </p:cNvSpPr>
          <p:nvPr/>
        </p:nvSpPr>
        <p:spPr>
          <a:xfrm>
            <a:off x="467544" y="4338231"/>
            <a:ext cx="8352926" cy="230740"/>
          </a:xfrm>
          <a:prstGeom prst="rect">
            <a:avLst/>
          </a:prstGeom>
        </p:spPr>
        <p:txBody>
          <a:bodyPr vert="horz" lIns="0" tIns="0" rIns="0" bIns="0" rtlCol="0">
            <a:noAutofit/>
          </a:bodyPr>
          <a:lstStyle>
            <a:lvl1pPr marL="0" indent="0" algn="l" defTabSz="685800" rtl="0" eaLnBrk="1" latinLnBrk="0" hangingPunct="1">
              <a:lnSpc>
                <a:spcPct val="100000"/>
              </a:lnSpc>
              <a:spcBef>
                <a:spcPts val="0"/>
              </a:spcBef>
              <a:buFont typeface="Arial" panose="020B0604020202020204" pitchFamily="34" charset="0"/>
              <a:buNone/>
              <a:defRPr sz="1950" kern="1200" baseline="0">
                <a:solidFill>
                  <a:schemeClr val="tx1"/>
                </a:solidFill>
                <a:latin typeface="+mn-lt"/>
                <a:ea typeface="+mn-ea"/>
                <a:cs typeface="+mn-cs"/>
              </a:defRPr>
            </a:lvl1pPr>
            <a:lvl2pPr marL="0" indent="0" algn="l" defTabSz="685800" rtl="0" eaLnBrk="1" latinLnBrk="0" hangingPunct="1">
              <a:lnSpc>
                <a:spcPct val="100000"/>
              </a:lnSpc>
              <a:spcBef>
                <a:spcPts val="0"/>
              </a:spcBef>
              <a:buFont typeface="Arial" panose="020B0604020202020204" pitchFamily="34" charset="0"/>
              <a:buNone/>
              <a:defRPr sz="1650" kern="1200">
                <a:solidFill>
                  <a:schemeClr val="tx1"/>
                </a:solidFill>
                <a:latin typeface="+mn-lt"/>
                <a:ea typeface="+mn-ea"/>
                <a:cs typeface="+mn-cs"/>
              </a:defRPr>
            </a:lvl2pPr>
            <a:lvl3pPr marL="180975"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3pPr>
            <a:lvl4pPr marL="360000" indent="-180975"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4pPr>
            <a:lvl5pPr marL="539750" indent="-177800" algn="l" defTabSz="685800" rtl="0" eaLnBrk="1" latinLnBrk="0" hangingPunct="1">
              <a:lnSpc>
                <a:spcPct val="100000"/>
              </a:lnSpc>
              <a:spcBef>
                <a:spcPts val="0"/>
              </a:spcBef>
              <a:buFont typeface="Arial" panose="020B0604020202020204" pitchFamily="34" charset="0"/>
              <a:buChar char="•"/>
              <a:defRPr sz="16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a:r>
              <a:rPr lang="en-US" sz="700" dirty="0">
                <a:solidFill>
                  <a:schemeClr val="accent5"/>
                </a:solidFill>
              </a:rPr>
              <a:t>[07] </a:t>
            </a:r>
            <a:r>
              <a:rPr lang="en-US" sz="700" b="1" dirty="0">
                <a:solidFill>
                  <a:schemeClr val="accent5"/>
                </a:solidFill>
              </a:rPr>
              <a:t>Kim H. et al. </a:t>
            </a:r>
            <a:r>
              <a:rPr lang="en-US" sz="700" dirty="0">
                <a:solidFill>
                  <a:schemeClr val="accent5"/>
                </a:solidFill>
              </a:rPr>
              <a:t>– Ammonia decomposition over Ru catalysts supported on alumina with different crystalline phases – Catalysis Today, v. 411–412, 2023, 113817</a:t>
            </a:r>
          </a:p>
          <a:p>
            <a:pPr algn="just"/>
            <a:r>
              <a:rPr lang="en-US" sz="700" dirty="0">
                <a:solidFill>
                  <a:schemeClr val="accent5"/>
                </a:solidFill>
              </a:rPr>
              <a:t>[08] </a:t>
            </a:r>
            <a:r>
              <a:rPr lang="en-US" sz="700" b="1" dirty="0">
                <a:solidFill>
                  <a:schemeClr val="accent5"/>
                </a:solidFill>
              </a:rPr>
              <a:t>Dahl S. et al. </a:t>
            </a:r>
            <a:r>
              <a:rPr lang="en-US" sz="700" dirty="0">
                <a:solidFill>
                  <a:schemeClr val="accent5"/>
                </a:solidFill>
              </a:rPr>
              <a:t>– </a:t>
            </a:r>
            <a:r>
              <a:rPr lang="en-US" sz="700" i="1" dirty="0">
                <a:solidFill>
                  <a:schemeClr val="accent5"/>
                </a:solidFill>
              </a:rPr>
              <a:t>Role of steps in N2 activation on Ru(0001) </a:t>
            </a:r>
            <a:r>
              <a:rPr lang="en-US" sz="700" dirty="0">
                <a:solidFill>
                  <a:schemeClr val="accent5"/>
                </a:solidFill>
              </a:rPr>
              <a:t>– Physical Review Letters, v. 83 (1999)</a:t>
            </a:r>
          </a:p>
          <a:p>
            <a:pPr algn="just"/>
            <a:endParaRPr lang="en-US" sz="700" dirty="0">
              <a:solidFill>
                <a:schemeClr val="accent5"/>
              </a:solidFill>
            </a:endParaRPr>
          </a:p>
        </p:txBody>
      </p:sp>
      <p:grpSp>
        <p:nvGrpSpPr>
          <p:cNvPr id="41" name="Group 40">
            <a:extLst>
              <a:ext uri="{FF2B5EF4-FFF2-40B4-BE49-F238E27FC236}">
                <a16:creationId xmlns:a16="http://schemas.microsoft.com/office/drawing/2014/main" id="{AEF2D85C-46D9-FA5C-E24F-2C3B61473225}"/>
              </a:ext>
            </a:extLst>
          </p:cNvPr>
          <p:cNvGrpSpPr/>
          <p:nvPr/>
        </p:nvGrpSpPr>
        <p:grpSpPr>
          <a:xfrm>
            <a:off x="3589935" y="2152461"/>
            <a:ext cx="1967168" cy="1975616"/>
            <a:chOff x="7028378" y="1770854"/>
            <a:chExt cx="1967168" cy="1975616"/>
          </a:xfrm>
        </p:grpSpPr>
        <p:grpSp>
          <p:nvGrpSpPr>
            <p:cNvPr id="6" name="Group 5">
              <a:extLst>
                <a:ext uri="{FF2B5EF4-FFF2-40B4-BE49-F238E27FC236}">
                  <a16:creationId xmlns:a16="http://schemas.microsoft.com/office/drawing/2014/main" id="{93CE000D-31E8-C5E1-FD82-DC58C4C1348E}"/>
                </a:ext>
              </a:extLst>
            </p:cNvPr>
            <p:cNvGrpSpPr/>
            <p:nvPr/>
          </p:nvGrpSpPr>
          <p:grpSpPr>
            <a:xfrm>
              <a:off x="7028378" y="1770854"/>
              <a:ext cx="1967168" cy="1975616"/>
              <a:chOff x="7028378" y="1770854"/>
              <a:chExt cx="1967168" cy="1975616"/>
            </a:xfrm>
          </p:grpSpPr>
          <p:pic>
            <p:nvPicPr>
              <p:cNvPr id="10" name="Picture 9">
                <a:extLst>
                  <a:ext uri="{FF2B5EF4-FFF2-40B4-BE49-F238E27FC236}">
                    <a16:creationId xmlns:a16="http://schemas.microsoft.com/office/drawing/2014/main" id="{5C20F027-E8BC-E30B-D9CE-A2F26B7CEDC2}"/>
                  </a:ext>
                </a:extLst>
              </p:cNvPr>
              <p:cNvPicPr/>
              <p:nvPr/>
            </p:nvPicPr>
            <p:blipFill rotWithShape="1">
              <a:blip r:embed="rId5">
                <a:extLst>
                  <a:ext uri="{28A0092B-C50C-407E-A947-70E740481C1C}">
                    <a14:useLocalDpi xmlns:a14="http://schemas.microsoft.com/office/drawing/2010/main" val="0"/>
                  </a:ext>
                </a:extLst>
              </a:blip>
              <a:srcRect b="-1579"/>
              <a:stretch/>
            </p:blipFill>
            <p:spPr bwMode="auto">
              <a:xfrm>
                <a:off x="7028378" y="1770854"/>
                <a:ext cx="1967168" cy="1975616"/>
              </a:xfrm>
              <a:prstGeom prst="rect">
                <a:avLst/>
              </a:prstGeom>
              <a:ln w="19050">
                <a:solidFill>
                  <a:schemeClr val="accent5"/>
                </a:solidFill>
              </a:ln>
            </p:spPr>
          </p:pic>
          <p:sp>
            <p:nvSpPr>
              <p:cNvPr id="22" name="Titel 1">
                <a:extLst>
                  <a:ext uri="{FF2B5EF4-FFF2-40B4-BE49-F238E27FC236}">
                    <a16:creationId xmlns:a16="http://schemas.microsoft.com/office/drawing/2014/main" id="{7BF96E89-3DF3-5AF3-84F0-E1E42E12245D}"/>
                  </a:ext>
                </a:extLst>
              </p:cNvPr>
              <p:cNvSpPr txBox="1">
                <a:spLocks/>
              </p:cNvSpPr>
              <p:nvPr/>
            </p:nvSpPr>
            <p:spPr>
              <a:xfrm>
                <a:off x="7040880" y="3367380"/>
                <a:ext cx="1944506" cy="319355"/>
              </a:xfrm>
              <a:prstGeom prst="rect">
                <a:avLst/>
              </a:prstGeom>
              <a:solidFill>
                <a:schemeClr val="bg1"/>
              </a:solidFill>
            </p:spPr>
            <p:txBody>
              <a:bodyPr vert="horz" lIns="0" tIns="0" rIns="0" bIns="0" rtlCol="0" anchor="t"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pPr algn="ctr"/>
                <a:r>
                  <a:rPr lang="en-US" sz="1800" dirty="0">
                    <a:solidFill>
                      <a:schemeClr val="accent5"/>
                    </a:solidFill>
                  </a:rPr>
                  <a:t>Ru B5-site</a:t>
                </a:r>
                <a:endParaRPr lang="en-GB" sz="1800" dirty="0">
                  <a:solidFill>
                    <a:schemeClr val="accent5"/>
                  </a:solidFill>
                </a:endParaRPr>
              </a:p>
            </p:txBody>
          </p:sp>
        </p:grpSp>
        <p:sp>
          <p:nvSpPr>
            <p:cNvPr id="25" name="Titel 1">
              <a:extLst>
                <a:ext uri="{FF2B5EF4-FFF2-40B4-BE49-F238E27FC236}">
                  <a16:creationId xmlns:a16="http://schemas.microsoft.com/office/drawing/2014/main" id="{59FD9B52-5DE9-AF27-ABFA-FA45FA3B9E75}"/>
                </a:ext>
              </a:extLst>
            </p:cNvPr>
            <p:cNvSpPr txBox="1">
              <a:spLocks/>
            </p:cNvSpPr>
            <p:nvPr/>
          </p:nvSpPr>
          <p:spPr>
            <a:xfrm>
              <a:off x="8605563" y="1813650"/>
              <a:ext cx="333309" cy="240610"/>
            </a:xfrm>
            <a:prstGeom prst="rect">
              <a:avLst/>
            </a:prstGeom>
            <a:solidFill>
              <a:schemeClr val="bg1"/>
            </a:solidFill>
          </p:spPr>
          <p:txBody>
            <a:bodyPr vert="horz" lIns="0" tIns="0" rIns="0" bIns="0" rtlCol="0" anchor="b"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pPr algn="ctr"/>
              <a:r>
                <a:rPr lang="en-US" sz="1800" dirty="0">
                  <a:solidFill>
                    <a:schemeClr val="accent5"/>
                  </a:solidFill>
                </a:rPr>
                <a:t>N</a:t>
              </a:r>
              <a:r>
                <a:rPr lang="en-US" sz="1800" baseline="-25000" dirty="0">
                  <a:solidFill>
                    <a:schemeClr val="accent5"/>
                  </a:solidFill>
                </a:rPr>
                <a:t>2</a:t>
              </a:r>
              <a:endParaRPr lang="en-GB" sz="1800" baseline="-25000" dirty="0">
                <a:solidFill>
                  <a:schemeClr val="accent5"/>
                </a:solidFill>
              </a:endParaRPr>
            </a:p>
          </p:txBody>
        </p:sp>
        <p:sp>
          <p:nvSpPr>
            <p:cNvPr id="26" name="Titel 1">
              <a:extLst>
                <a:ext uri="{FF2B5EF4-FFF2-40B4-BE49-F238E27FC236}">
                  <a16:creationId xmlns:a16="http://schemas.microsoft.com/office/drawing/2014/main" id="{06D57B48-EE7C-DCCF-A93D-9A2DE6176657}"/>
                </a:ext>
              </a:extLst>
            </p:cNvPr>
            <p:cNvSpPr txBox="1">
              <a:spLocks/>
            </p:cNvSpPr>
            <p:nvPr/>
          </p:nvSpPr>
          <p:spPr>
            <a:xfrm>
              <a:off x="7580768" y="2117228"/>
              <a:ext cx="333309" cy="240610"/>
            </a:xfrm>
            <a:prstGeom prst="rect">
              <a:avLst/>
            </a:prstGeom>
            <a:noFill/>
          </p:spPr>
          <p:txBody>
            <a:bodyPr vert="horz" lIns="0" tIns="0" rIns="0" bIns="0" rtlCol="0" anchor="b"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pPr algn="ctr"/>
              <a:r>
                <a:rPr lang="en-US" sz="1800" dirty="0">
                  <a:solidFill>
                    <a:schemeClr val="accent5"/>
                  </a:solidFill>
                </a:rPr>
                <a:t>1</a:t>
              </a:r>
              <a:endParaRPr lang="en-GB" sz="1800" baseline="-25000" dirty="0">
                <a:solidFill>
                  <a:schemeClr val="accent5"/>
                </a:solidFill>
              </a:endParaRPr>
            </a:p>
          </p:txBody>
        </p:sp>
        <p:sp>
          <p:nvSpPr>
            <p:cNvPr id="27" name="Titel 1">
              <a:extLst>
                <a:ext uri="{FF2B5EF4-FFF2-40B4-BE49-F238E27FC236}">
                  <a16:creationId xmlns:a16="http://schemas.microsoft.com/office/drawing/2014/main" id="{2C77E11A-BB5B-C75D-0B8D-2C3FA9B56B84}"/>
                </a:ext>
              </a:extLst>
            </p:cNvPr>
            <p:cNvSpPr txBox="1">
              <a:spLocks/>
            </p:cNvSpPr>
            <p:nvPr/>
          </p:nvSpPr>
          <p:spPr>
            <a:xfrm>
              <a:off x="8011962" y="2563043"/>
              <a:ext cx="91554" cy="77287"/>
            </a:xfrm>
            <a:prstGeom prst="rect">
              <a:avLst/>
            </a:prstGeom>
            <a:solidFill>
              <a:srgbClr val="969696"/>
            </a:solidFill>
          </p:spPr>
          <p:txBody>
            <a:bodyPr vert="horz" lIns="0" tIns="0" rIns="0" bIns="0" rtlCol="0" anchor="ctr"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pPr algn="ctr"/>
              <a:r>
                <a:rPr lang="en-US" sz="1800" dirty="0">
                  <a:solidFill>
                    <a:schemeClr val="accent5"/>
                  </a:solidFill>
                </a:rPr>
                <a:t>2</a:t>
              </a:r>
              <a:endParaRPr lang="en-GB" sz="1800" baseline="-25000" dirty="0">
                <a:solidFill>
                  <a:schemeClr val="accent5"/>
                </a:solidFill>
              </a:endParaRPr>
            </a:p>
          </p:txBody>
        </p:sp>
        <p:sp>
          <p:nvSpPr>
            <p:cNvPr id="28" name="Titel 1">
              <a:extLst>
                <a:ext uri="{FF2B5EF4-FFF2-40B4-BE49-F238E27FC236}">
                  <a16:creationId xmlns:a16="http://schemas.microsoft.com/office/drawing/2014/main" id="{43552054-EDF9-A71B-1ADC-77B2471EE1DB}"/>
                </a:ext>
              </a:extLst>
            </p:cNvPr>
            <p:cNvSpPr txBox="1">
              <a:spLocks/>
            </p:cNvSpPr>
            <p:nvPr/>
          </p:nvSpPr>
          <p:spPr>
            <a:xfrm>
              <a:off x="8673833" y="2483658"/>
              <a:ext cx="91554" cy="121192"/>
            </a:xfrm>
            <a:prstGeom prst="rect">
              <a:avLst/>
            </a:prstGeom>
            <a:solidFill>
              <a:srgbClr val="FEFEFE"/>
            </a:solidFill>
          </p:spPr>
          <p:txBody>
            <a:bodyPr vert="horz" lIns="0" tIns="0" rIns="0" bIns="0" rtlCol="0" anchor="ctr"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pPr algn="ctr"/>
              <a:r>
                <a:rPr lang="en-US" sz="1800" dirty="0">
                  <a:solidFill>
                    <a:schemeClr val="accent5"/>
                  </a:solidFill>
                </a:rPr>
                <a:t>3</a:t>
              </a:r>
              <a:endParaRPr lang="en-GB" sz="1800" baseline="-25000" dirty="0">
                <a:solidFill>
                  <a:schemeClr val="accent5"/>
                </a:solidFill>
              </a:endParaRPr>
            </a:p>
          </p:txBody>
        </p:sp>
        <p:sp>
          <p:nvSpPr>
            <p:cNvPr id="39" name="Titel 1">
              <a:extLst>
                <a:ext uri="{FF2B5EF4-FFF2-40B4-BE49-F238E27FC236}">
                  <a16:creationId xmlns:a16="http://schemas.microsoft.com/office/drawing/2014/main" id="{0F3C82CB-4090-27DF-0F5F-1CC0CD38CDD1}"/>
                </a:ext>
              </a:extLst>
            </p:cNvPr>
            <p:cNvSpPr txBox="1">
              <a:spLocks/>
            </p:cNvSpPr>
            <p:nvPr/>
          </p:nvSpPr>
          <p:spPr>
            <a:xfrm>
              <a:off x="7214775" y="2251204"/>
              <a:ext cx="333309" cy="240610"/>
            </a:xfrm>
            <a:prstGeom prst="rect">
              <a:avLst/>
            </a:prstGeom>
            <a:noFill/>
          </p:spPr>
          <p:txBody>
            <a:bodyPr vert="horz" lIns="0" tIns="0" rIns="0" bIns="0" rtlCol="0" anchor="b"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pPr algn="ctr"/>
              <a:r>
                <a:rPr lang="en-US" sz="1800" dirty="0">
                  <a:solidFill>
                    <a:schemeClr val="accent5"/>
                  </a:solidFill>
                </a:rPr>
                <a:t>N</a:t>
              </a:r>
              <a:endParaRPr lang="en-GB" sz="1800" baseline="-25000" dirty="0">
                <a:solidFill>
                  <a:schemeClr val="accent5"/>
                </a:solidFill>
              </a:endParaRPr>
            </a:p>
          </p:txBody>
        </p:sp>
        <p:sp>
          <p:nvSpPr>
            <p:cNvPr id="40" name="Titel 1">
              <a:extLst>
                <a:ext uri="{FF2B5EF4-FFF2-40B4-BE49-F238E27FC236}">
                  <a16:creationId xmlns:a16="http://schemas.microsoft.com/office/drawing/2014/main" id="{9F59A5D2-8F58-A086-388D-70CC93F83E9E}"/>
                </a:ext>
              </a:extLst>
            </p:cNvPr>
            <p:cNvSpPr txBox="1">
              <a:spLocks/>
            </p:cNvSpPr>
            <p:nvPr/>
          </p:nvSpPr>
          <p:spPr>
            <a:xfrm>
              <a:off x="7214775" y="2927457"/>
              <a:ext cx="333309" cy="240610"/>
            </a:xfrm>
            <a:prstGeom prst="rect">
              <a:avLst/>
            </a:prstGeom>
            <a:noFill/>
          </p:spPr>
          <p:txBody>
            <a:bodyPr vert="horz" lIns="0" tIns="0" rIns="0" bIns="0" rtlCol="0" anchor="b" anchorCtr="0">
              <a:noAutofit/>
            </a:bodyPr>
            <a:lstStyle>
              <a:lvl1pPr algn="l" defTabSz="685800" rtl="0" eaLnBrk="1" latinLnBrk="0" hangingPunct="1">
                <a:lnSpc>
                  <a:spcPts val="2700"/>
                </a:lnSpc>
                <a:spcBef>
                  <a:spcPct val="0"/>
                </a:spcBef>
                <a:buNone/>
                <a:defRPr sz="2700" b="1" kern="1200">
                  <a:solidFill>
                    <a:schemeClr val="tx1"/>
                  </a:solidFill>
                  <a:latin typeface="+mj-lt"/>
                  <a:ea typeface="+mj-ea"/>
                  <a:cs typeface="+mj-cs"/>
                </a:defRPr>
              </a:lvl1pPr>
            </a:lstStyle>
            <a:p>
              <a:pPr algn="ctr"/>
              <a:r>
                <a:rPr lang="en-US" sz="1800" dirty="0">
                  <a:solidFill>
                    <a:schemeClr val="accent5"/>
                  </a:solidFill>
                </a:rPr>
                <a:t>N</a:t>
              </a:r>
              <a:endParaRPr lang="en-GB" sz="1800" baseline="-25000" dirty="0">
                <a:solidFill>
                  <a:schemeClr val="accent5"/>
                </a:solidFill>
              </a:endParaRPr>
            </a:p>
          </p:txBody>
        </p:sp>
      </p:grpSp>
    </p:spTree>
    <p:extLst>
      <p:ext uri="{BB962C8B-B14F-4D97-AF65-F5344CB8AC3E}">
        <p14:creationId xmlns:p14="http://schemas.microsoft.com/office/powerpoint/2010/main" val="3700296007"/>
      </p:ext>
    </p:extLst>
  </p:cSld>
  <p:clrMapOvr>
    <a:masterClrMapping/>
  </p:clrMapOvr>
  <p:transition spd="med">
    <p:pull/>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fade">
                                      <p:cBhvr>
                                        <p:cTn id="7" dur="1000"/>
                                        <p:tgtEl>
                                          <p:spTgt spid="8"/>
                                        </p:tgtEl>
                                      </p:cBhvr>
                                    </p:animEffect>
                                  </p:childTnLst>
                                </p:cTn>
                              </p:par>
                            </p:childTnLst>
                          </p:cTn>
                        </p:par>
                        <p:par>
                          <p:cTn id="8" fill="hold">
                            <p:stCondLst>
                              <p:cond delay="1000"/>
                            </p:stCondLst>
                            <p:childTnLst>
                              <p:par>
                                <p:cTn id="9" presetID="22" presetClass="entr" presetSubtype="8" fill="hold" grpId="0" nodeType="afterEffect">
                                  <p:stCondLst>
                                    <p:cond delay="0"/>
                                  </p:stCondLst>
                                  <p:childTnLst>
                                    <p:set>
                                      <p:cBhvr>
                                        <p:cTn id="10" dur="1" fill="hold">
                                          <p:stCondLst>
                                            <p:cond delay="0"/>
                                          </p:stCondLst>
                                        </p:cTn>
                                        <p:tgtEl>
                                          <p:spTgt spid="9"/>
                                        </p:tgtEl>
                                        <p:attrNameLst>
                                          <p:attrName>style.visibility</p:attrName>
                                        </p:attrNameLst>
                                      </p:cBhvr>
                                      <p:to>
                                        <p:strVal val="visible"/>
                                      </p:to>
                                    </p:set>
                                    <p:animEffect transition="in" filter="wipe(left)">
                                      <p:cBhvr>
                                        <p:cTn id="11" dur="10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P spid="9" grpId="0"/>
    </p:bldLst>
  </p:timing>
</p:sld>
</file>

<file path=ppt/theme/theme1.xml><?xml version="1.0" encoding="utf-8"?>
<a:theme xmlns:a="http://schemas.openxmlformats.org/drawingml/2006/main" name="Kantoorthema">
  <a:themeElements>
    <a:clrScheme name="TUe_PPT_V2">
      <a:dk1>
        <a:sysClr val="windowText" lastClr="000000"/>
      </a:dk1>
      <a:lt1>
        <a:sysClr val="window" lastClr="FFFFFF"/>
      </a:lt1>
      <a:dk2>
        <a:srgbClr val="C81919"/>
      </a:dk2>
      <a:lt2>
        <a:srgbClr val="101073"/>
      </a:lt2>
      <a:accent1>
        <a:srgbClr val="C81919"/>
      </a:accent1>
      <a:accent2>
        <a:srgbClr val="9E9EB1"/>
      </a:accent2>
      <a:accent3>
        <a:srgbClr val="0092B5"/>
      </a:accent3>
      <a:accent4>
        <a:srgbClr val="FF9A00"/>
      </a:accent4>
      <a:accent5>
        <a:srgbClr val="101073"/>
      </a:accent5>
      <a:accent6>
        <a:srgbClr val="CEDF00"/>
      </a:accent6>
      <a:hlink>
        <a:srgbClr val="0563C1"/>
      </a:hlink>
      <a:folHlink>
        <a:srgbClr val="954F72"/>
      </a:folHlink>
    </a:clrScheme>
    <a:fontScheme name="TUe_Calibri">
      <a:majorFont>
        <a:latin typeface="Calibri"/>
        <a:ea typeface=""/>
        <a:cs typeface=""/>
      </a:majorFont>
      <a:minorFont>
        <a:latin typeface="Calibri"/>
        <a:ea typeface=""/>
        <a:cs typeface=""/>
      </a:minorFont>
    </a:fontScheme>
    <a:fmtScheme name="Kantoorthema">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TUe_16x9.potx" id="{9370F84E-7576-4FDA-B736-A09996DF8429}" vid="{ED81D3C9-A1FB-4E5B-AF38-E92F700A58FD}"/>
    </a:ext>
  </a:extLst>
</a:theme>
</file>

<file path=ppt/theme/theme2.xml><?xml version="1.0" encoding="utf-8"?>
<a:theme xmlns:a="http://schemas.openxmlformats.org/drawingml/2006/main" name="1_Kantoorthema">
  <a:themeElements>
    <a:clrScheme name="TUe_PPT_V2">
      <a:dk1>
        <a:sysClr val="windowText" lastClr="000000"/>
      </a:dk1>
      <a:lt1>
        <a:sysClr val="window" lastClr="FFFFFF"/>
      </a:lt1>
      <a:dk2>
        <a:srgbClr val="C81919"/>
      </a:dk2>
      <a:lt2>
        <a:srgbClr val="101073"/>
      </a:lt2>
      <a:accent1>
        <a:srgbClr val="C81919"/>
      </a:accent1>
      <a:accent2>
        <a:srgbClr val="9E9EB1"/>
      </a:accent2>
      <a:accent3>
        <a:srgbClr val="0092B5"/>
      </a:accent3>
      <a:accent4>
        <a:srgbClr val="FF9A00"/>
      </a:accent4>
      <a:accent5>
        <a:srgbClr val="101073"/>
      </a:accent5>
      <a:accent6>
        <a:srgbClr val="CEDF00"/>
      </a:accent6>
      <a:hlink>
        <a:srgbClr val="0563C1"/>
      </a:hlink>
      <a:folHlink>
        <a:srgbClr val="954F72"/>
      </a:folHlink>
    </a:clrScheme>
    <a:fontScheme name="TUe_Calibri">
      <a:majorFont>
        <a:latin typeface="Calibri"/>
        <a:ea typeface=""/>
        <a:cs typeface=""/>
      </a:majorFont>
      <a:minorFont>
        <a:latin typeface="Calibri"/>
        <a:ea typeface=""/>
        <a:cs typeface=""/>
      </a:minorFont>
    </a:fontScheme>
    <a:fmtScheme name="Kantoorthema">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TUe_16x9.potx" id="{9370F84E-7576-4FDA-B736-A09996DF8429}" vid="{ED81D3C9-A1FB-4E5B-AF38-E92F700A58FD}"/>
    </a:ext>
  </a:extLst>
</a:theme>
</file>

<file path=ppt/theme/theme3.xml><?xml version="1.0" encoding="utf-8"?>
<a:theme xmlns:a="http://schemas.openxmlformats.org/drawingml/2006/main" name="Kantoorthema">
  <a:themeElements>
    <a:clrScheme name="Kantoor">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Kantoor">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Kantoor">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
  <TotalTime>18542</TotalTime>
  <Words>2699</Words>
  <Application>Microsoft Office PowerPoint</Application>
  <PresentationFormat>On-screen Show (16:9)</PresentationFormat>
  <Paragraphs>438</Paragraphs>
  <Slides>26</Slides>
  <Notes>26</Notes>
  <HiddenSlides>0</HiddenSlides>
  <MMClips>0</MMClips>
  <ScaleCrop>false</ScaleCrop>
  <HeadingPairs>
    <vt:vector size="6" baseType="variant">
      <vt:variant>
        <vt:lpstr>Fonts Used</vt:lpstr>
      </vt:variant>
      <vt:variant>
        <vt:i4>13</vt:i4>
      </vt:variant>
      <vt:variant>
        <vt:lpstr>Theme</vt:lpstr>
      </vt:variant>
      <vt:variant>
        <vt:i4>2</vt:i4>
      </vt:variant>
      <vt:variant>
        <vt:lpstr>Slide Titles</vt:lpstr>
      </vt:variant>
      <vt:variant>
        <vt:i4>26</vt:i4>
      </vt:variant>
    </vt:vector>
  </HeadingPairs>
  <TitlesOfParts>
    <vt:vector size="41" baseType="lpstr">
      <vt:lpstr>Amasis MT Pro Light</vt:lpstr>
      <vt:lpstr>Arial</vt:lpstr>
      <vt:lpstr>Calibri</vt:lpstr>
      <vt:lpstr>Calibri </vt:lpstr>
      <vt:lpstr>Calibri (Headings)</vt:lpstr>
      <vt:lpstr>Cambria Math</vt:lpstr>
      <vt:lpstr>Dubai</vt:lpstr>
      <vt:lpstr>Leelawadee</vt:lpstr>
      <vt:lpstr>Modern Love Caps</vt:lpstr>
      <vt:lpstr>Open Sans</vt:lpstr>
      <vt:lpstr>Seaford</vt:lpstr>
      <vt:lpstr>Times New Roman</vt:lpstr>
      <vt:lpstr>Wingdings</vt:lpstr>
      <vt:lpstr>Kantoorthema</vt:lpstr>
      <vt:lpstr>1_Kantoorthema</vt:lpstr>
      <vt:lpstr>Advancements in low-temperature ammonia decomposition on   Cs-Ru/CeO2 catalysts: a kinetic study</vt:lpstr>
      <vt:lpstr>Overview</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Thank you for your attention! Any question?</vt:lpstr>
    </vt:vector>
  </TitlesOfParts>
  <Company>TU/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Example of a title at the top</dc:title>
  <dc:creator>Ven, I.M.J. van de</dc:creator>
  <cp:lastModifiedBy>Anello, Gaetano</cp:lastModifiedBy>
  <cp:revision>312</cp:revision>
  <dcterms:created xsi:type="dcterms:W3CDTF">2019-11-27T15:26:32Z</dcterms:created>
  <dcterms:modified xsi:type="dcterms:W3CDTF">2024-08-05T15:50:34Z</dcterms:modified>
</cp:coreProperties>
</file>